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71" r:id="rId10"/>
  </p:sldMasterIdLst>
  <p:notesMasterIdLst>
    <p:notesMasterId r:id="rId60"/>
  </p:notesMasterIdLst>
  <p:handoutMasterIdLst>
    <p:handoutMasterId r:id="rId61"/>
  </p:handoutMasterIdLst>
  <p:sldIdLst>
    <p:sldId id="260" r:id="rId11"/>
    <p:sldId id="2147473506" r:id="rId12"/>
    <p:sldId id="2147473509" r:id="rId13"/>
    <p:sldId id="363" r:id="rId14"/>
    <p:sldId id="364" r:id="rId15"/>
    <p:sldId id="365" r:id="rId16"/>
    <p:sldId id="366" r:id="rId17"/>
    <p:sldId id="2147473233" r:id="rId18"/>
    <p:sldId id="2147473234" r:id="rId19"/>
    <p:sldId id="367" r:id="rId20"/>
    <p:sldId id="368" r:id="rId21"/>
    <p:sldId id="369" r:id="rId22"/>
    <p:sldId id="2147473500" r:id="rId23"/>
    <p:sldId id="2147473501" r:id="rId24"/>
    <p:sldId id="2147473502" r:id="rId25"/>
    <p:sldId id="370" r:id="rId26"/>
    <p:sldId id="2147473508" r:id="rId27"/>
    <p:sldId id="371" r:id="rId28"/>
    <p:sldId id="372" r:id="rId29"/>
    <p:sldId id="373" r:id="rId30"/>
    <p:sldId id="374" r:id="rId31"/>
    <p:sldId id="375" r:id="rId32"/>
    <p:sldId id="376" r:id="rId33"/>
    <p:sldId id="377" r:id="rId34"/>
    <p:sldId id="378" r:id="rId35"/>
    <p:sldId id="379" r:id="rId36"/>
    <p:sldId id="380" r:id="rId37"/>
    <p:sldId id="381" r:id="rId38"/>
    <p:sldId id="382" r:id="rId39"/>
    <p:sldId id="383" r:id="rId40"/>
    <p:sldId id="384" r:id="rId41"/>
    <p:sldId id="385" r:id="rId42"/>
    <p:sldId id="386" r:id="rId43"/>
    <p:sldId id="2147473235" r:id="rId44"/>
    <p:sldId id="387" r:id="rId45"/>
    <p:sldId id="2147473236" r:id="rId46"/>
    <p:sldId id="388" r:id="rId47"/>
    <p:sldId id="389" r:id="rId48"/>
    <p:sldId id="390" r:id="rId49"/>
    <p:sldId id="354" r:id="rId50"/>
    <p:sldId id="355" r:id="rId51"/>
    <p:sldId id="356" r:id="rId52"/>
    <p:sldId id="394" r:id="rId53"/>
    <p:sldId id="395" r:id="rId54"/>
    <p:sldId id="396" r:id="rId55"/>
    <p:sldId id="342" r:id="rId56"/>
    <p:sldId id="343" r:id="rId57"/>
    <p:sldId id="347" r:id="rId58"/>
    <p:sldId id="256" r:id="rId59"/>
  </p:sldIdLst>
  <p:sldSz cx="12195175" cy="6859588"/>
  <p:notesSz cx="6742113" cy="9872663"/>
  <p:custDataLst>
    <p:tags r:id="rId62"/>
  </p:custDataLst>
  <p:defaultTex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p:defaultTextStyle>
  <p:extLst>
    <p:ext uri="{521415D9-36F7-43E2-AB2F-B90AF26B5E84}">
      <p14:sectionLst xmlns:p14="http://schemas.microsoft.com/office/powerpoint/2010/main">
        <p14:section name="+ Danish" id="{8D852F6B-B183-43B5-A26E-8A16307954DF}">
          <p14:sldIdLst>
            <p14:sldId id="260"/>
            <p14:sldId id="2147473506"/>
            <p14:sldId id="2147473509"/>
            <p14:sldId id="363"/>
            <p14:sldId id="364"/>
            <p14:sldId id="365"/>
            <p14:sldId id="366"/>
            <p14:sldId id="2147473233"/>
            <p14:sldId id="2147473234"/>
            <p14:sldId id="367"/>
            <p14:sldId id="368"/>
            <p14:sldId id="369"/>
            <p14:sldId id="2147473500"/>
            <p14:sldId id="2147473501"/>
            <p14:sldId id="2147473502"/>
            <p14:sldId id="370"/>
            <p14:sldId id="2147473508"/>
            <p14:sldId id="371"/>
            <p14:sldId id="372"/>
            <p14:sldId id="373"/>
            <p14:sldId id="374"/>
            <p14:sldId id="375"/>
            <p14:sldId id="376"/>
            <p14:sldId id="377"/>
            <p14:sldId id="378"/>
            <p14:sldId id="379"/>
            <p14:sldId id="380"/>
            <p14:sldId id="381"/>
            <p14:sldId id="382"/>
            <p14:sldId id="383"/>
            <p14:sldId id="384"/>
            <p14:sldId id="385"/>
            <p14:sldId id="386"/>
            <p14:sldId id="2147473235"/>
            <p14:sldId id="387"/>
            <p14:sldId id="2147473236"/>
            <p14:sldId id="388"/>
            <p14:sldId id="389"/>
            <p14:sldId id="390"/>
            <p14:sldId id="354"/>
            <p14:sldId id="355"/>
            <p14:sldId id="356"/>
            <p14:sldId id="394"/>
            <p14:sldId id="395"/>
            <p14:sldId id="396"/>
            <p14:sldId id="342"/>
            <p14:sldId id="343"/>
            <p14:sldId id="347"/>
            <p14:sldId id="256"/>
          </p14:sldIdLst>
        </p14:section>
      </p14:sectionLst>
    </p:ext>
    <p:ext uri="{EFAFB233-063F-42B5-8137-9DF3F51BA10A}">
      <p15:sldGuideLst xmlns:p15="http://schemas.microsoft.com/office/powerpoint/2012/main">
        <p15:guide id="1" orient="horz" pos="1140" userDrawn="1">
          <p15:clr>
            <a:srgbClr val="A4A3A4"/>
          </p15:clr>
        </p15:guide>
        <p15:guide id="2" pos="3841">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C684431-63EC-7B0D-F704-24CD3375EAE9}" name="Theis Ziegler" initials="TZ" userId="S::theis.ziegler@paconsulting.com::1d0357a8-3efe-41fa-839c-7601d995f2eb" providerId="AD"/>
  <p188:author id="{EEDAC539-FDD6-EEFB-ABF4-91664E58A067}" name="Rasmus Korch" initials="RK" userId="S::rasmus.korch@paconsulting.com::26296809-80a6-4c4e-846e-181fba4a0ab5" providerId="AD"/>
  <p188:author id="{36F9B43D-6E81-49DC-1E77-11EA5031404B}" name="Rasmus Korch" initials="RK" userId="S::Rasmus.Korch@paconsulting.com::26296809-80a6-4c4e-846e-181fba4a0ab5" providerId="AD"/>
  <p188:author id="{784FBA6B-10D0-5AE3-D38F-9261475D1E6E}" name="Nicklas Andersen" initials="NA" userId="S::Nicklas.Andersen@paconsulting.com::f7cdc261-7a33-426a-beb6-3af373b72a11"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C5003E"/>
    <a:srgbClr val="006A83"/>
    <a:srgbClr val="3F3F3F"/>
    <a:srgbClr val="3A3A3A"/>
    <a:srgbClr val="6CBD3A"/>
    <a:srgbClr val="D9D9D9"/>
    <a:srgbClr val="E6F5F8"/>
    <a:srgbClr val="EE2F66"/>
    <a:srgbClr val="FEF4F7"/>
    <a:srgbClr val="04607D"/>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A847C13-1EF9-4B11-BD50-6A6A1550395A}" v="271" dt="2026-03-26T08:24:25.92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65" d="100"/>
          <a:sy n="65" d="100"/>
        </p:scale>
        <p:origin x="308" y="52"/>
      </p:cViewPr>
      <p:guideLst>
        <p:guide orient="horz" pos="1140"/>
        <p:guide pos="3841"/>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16.xml"/><Relationship Id="rId21" Type="http://schemas.openxmlformats.org/officeDocument/2006/relationships/slide" Target="slides/slide11.xml"/><Relationship Id="rId42" Type="http://schemas.openxmlformats.org/officeDocument/2006/relationships/slide" Target="slides/slide32.xml"/><Relationship Id="rId47" Type="http://schemas.openxmlformats.org/officeDocument/2006/relationships/slide" Target="slides/slide37.xml"/><Relationship Id="rId63" Type="http://schemas.openxmlformats.org/officeDocument/2006/relationships/presProps" Target="presProps.xml"/><Relationship Id="rId68"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6.xml"/><Relationship Id="rId29" Type="http://schemas.openxmlformats.org/officeDocument/2006/relationships/slide" Target="slides/slide19.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slide" Target="slides/slide22.xml"/><Relationship Id="rId37" Type="http://schemas.openxmlformats.org/officeDocument/2006/relationships/slide" Target="slides/slide27.xml"/><Relationship Id="rId40" Type="http://schemas.openxmlformats.org/officeDocument/2006/relationships/slide" Target="slides/slide30.xml"/><Relationship Id="rId45" Type="http://schemas.openxmlformats.org/officeDocument/2006/relationships/slide" Target="slides/slide35.xml"/><Relationship Id="rId53" Type="http://schemas.openxmlformats.org/officeDocument/2006/relationships/slide" Target="slides/slide43.xml"/><Relationship Id="rId58" Type="http://schemas.openxmlformats.org/officeDocument/2006/relationships/slide" Target="slides/slide48.xml"/><Relationship Id="rId66" Type="http://schemas.openxmlformats.org/officeDocument/2006/relationships/tableStyles" Target="tableStyles.xml"/><Relationship Id="rId5" Type="http://schemas.openxmlformats.org/officeDocument/2006/relationships/customXml" Target="../customXml/item5.xml"/><Relationship Id="rId61" Type="http://schemas.openxmlformats.org/officeDocument/2006/relationships/handoutMaster" Target="handoutMasters/handoutMaster1.xml"/><Relationship Id="rId19" Type="http://schemas.openxmlformats.org/officeDocument/2006/relationships/slide" Target="slides/slide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slide" Target="slides/slide20.xml"/><Relationship Id="rId35" Type="http://schemas.openxmlformats.org/officeDocument/2006/relationships/slide" Target="slides/slide25.xml"/><Relationship Id="rId43" Type="http://schemas.openxmlformats.org/officeDocument/2006/relationships/slide" Target="slides/slide33.xml"/><Relationship Id="rId48" Type="http://schemas.openxmlformats.org/officeDocument/2006/relationships/slide" Target="slides/slide38.xml"/><Relationship Id="rId56" Type="http://schemas.openxmlformats.org/officeDocument/2006/relationships/slide" Target="slides/slide46.xml"/><Relationship Id="rId64" Type="http://schemas.openxmlformats.org/officeDocument/2006/relationships/viewProps" Target="viewProps.xml"/><Relationship Id="rId69" Type="http://schemas.microsoft.com/office/2018/10/relationships/authors" Target="authors.xml"/><Relationship Id="rId8" Type="http://schemas.openxmlformats.org/officeDocument/2006/relationships/customXml" Target="../customXml/item8.xml"/><Relationship Id="rId51" Type="http://schemas.openxmlformats.org/officeDocument/2006/relationships/slide" Target="slides/slide41.xml"/><Relationship Id="rId3" Type="http://schemas.openxmlformats.org/officeDocument/2006/relationships/customXml" Target="../customXml/item3.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slide" Target="slides/slide23.xml"/><Relationship Id="rId38" Type="http://schemas.openxmlformats.org/officeDocument/2006/relationships/slide" Target="slides/slide28.xml"/><Relationship Id="rId46" Type="http://schemas.openxmlformats.org/officeDocument/2006/relationships/slide" Target="slides/slide36.xml"/><Relationship Id="rId59" Type="http://schemas.openxmlformats.org/officeDocument/2006/relationships/slide" Target="slides/slide49.xml"/><Relationship Id="rId67" Type="http://schemas.microsoft.com/office/2016/11/relationships/changesInfo" Target="changesInfos/changesInfo1.xml"/><Relationship Id="rId20" Type="http://schemas.openxmlformats.org/officeDocument/2006/relationships/slide" Target="slides/slide10.xml"/><Relationship Id="rId41" Type="http://schemas.openxmlformats.org/officeDocument/2006/relationships/slide" Target="slides/slide31.xml"/><Relationship Id="rId54" Type="http://schemas.openxmlformats.org/officeDocument/2006/relationships/slide" Target="slides/slide44.xml"/><Relationship Id="rId62"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36" Type="http://schemas.openxmlformats.org/officeDocument/2006/relationships/slide" Target="slides/slide26.xml"/><Relationship Id="rId49" Type="http://schemas.openxmlformats.org/officeDocument/2006/relationships/slide" Target="slides/slide39.xml"/><Relationship Id="rId57" Type="http://schemas.openxmlformats.org/officeDocument/2006/relationships/slide" Target="slides/slide47.xml"/><Relationship Id="rId10" Type="http://schemas.openxmlformats.org/officeDocument/2006/relationships/slideMaster" Target="slideMasters/slideMaster1.xml"/><Relationship Id="rId31" Type="http://schemas.openxmlformats.org/officeDocument/2006/relationships/slide" Target="slides/slide21.xml"/><Relationship Id="rId44" Type="http://schemas.openxmlformats.org/officeDocument/2006/relationships/slide" Target="slides/slide34.xml"/><Relationship Id="rId52" Type="http://schemas.openxmlformats.org/officeDocument/2006/relationships/slide" Target="slides/slide42.xml"/><Relationship Id="rId60" Type="http://schemas.openxmlformats.org/officeDocument/2006/relationships/notesMaster" Target="notesMasters/notesMaster1.xml"/><Relationship Id="rId65"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slide" Target="slides/slide3.xml"/><Relationship Id="rId18" Type="http://schemas.openxmlformats.org/officeDocument/2006/relationships/slide" Target="slides/slide8.xml"/><Relationship Id="rId39" Type="http://schemas.openxmlformats.org/officeDocument/2006/relationships/slide" Target="slides/slide29.xml"/><Relationship Id="rId34" Type="http://schemas.openxmlformats.org/officeDocument/2006/relationships/slide" Target="slides/slide24.xml"/><Relationship Id="rId50" Type="http://schemas.openxmlformats.org/officeDocument/2006/relationships/slide" Target="slides/slide40.xml"/><Relationship Id="rId55" Type="http://schemas.openxmlformats.org/officeDocument/2006/relationships/slide" Target="slides/slide45.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Theis Ziegler" userId="1d0357a8-3efe-41fa-839c-7601d995f2eb" providerId="ADAL" clId="{DF415A0B-A0B9-4C60-9114-93ED0130F608}"/>
    <pc:docChg chg="undo redo custSel addSld delSld modSld modMainMaster modSection">
      <pc:chgData name="Theis Ziegler" userId="1d0357a8-3efe-41fa-839c-7601d995f2eb" providerId="ADAL" clId="{DF415A0B-A0B9-4C60-9114-93ED0130F608}" dt="2026-03-26T12:27:09.292" v="4698" actId="139"/>
      <pc:docMkLst>
        <pc:docMk/>
      </pc:docMkLst>
      <pc:sldChg chg="addSp modSp mod">
        <pc:chgData name="Theis Ziegler" userId="1d0357a8-3efe-41fa-839c-7601d995f2eb" providerId="ADAL" clId="{DF415A0B-A0B9-4C60-9114-93ED0130F608}" dt="2026-03-26T08:24:28.650" v="4670" actId="1076"/>
        <pc:sldMkLst>
          <pc:docMk/>
          <pc:sldMk cId="4069972108" sldId="256"/>
        </pc:sldMkLst>
        <pc:spChg chg="add mod ord">
          <ac:chgData name="Theis Ziegler" userId="1d0357a8-3efe-41fa-839c-7601d995f2eb" providerId="ADAL" clId="{DF415A0B-A0B9-4C60-9114-93ED0130F608}" dt="2026-03-25T13:15:12.958" v="4637" actId="207"/>
          <ac:spMkLst>
            <pc:docMk/>
            <pc:sldMk cId="4069972108" sldId="256"/>
            <ac:spMk id="2" creationId="{D42394C1-1F23-3BA5-A107-04CECC36B577}"/>
          </ac:spMkLst>
        </pc:spChg>
        <pc:spChg chg="add mod">
          <ac:chgData name="Theis Ziegler" userId="1d0357a8-3efe-41fa-839c-7601d995f2eb" providerId="ADAL" clId="{DF415A0B-A0B9-4C60-9114-93ED0130F608}" dt="2026-03-26T08:24:28.650" v="4670" actId="1076"/>
          <ac:spMkLst>
            <pc:docMk/>
            <pc:sldMk cId="4069972108" sldId="256"/>
            <ac:spMk id="3" creationId="{58BD7C25-DDA5-D8DF-75E2-993A8EC91663}"/>
          </ac:spMkLst>
        </pc:spChg>
        <pc:spChg chg="mod">
          <ac:chgData name="Theis Ziegler" userId="1d0357a8-3efe-41fa-839c-7601d995f2eb" providerId="ADAL" clId="{DF415A0B-A0B9-4C60-9114-93ED0130F608}" dt="2026-03-09T13:17:13.521" v="4261" actId="20577"/>
          <ac:spMkLst>
            <pc:docMk/>
            <pc:sldMk cId="4069972108" sldId="256"/>
            <ac:spMk id="4" creationId="{D496B489-4303-60A9-3EEF-34D3A97B80A1}"/>
          </ac:spMkLst>
        </pc:spChg>
        <pc:graphicFrameChg chg="add mod">
          <ac:chgData name="Theis Ziegler" userId="1d0357a8-3efe-41fa-839c-7601d995f2eb" providerId="ADAL" clId="{DF415A0B-A0B9-4C60-9114-93ED0130F608}" dt="2026-03-25T13:14:45.439" v="4632"/>
          <ac:graphicFrameMkLst>
            <pc:docMk/>
            <pc:sldMk cId="4069972108" sldId="256"/>
            <ac:graphicFrameMk id="3" creationId="{76E175E9-5F2F-4795-B6A3-53C468F6C6E3}"/>
          </ac:graphicFrameMkLst>
        </pc:graphicFrameChg>
      </pc:sldChg>
      <pc:sldChg chg="modSp mod">
        <pc:chgData name="Theis Ziegler" userId="1d0357a8-3efe-41fa-839c-7601d995f2eb" providerId="ADAL" clId="{DF415A0B-A0B9-4C60-9114-93ED0130F608}" dt="2026-03-04T13:54:23.204" v="4187" actId="13244"/>
        <pc:sldMkLst>
          <pc:docMk/>
          <pc:sldMk cId="3050042575" sldId="342"/>
        </pc:sldMkLst>
        <pc:spChg chg="mod">
          <ac:chgData name="Theis Ziegler" userId="1d0357a8-3efe-41fa-839c-7601d995f2eb" providerId="ADAL" clId="{DF415A0B-A0B9-4C60-9114-93ED0130F608}" dt="2026-03-04T13:52:08.082" v="4168" actId="1076"/>
          <ac:spMkLst>
            <pc:docMk/>
            <pc:sldMk cId="3050042575" sldId="342"/>
            <ac:spMk id="2" creationId="{3FD91458-B90F-1D2A-F796-D70BE1B46968}"/>
          </ac:spMkLst>
        </pc:spChg>
        <pc:spChg chg="ord">
          <ac:chgData name="Theis Ziegler" userId="1d0357a8-3efe-41fa-839c-7601d995f2eb" providerId="ADAL" clId="{DF415A0B-A0B9-4C60-9114-93ED0130F608}" dt="2026-03-04T13:52:23.893" v="4171" actId="13244"/>
          <ac:spMkLst>
            <pc:docMk/>
            <pc:sldMk cId="3050042575" sldId="342"/>
            <ac:spMk id="11" creationId="{CEDC0B1D-99C0-C648-EA4D-2F79C855149D}"/>
          </ac:spMkLst>
        </pc:spChg>
        <pc:spChg chg="ord">
          <ac:chgData name="Theis Ziegler" userId="1d0357a8-3efe-41fa-839c-7601d995f2eb" providerId="ADAL" clId="{DF415A0B-A0B9-4C60-9114-93ED0130F608}" dt="2026-03-04T13:52:20.360" v="4170" actId="13244"/>
          <ac:spMkLst>
            <pc:docMk/>
            <pc:sldMk cId="3050042575" sldId="342"/>
            <ac:spMk id="13" creationId="{27CB177D-FC29-D257-242F-99D5543C4197}"/>
          </ac:spMkLst>
        </pc:spChg>
        <pc:spChg chg="ord">
          <ac:chgData name="Theis Ziegler" userId="1d0357a8-3efe-41fa-839c-7601d995f2eb" providerId="ADAL" clId="{DF415A0B-A0B9-4C60-9114-93ED0130F608}" dt="2026-03-04T13:53:47.615" v="4180" actId="13244"/>
          <ac:spMkLst>
            <pc:docMk/>
            <pc:sldMk cId="3050042575" sldId="342"/>
            <ac:spMk id="14" creationId="{874FF119-7E99-116A-C48F-932251CDE8E5}"/>
          </ac:spMkLst>
        </pc:spChg>
        <pc:spChg chg="ord">
          <ac:chgData name="Theis Ziegler" userId="1d0357a8-3efe-41fa-839c-7601d995f2eb" providerId="ADAL" clId="{DF415A0B-A0B9-4C60-9114-93ED0130F608}" dt="2026-03-04T13:54:23.204" v="4187" actId="13244"/>
          <ac:spMkLst>
            <pc:docMk/>
            <pc:sldMk cId="3050042575" sldId="342"/>
            <ac:spMk id="29" creationId="{2D2938FE-0F15-CE34-0A5D-AED0D32F47C0}"/>
          </ac:spMkLst>
        </pc:spChg>
        <pc:spChg chg="ord">
          <ac:chgData name="Theis Ziegler" userId="1d0357a8-3efe-41fa-839c-7601d995f2eb" providerId="ADAL" clId="{DF415A0B-A0B9-4C60-9114-93ED0130F608}" dt="2026-03-04T13:54:23.204" v="4187" actId="13244"/>
          <ac:spMkLst>
            <pc:docMk/>
            <pc:sldMk cId="3050042575" sldId="342"/>
            <ac:spMk id="32" creationId="{964833BB-2C46-B72F-3037-05684B86D8AC}"/>
          </ac:spMkLst>
        </pc:spChg>
        <pc:spChg chg="mod">
          <ac:chgData name="Theis Ziegler" userId="1d0357a8-3efe-41fa-839c-7601d995f2eb" providerId="ADAL" clId="{DF415A0B-A0B9-4C60-9114-93ED0130F608}" dt="2026-03-04T13:52:11.030" v="4169" actId="13244"/>
          <ac:spMkLst>
            <pc:docMk/>
            <pc:sldMk cId="3050042575" sldId="342"/>
            <ac:spMk id="33" creationId="{C37BEED9-CCF9-F7DE-0A2B-F6517797EFD6}"/>
          </ac:spMkLst>
        </pc:spChg>
        <pc:spChg chg="ord">
          <ac:chgData name="Theis Ziegler" userId="1d0357a8-3efe-41fa-839c-7601d995f2eb" providerId="ADAL" clId="{DF415A0B-A0B9-4C60-9114-93ED0130F608}" dt="2026-03-04T13:54:12.292" v="4185" actId="13244"/>
          <ac:spMkLst>
            <pc:docMk/>
            <pc:sldMk cId="3050042575" sldId="342"/>
            <ac:spMk id="59" creationId="{B7A005ED-2AA5-4094-A9ED-212EEFC221AA}"/>
          </ac:spMkLst>
        </pc:spChg>
        <pc:spChg chg="ord">
          <ac:chgData name="Theis Ziegler" userId="1d0357a8-3efe-41fa-839c-7601d995f2eb" providerId="ADAL" clId="{DF415A0B-A0B9-4C60-9114-93ED0130F608}" dt="2026-03-04T13:54:14.358" v="4186" actId="13244"/>
          <ac:spMkLst>
            <pc:docMk/>
            <pc:sldMk cId="3050042575" sldId="342"/>
            <ac:spMk id="60" creationId="{3B589F4E-8B35-7C8D-E941-7EC8EAB9945A}"/>
          </ac:spMkLst>
        </pc:spChg>
        <pc:grpChg chg="mod">
          <ac:chgData name="Theis Ziegler" userId="1d0357a8-3efe-41fa-839c-7601d995f2eb" providerId="ADAL" clId="{DF415A0B-A0B9-4C60-9114-93ED0130F608}" dt="2026-03-04T13:52:53.388" v="4175" actId="962"/>
          <ac:grpSpMkLst>
            <pc:docMk/>
            <pc:sldMk cId="3050042575" sldId="342"/>
            <ac:grpSpMk id="38" creationId="{DC94C84B-A999-C6C1-63CF-6EC1E54C960B}"/>
          </ac:grpSpMkLst>
        </pc:grpChg>
        <pc:grpChg chg="mod ord">
          <ac:chgData name="Theis Ziegler" userId="1d0357a8-3efe-41fa-839c-7601d995f2eb" providerId="ADAL" clId="{DF415A0B-A0B9-4C60-9114-93ED0130F608}" dt="2026-03-04T13:54:05.423" v="4184" actId="962"/>
          <ac:grpSpMkLst>
            <pc:docMk/>
            <pc:sldMk cId="3050042575" sldId="342"/>
            <ac:grpSpMk id="71" creationId="{872DFF6B-B639-EE21-9EA7-C9E30B4E4026}"/>
          </ac:grpSpMkLst>
        </pc:grpChg>
        <pc:grpChg chg="mod">
          <ac:chgData name="Theis Ziegler" userId="1d0357a8-3efe-41fa-839c-7601d995f2eb" providerId="ADAL" clId="{DF415A0B-A0B9-4C60-9114-93ED0130F608}" dt="2026-03-04T13:53:37.474" v="4179" actId="962"/>
          <ac:grpSpMkLst>
            <pc:docMk/>
            <pc:sldMk cId="3050042575" sldId="342"/>
            <ac:grpSpMk id="145" creationId="{18CE339F-9D3C-D85E-9528-63E7C689387F}"/>
          </ac:grpSpMkLst>
        </pc:grpChg>
      </pc:sldChg>
      <pc:sldChg chg="modSp mod">
        <pc:chgData name="Theis Ziegler" userId="1d0357a8-3efe-41fa-839c-7601d995f2eb" providerId="ADAL" clId="{DF415A0B-A0B9-4C60-9114-93ED0130F608}" dt="2026-03-04T13:55:01.233" v="4193" actId="1036"/>
        <pc:sldMkLst>
          <pc:docMk/>
          <pc:sldMk cId="3139569590" sldId="343"/>
        </pc:sldMkLst>
        <pc:spChg chg="mod">
          <ac:chgData name="Theis Ziegler" userId="1d0357a8-3efe-41fa-839c-7601d995f2eb" providerId="ADAL" clId="{DF415A0B-A0B9-4C60-9114-93ED0130F608}" dt="2026-03-04T13:54:40.578" v="4189" actId="13244"/>
          <ac:spMkLst>
            <pc:docMk/>
            <pc:sldMk cId="3139569590" sldId="343"/>
            <ac:spMk id="10" creationId="{AB083D81-862A-5041-3D6A-0DD93473FAF0}"/>
          </ac:spMkLst>
        </pc:spChg>
        <pc:spChg chg="mod">
          <ac:chgData name="Theis Ziegler" userId="1d0357a8-3efe-41fa-839c-7601d995f2eb" providerId="ADAL" clId="{DF415A0B-A0B9-4C60-9114-93ED0130F608}" dt="2026-03-04T13:54:51.365" v="4191" actId="13244"/>
          <ac:spMkLst>
            <pc:docMk/>
            <pc:sldMk cId="3139569590" sldId="343"/>
            <ac:spMk id="11" creationId="{9A4C5A42-246F-0BAF-07BB-AF57154F7CF6}"/>
          </ac:spMkLst>
        </pc:spChg>
        <pc:spChg chg="mod">
          <ac:chgData name="Theis Ziegler" userId="1d0357a8-3efe-41fa-839c-7601d995f2eb" providerId="ADAL" clId="{DF415A0B-A0B9-4C60-9114-93ED0130F608}" dt="2026-03-04T13:54:35.644" v="4188" actId="13244"/>
          <ac:spMkLst>
            <pc:docMk/>
            <pc:sldMk cId="3139569590" sldId="343"/>
            <ac:spMk id="15" creationId="{C1032CAD-A340-FA75-05BC-E2D4ADE19EE2}"/>
          </ac:spMkLst>
        </pc:spChg>
        <pc:spChg chg="mod">
          <ac:chgData name="Theis Ziegler" userId="1d0357a8-3efe-41fa-839c-7601d995f2eb" providerId="ADAL" clId="{DF415A0B-A0B9-4C60-9114-93ED0130F608}" dt="2026-03-04T13:55:01.233" v="4193" actId="1036"/>
          <ac:spMkLst>
            <pc:docMk/>
            <pc:sldMk cId="3139569590" sldId="343"/>
            <ac:spMk id="26" creationId="{082013EF-9A19-4535-1DE4-EB8F24062564}"/>
          </ac:spMkLst>
        </pc:spChg>
        <pc:spChg chg="mod">
          <ac:chgData name="Theis Ziegler" userId="1d0357a8-3efe-41fa-839c-7601d995f2eb" providerId="ADAL" clId="{DF415A0B-A0B9-4C60-9114-93ED0130F608}" dt="2026-03-04T13:54:52.951" v="4192" actId="13244"/>
          <ac:spMkLst>
            <pc:docMk/>
            <pc:sldMk cId="3139569590" sldId="343"/>
            <ac:spMk id="65" creationId="{88CDEF03-7F78-0215-0377-758DE37D0A83}"/>
          </ac:spMkLst>
        </pc:spChg>
      </pc:sldChg>
      <pc:sldChg chg="addSp delSp modSp mod">
        <pc:chgData name="Theis Ziegler" userId="1d0357a8-3efe-41fa-839c-7601d995f2eb" providerId="ADAL" clId="{DF415A0B-A0B9-4C60-9114-93ED0130F608}" dt="2026-03-25T13:15:29.702" v="4640" actId="478"/>
        <pc:sldMkLst>
          <pc:docMk/>
          <pc:sldMk cId="3133967088" sldId="347"/>
        </pc:sldMkLst>
        <pc:spChg chg="mod">
          <ac:chgData name="Theis Ziegler" userId="1d0357a8-3efe-41fa-839c-7601d995f2eb" providerId="ADAL" clId="{DF415A0B-A0B9-4C60-9114-93ED0130F608}" dt="2026-03-04T13:55:20.296" v="4195" actId="13244"/>
          <ac:spMkLst>
            <pc:docMk/>
            <pc:sldMk cId="3133967088" sldId="347"/>
            <ac:spMk id="10" creationId="{0084A8DA-8280-D1AC-A6FB-9427C43194C8}"/>
          </ac:spMkLst>
        </pc:spChg>
        <pc:spChg chg="mod">
          <ac:chgData name="Theis Ziegler" userId="1d0357a8-3efe-41fa-839c-7601d995f2eb" providerId="ADAL" clId="{DF415A0B-A0B9-4C60-9114-93ED0130F608}" dt="2026-03-04T13:55:22.056" v="4196" actId="13244"/>
          <ac:spMkLst>
            <pc:docMk/>
            <pc:sldMk cId="3133967088" sldId="347"/>
            <ac:spMk id="11" creationId="{4A50F004-4D4E-3F0B-8647-2AB38B8CD6FF}"/>
          </ac:spMkLst>
        </pc:spChg>
        <pc:spChg chg="add del mod">
          <ac:chgData name="Theis Ziegler" userId="1d0357a8-3efe-41fa-839c-7601d995f2eb" providerId="ADAL" clId="{DF415A0B-A0B9-4C60-9114-93ED0130F608}" dt="2026-03-25T13:15:29.702" v="4640" actId="478"/>
          <ac:spMkLst>
            <pc:docMk/>
            <pc:sldMk cId="3133967088" sldId="347"/>
            <ac:spMk id="24" creationId="{F3FD6F46-060F-4EC6-BA3F-2E768F51257B}"/>
          </ac:spMkLst>
        </pc:spChg>
        <pc:spChg chg="add mod">
          <ac:chgData name="Theis Ziegler" userId="1d0357a8-3efe-41fa-839c-7601d995f2eb" providerId="ADAL" clId="{DF415A0B-A0B9-4C60-9114-93ED0130F608}" dt="2026-03-09T13:28:42.523" v="4509" actId="1036"/>
          <ac:spMkLst>
            <pc:docMk/>
            <pc:sldMk cId="3133967088" sldId="347"/>
            <ac:spMk id="25" creationId="{13A5C82E-1F0E-85F7-56E8-866E7462E4C4}"/>
          </ac:spMkLst>
        </pc:spChg>
        <pc:spChg chg="ord">
          <ac:chgData name="Theis Ziegler" userId="1d0357a8-3efe-41fa-839c-7601d995f2eb" providerId="ADAL" clId="{DF415A0B-A0B9-4C60-9114-93ED0130F608}" dt="2026-03-04T13:56:00.313" v="4201" actId="13244"/>
          <ac:spMkLst>
            <pc:docMk/>
            <pc:sldMk cId="3133967088" sldId="347"/>
            <ac:spMk id="29" creationId="{D94BC694-2606-673D-0A19-667F31098B46}"/>
          </ac:spMkLst>
        </pc:spChg>
        <pc:spChg chg="mod">
          <ac:chgData name="Theis Ziegler" userId="1d0357a8-3efe-41fa-839c-7601d995f2eb" providerId="ADAL" clId="{DF415A0B-A0B9-4C60-9114-93ED0130F608}" dt="2026-03-04T13:55:14.386" v="4194" actId="13244"/>
          <ac:spMkLst>
            <pc:docMk/>
            <pc:sldMk cId="3133967088" sldId="347"/>
            <ac:spMk id="32" creationId="{0A2241D5-0EB2-DE01-5CF9-9E66F1B44142}"/>
          </ac:spMkLst>
        </pc:spChg>
        <pc:spChg chg="mod">
          <ac:chgData name="Theis Ziegler" userId="1d0357a8-3efe-41fa-839c-7601d995f2eb" providerId="ADAL" clId="{DF415A0B-A0B9-4C60-9114-93ED0130F608}" dt="2026-03-04T13:55:35.542" v="4197" actId="962"/>
          <ac:spMkLst>
            <pc:docMk/>
            <pc:sldMk cId="3133967088" sldId="347"/>
            <ac:spMk id="40" creationId="{78090D21-06DE-B4D2-0A5C-DD0EE37155B2}"/>
          </ac:spMkLst>
        </pc:spChg>
        <pc:grpChg chg="mod ord">
          <ac:chgData name="Theis Ziegler" userId="1d0357a8-3efe-41fa-839c-7601d995f2eb" providerId="ADAL" clId="{DF415A0B-A0B9-4C60-9114-93ED0130F608}" dt="2026-03-04T13:56:25.323" v="4202" actId="962"/>
          <ac:grpSpMkLst>
            <pc:docMk/>
            <pc:sldMk cId="3133967088" sldId="347"/>
            <ac:grpSpMk id="55" creationId="{C943F1EB-CE4B-89C1-F74C-2834806C6957}"/>
          </ac:grpSpMkLst>
        </pc:grpChg>
        <pc:grpChg chg="mod ord">
          <ac:chgData name="Theis Ziegler" userId="1d0357a8-3efe-41fa-839c-7601d995f2eb" providerId="ADAL" clId="{DF415A0B-A0B9-4C60-9114-93ED0130F608}" dt="2026-03-04T13:56:38.016" v="4203" actId="962"/>
          <ac:grpSpMkLst>
            <pc:docMk/>
            <pc:sldMk cId="3133967088" sldId="347"/>
            <ac:grpSpMk id="131" creationId="{6D14EC04-80AB-6FD0-9163-E53AFA9673BE}"/>
          </ac:grpSpMkLst>
        </pc:grpChg>
        <pc:grpChg chg="mod ord">
          <ac:chgData name="Theis Ziegler" userId="1d0357a8-3efe-41fa-839c-7601d995f2eb" providerId="ADAL" clId="{DF415A0B-A0B9-4C60-9114-93ED0130F608}" dt="2026-03-04T13:57:11.897" v="4206" actId="962"/>
          <ac:grpSpMkLst>
            <pc:docMk/>
            <pc:sldMk cId="3133967088" sldId="347"/>
            <ac:grpSpMk id="151" creationId="{DA814406-561C-0765-D35B-E43F8DE5FCBA}"/>
          </ac:grpSpMkLst>
        </pc:grpChg>
        <pc:grpChg chg="mod ord">
          <ac:chgData name="Theis Ziegler" userId="1d0357a8-3efe-41fa-839c-7601d995f2eb" providerId="ADAL" clId="{DF415A0B-A0B9-4C60-9114-93ED0130F608}" dt="2026-03-04T13:57:28.010" v="4207" actId="962"/>
          <ac:grpSpMkLst>
            <pc:docMk/>
            <pc:sldMk cId="3133967088" sldId="347"/>
            <ac:grpSpMk id="161" creationId="{E6621CB3-FB0C-E269-1A51-98763F23B5CC}"/>
          </ac:grpSpMkLst>
        </pc:grpChg>
        <pc:grpChg chg="mod ord">
          <ac:chgData name="Theis Ziegler" userId="1d0357a8-3efe-41fa-839c-7601d995f2eb" providerId="ADAL" clId="{DF415A0B-A0B9-4C60-9114-93ED0130F608}" dt="2026-03-04T13:57:39.716" v="4208" actId="962"/>
          <ac:grpSpMkLst>
            <pc:docMk/>
            <pc:sldMk cId="3133967088" sldId="347"/>
            <ac:grpSpMk id="171" creationId="{B5A6A8A1-7DD5-AC80-F8D6-6F4226BAF1D2}"/>
          </ac:grpSpMkLst>
        </pc:grpChg>
        <pc:grpChg chg="mod ord">
          <ac:chgData name="Theis Ziegler" userId="1d0357a8-3efe-41fa-839c-7601d995f2eb" providerId="ADAL" clId="{DF415A0B-A0B9-4C60-9114-93ED0130F608}" dt="2026-03-04T13:56:48.872" v="4205" actId="962"/>
          <ac:grpSpMkLst>
            <pc:docMk/>
            <pc:sldMk cId="3133967088" sldId="347"/>
            <ac:grpSpMk id="231" creationId="{2B6AD2D4-7E10-4019-8D7F-060F6ED3D09B}"/>
          </ac:grpSpMkLst>
        </pc:grpChg>
      </pc:sldChg>
      <pc:sldChg chg="addSp modSp mod">
        <pc:chgData name="Theis Ziegler" userId="1d0357a8-3efe-41fa-839c-7601d995f2eb" providerId="ADAL" clId="{DF415A0B-A0B9-4C60-9114-93ED0130F608}" dt="2026-03-04T13:39:45.315" v="4066" actId="962"/>
        <pc:sldMkLst>
          <pc:docMk/>
          <pc:sldMk cId="1046303097" sldId="354"/>
        </pc:sldMkLst>
        <pc:spChg chg="ord">
          <ac:chgData name="Theis Ziegler" userId="1d0357a8-3efe-41fa-839c-7601d995f2eb" providerId="ADAL" clId="{DF415A0B-A0B9-4C60-9114-93ED0130F608}" dt="2026-03-04T13:36:01.262" v="4036" actId="13244"/>
          <ac:spMkLst>
            <pc:docMk/>
            <pc:sldMk cId="1046303097" sldId="354"/>
            <ac:spMk id="2" creationId="{10D15C26-4E24-1444-0929-17639E8DF95F}"/>
          </ac:spMkLst>
        </pc:spChg>
        <pc:spChg chg="mod">
          <ac:chgData name="Theis Ziegler" userId="1d0357a8-3efe-41fa-839c-7601d995f2eb" providerId="ADAL" clId="{DF415A0B-A0B9-4C60-9114-93ED0130F608}" dt="2026-03-04T13:36:09.696" v="4037" actId="962"/>
          <ac:spMkLst>
            <pc:docMk/>
            <pc:sldMk cId="1046303097" sldId="354"/>
            <ac:spMk id="4" creationId="{C1A48E36-1FE2-A41C-1950-7E30F05AA604}"/>
          </ac:spMkLst>
        </pc:spChg>
        <pc:spChg chg="mod">
          <ac:chgData name="Theis Ziegler" userId="1d0357a8-3efe-41fa-839c-7601d995f2eb" providerId="ADAL" clId="{DF415A0B-A0B9-4C60-9114-93ED0130F608}" dt="2026-03-04T13:37:08.523" v="4050" actId="164"/>
          <ac:spMkLst>
            <pc:docMk/>
            <pc:sldMk cId="1046303097" sldId="354"/>
            <ac:spMk id="7" creationId="{EC7DB461-503F-A254-C950-BE1ADDC8CAF2}"/>
          </ac:spMkLst>
        </pc:spChg>
        <pc:spChg chg="mod">
          <ac:chgData name="Theis Ziegler" userId="1d0357a8-3efe-41fa-839c-7601d995f2eb" providerId="ADAL" clId="{DF415A0B-A0B9-4C60-9114-93ED0130F608}" dt="2026-03-04T13:37:08.523" v="4050" actId="164"/>
          <ac:spMkLst>
            <pc:docMk/>
            <pc:sldMk cId="1046303097" sldId="354"/>
            <ac:spMk id="8" creationId="{A2D50E93-8C77-FD61-71FC-342051A85373}"/>
          </ac:spMkLst>
        </pc:spChg>
        <pc:spChg chg="mod">
          <ac:chgData name="Theis Ziegler" userId="1d0357a8-3efe-41fa-839c-7601d995f2eb" providerId="ADAL" clId="{DF415A0B-A0B9-4C60-9114-93ED0130F608}" dt="2026-03-04T13:36:14.797" v="4039" actId="962"/>
          <ac:spMkLst>
            <pc:docMk/>
            <pc:sldMk cId="1046303097" sldId="354"/>
            <ac:spMk id="9" creationId="{A6EACA5E-B4E2-9A7A-033D-D82D22761103}"/>
          </ac:spMkLst>
        </pc:spChg>
        <pc:spChg chg="mod">
          <ac:chgData name="Theis Ziegler" userId="1d0357a8-3efe-41fa-839c-7601d995f2eb" providerId="ADAL" clId="{DF415A0B-A0B9-4C60-9114-93ED0130F608}" dt="2026-03-04T13:37:08.523" v="4050" actId="164"/>
          <ac:spMkLst>
            <pc:docMk/>
            <pc:sldMk cId="1046303097" sldId="354"/>
            <ac:spMk id="10" creationId="{82775576-B335-73FE-C9C0-61BA07C7328C}"/>
          </ac:spMkLst>
        </pc:spChg>
        <pc:spChg chg="ord">
          <ac:chgData name="Theis Ziegler" userId="1d0357a8-3efe-41fa-839c-7601d995f2eb" providerId="ADAL" clId="{DF415A0B-A0B9-4C60-9114-93ED0130F608}" dt="2026-03-04T13:36:32.298" v="4042" actId="13244"/>
          <ac:spMkLst>
            <pc:docMk/>
            <pc:sldMk cId="1046303097" sldId="354"/>
            <ac:spMk id="11" creationId="{C68151CA-860E-D9EB-7AD3-CB936FC0A747}"/>
          </ac:spMkLst>
        </pc:spChg>
        <pc:spChg chg="ord">
          <ac:chgData name="Theis Ziegler" userId="1d0357a8-3efe-41fa-839c-7601d995f2eb" providerId="ADAL" clId="{DF415A0B-A0B9-4C60-9114-93ED0130F608}" dt="2026-03-04T13:36:39.663" v="4043" actId="13244"/>
          <ac:spMkLst>
            <pc:docMk/>
            <pc:sldMk cId="1046303097" sldId="354"/>
            <ac:spMk id="13" creationId="{8FB4B399-A14B-DAE3-0EC5-EB4486E9BAF3}"/>
          </ac:spMkLst>
        </pc:spChg>
        <pc:spChg chg="ord">
          <ac:chgData name="Theis Ziegler" userId="1d0357a8-3efe-41fa-839c-7601d995f2eb" providerId="ADAL" clId="{DF415A0B-A0B9-4C60-9114-93ED0130F608}" dt="2026-03-04T13:37:00.866" v="4049" actId="13244"/>
          <ac:spMkLst>
            <pc:docMk/>
            <pc:sldMk cId="1046303097" sldId="354"/>
            <ac:spMk id="14" creationId="{6351AC2F-2A82-9073-B550-CFD071B32925}"/>
          </ac:spMkLst>
        </pc:spChg>
        <pc:spChg chg="mod">
          <ac:chgData name="Theis Ziegler" userId="1d0357a8-3efe-41fa-839c-7601d995f2eb" providerId="ADAL" clId="{DF415A0B-A0B9-4C60-9114-93ED0130F608}" dt="2026-03-04T13:37:08.523" v="4050" actId="164"/>
          <ac:spMkLst>
            <pc:docMk/>
            <pc:sldMk cId="1046303097" sldId="354"/>
            <ac:spMk id="15" creationId="{BCF5DE59-3228-4D69-56B0-0F6BFE0A0474}"/>
          </ac:spMkLst>
        </pc:spChg>
        <pc:spChg chg="mod">
          <ac:chgData name="Theis Ziegler" userId="1d0357a8-3efe-41fa-839c-7601d995f2eb" providerId="ADAL" clId="{DF415A0B-A0B9-4C60-9114-93ED0130F608}" dt="2026-03-04T13:37:08.523" v="4050" actId="164"/>
          <ac:spMkLst>
            <pc:docMk/>
            <pc:sldMk cId="1046303097" sldId="354"/>
            <ac:spMk id="16" creationId="{00B8F488-0743-98F6-1D14-F3366B429FDA}"/>
          </ac:spMkLst>
        </pc:spChg>
        <pc:spChg chg="mod">
          <ac:chgData name="Theis Ziegler" userId="1d0357a8-3efe-41fa-839c-7601d995f2eb" providerId="ADAL" clId="{DF415A0B-A0B9-4C60-9114-93ED0130F608}" dt="2026-03-04T13:37:08.523" v="4050" actId="164"/>
          <ac:spMkLst>
            <pc:docMk/>
            <pc:sldMk cId="1046303097" sldId="354"/>
            <ac:spMk id="17" creationId="{814E3455-9487-D3F3-8919-77C49DC7359E}"/>
          </ac:spMkLst>
        </pc:spChg>
        <pc:spChg chg="mod">
          <ac:chgData name="Theis Ziegler" userId="1d0357a8-3efe-41fa-839c-7601d995f2eb" providerId="ADAL" clId="{DF415A0B-A0B9-4C60-9114-93ED0130F608}" dt="2026-03-04T13:37:08.523" v="4050" actId="164"/>
          <ac:spMkLst>
            <pc:docMk/>
            <pc:sldMk cId="1046303097" sldId="354"/>
            <ac:spMk id="19" creationId="{5474BDD3-8F35-421E-B259-28FBEAD25966}"/>
          </ac:spMkLst>
        </pc:spChg>
        <pc:spChg chg="mod">
          <ac:chgData name="Theis Ziegler" userId="1d0357a8-3efe-41fa-839c-7601d995f2eb" providerId="ADAL" clId="{DF415A0B-A0B9-4C60-9114-93ED0130F608}" dt="2026-03-04T13:37:08.523" v="4050" actId="164"/>
          <ac:spMkLst>
            <pc:docMk/>
            <pc:sldMk cId="1046303097" sldId="354"/>
            <ac:spMk id="20" creationId="{7D0EE8DD-C43D-D80A-C840-527F48E5C00D}"/>
          </ac:spMkLst>
        </pc:spChg>
        <pc:spChg chg="mod">
          <ac:chgData name="Theis Ziegler" userId="1d0357a8-3efe-41fa-839c-7601d995f2eb" providerId="ADAL" clId="{DF415A0B-A0B9-4C60-9114-93ED0130F608}" dt="2026-03-04T13:37:08.523" v="4050" actId="164"/>
          <ac:spMkLst>
            <pc:docMk/>
            <pc:sldMk cId="1046303097" sldId="354"/>
            <ac:spMk id="24" creationId="{52344281-B847-7FD5-EDEC-53F252283508}"/>
          </ac:spMkLst>
        </pc:spChg>
        <pc:spChg chg="ord">
          <ac:chgData name="Theis Ziegler" userId="1d0357a8-3efe-41fa-839c-7601d995f2eb" providerId="ADAL" clId="{DF415A0B-A0B9-4C60-9114-93ED0130F608}" dt="2026-03-04T13:38:54.705" v="4060" actId="13244"/>
          <ac:spMkLst>
            <pc:docMk/>
            <pc:sldMk cId="1046303097" sldId="354"/>
            <ac:spMk id="29" creationId="{E9448061-96E4-8AA5-3CCA-1C87B58FF227}"/>
          </ac:spMkLst>
        </pc:spChg>
        <pc:spChg chg="mod">
          <ac:chgData name="Theis Ziegler" userId="1d0357a8-3efe-41fa-839c-7601d995f2eb" providerId="ADAL" clId="{DF415A0B-A0B9-4C60-9114-93ED0130F608}" dt="2026-03-04T13:38:14.758" v="4055" actId="962"/>
          <ac:spMkLst>
            <pc:docMk/>
            <pc:sldMk cId="1046303097" sldId="354"/>
            <ac:spMk id="31" creationId="{2F792247-498B-E5E6-0975-1ECB27E2DBE8}"/>
          </ac:spMkLst>
        </pc:spChg>
        <pc:spChg chg="ord">
          <ac:chgData name="Theis Ziegler" userId="1d0357a8-3efe-41fa-839c-7601d995f2eb" providerId="ADAL" clId="{DF415A0B-A0B9-4C60-9114-93ED0130F608}" dt="2026-03-04T13:38:54.705" v="4060" actId="13244"/>
          <ac:spMkLst>
            <pc:docMk/>
            <pc:sldMk cId="1046303097" sldId="354"/>
            <ac:spMk id="32" creationId="{14C9E3B3-19EC-258C-5BA0-C057A1B0F878}"/>
          </ac:spMkLst>
        </pc:spChg>
        <pc:spChg chg="mod">
          <ac:chgData name="Theis Ziegler" userId="1d0357a8-3efe-41fa-839c-7601d995f2eb" providerId="ADAL" clId="{DF415A0B-A0B9-4C60-9114-93ED0130F608}" dt="2026-03-04T13:36:50.253" v="4045" actId="962"/>
          <ac:spMkLst>
            <pc:docMk/>
            <pc:sldMk cId="1046303097" sldId="354"/>
            <ac:spMk id="45" creationId="{5784B4ED-3542-6030-441F-3BE83CBBD611}"/>
          </ac:spMkLst>
        </pc:spChg>
        <pc:spChg chg="mod">
          <ac:chgData name="Theis Ziegler" userId="1d0357a8-3efe-41fa-839c-7601d995f2eb" providerId="ADAL" clId="{DF415A0B-A0B9-4C60-9114-93ED0130F608}" dt="2026-03-04T13:37:08.523" v="4050" actId="164"/>
          <ac:spMkLst>
            <pc:docMk/>
            <pc:sldMk cId="1046303097" sldId="354"/>
            <ac:spMk id="46" creationId="{8F896C14-C500-D4FD-D24E-CF64ADD0DADA}"/>
          </ac:spMkLst>
        </pc:spChg>
        <pc:spChg chg="mod">
          <ac:chgData name="Theis Ziegler" userId="1d0357a8-3efe-41fa-839c-7601d995f2eb" providerId="ADAL" clId="{DF415A0B-A0B9-4C60-9114-93ED0130F608}" dt="2026-03-04T13:36:19.586" v="4040" actId="962"/>
          <ac:spMkLst>
            <pc:docMk/>
            <pc:sldMk cId="1046303097" sldId="354"/>
            <ac:spMk id="49" creationId="{CF6B1BC3-D45C-0AC9-F5A1-379AC52E02C5}"/>
          </ac:spMkLst>
        </pc:spChg>
        <pc:spChg chg="mod">
          <ac:chgData name="Theis Ziegler" userId="1d0357a8-3efe-41fa-839c-7601d995f2eb" providerId="ADAL" clId="{DF415A0B-A0B9-4C60-9114-93ED0130F608}" dt="2026-03-04T13:36:12.487" v="4038" actId="962"/>
          <ac:spMkLst>
            <pc:docMk/>
            <pc:sldMk cId="1046303097" sldId="354"/>
            <ac:spMk id="53" creationId="{5CFEBFAE-A65F-6559-6603-C7E62BC66C00}"/>
          </ac:spMkLst>
        </pc:spChg>
        <pc:spChg chg="ord">
          <ac:chgData name="Theis Ziegler" userId="1d0357a8-3efe-41fa-839c-7601d995f2eb" providerId="ADAL" clId="{DF415A0B-A0B9-4C60-9114-93ED0130F608}" dt="2026-03-04T13:36:56.859" v="4048" actId="13244"/>
          <ac:spMkLst>
            <pc:docMk/>
            <pc:sldMk cId="1046303097" sldId="354"/>
            <ac:spMk id="59" creationId="{E222F858-E001-AA4C-D139-60AD5EB80AA1}"/>
          </ac:spMkLst>
        </pc:spChg>
        <pc:spChg chg="ord">
          <ac:chgData name="Theis Ziegler" userId="1d0357a8-3efe-41fa-839c-7601d995f2eb" providerId="ADAL" clId="{DF415A0B-A0B9-4C60-9114-93ED0130F608}" dt="2026-03-04T13:38:19.491" v="4056" actId="13244"/>
          <ac:spMkLst>
            <pc:docMk/>
            <pc:sldMk cId="1046303097" sldId="354"/>
            <ac:spMk id="89" creationId="{B7A4A8B6-1858-AA9D-B55D-F4134DEED0A4}"/>
          </ac:spMkLst>
        </pc:spChg>
        <pc:spChg chg="mod">
          <ac:chgData name="Theis Ziegler" userId="1d0357a8-3efe-41fa-839c-7601d995f2eb" providerId="ADAL" clId="{DF415A0B-A0B9-4C60-9114-93ED0130F608}" dt="2026-03-04T13:35:58.533" v="4035" actId="13244"/>
          <ac:spMkLst>
            <pc:docMk/>
            <pc:sldMk cId="1046303097" sldId="354"/>
            <ac:spMk id="93" creationId="{16973684-7943-EB64-5B29-FC97B5BFA245}"/>
          </ac:spMkLst>
        </pc:spChg>
        <pc:spChg chg="mod">
          <ac:chgData name="Theis Ziegler" userId="1d0357a8-3efe-41fa-839c-7601d995f2eb" providerId="ADAL" clId="{DF415A0B-A0B9-4C60-9114-93ED0130F608}" dt="2026-03-04T13:39:04.858" v="4063" actId="962"/>
          <ac:spMkLst>
            <pc:docMk/>
            <pc:sldMk cId="1046303097" sldId="354"/>
            <ac:spMk id="110" creationId="{35871C50-32B8-19C7-174D-0B704D765FD2}"/>
          </ac:spMkLst>
        </pc:spChg>
        <pc:spChg chg="mod">
          <ac:chgData name="Theis Ziegler" userId="1d0357a8-3efe-41fa-839c-7601d995f2eb" providerId="ADAL" clId="{DF415A0B-A0B9-4C60-9114-93ED0130F608}" dt="2026-03-04T13:38:08.827" v="4053" actId="962"/>
          <ac:spMkLst>
            <pc:docMk/>
            <pc:sldMk cId="1046303097" sldId="354"/>
            <ac:spMk id="115" creationId="{7C7967AE-1BE6-09D4-EF1E-3100D5A98310}"/>
          </ac:spMkLst>
        </pc:spChg>
        <pc:spChg chg="mod">
          <ac:chgData name="Theis Ziegler" userId="1d0357a8-3efe-41fa-839c-7601d995f2eb" providerId="ADAL" clId="{DF415A0B-A0B9-4C60-9114-93ED0130F608}" dt="2026-03-04T13:39:03.747" v="4062" actId="962"/>
          <ac:spMkLst>
            <pc:docMk/>
            <pc:sldMk cId="1046303097" sldId="354"/>
            <ac:spMk id="116" creationId="{B165C08C-A1C0-96C9-00E9-761E625E8762}"/>
          </ac:spMkLst>
        </pc:spChg>
        <pc:grpChg chg="mod">
          <ac:chgData name="Theis Ziegler" userId="1d0357a8-3efe-41fa-839c-7601d995f2eb" providerId="ADAL" clId="{DF415A0B-A0B9-4C60-9114-93ED0130F608}" dt="2026-03-04T13:38:00.379" v="4052" actId="962"/>
          <ac:grpSpMkLst>
            <pc:docMk/>
            <pc:sldMk cId="1046303097" sldId="354"/>
            <ac:grpSpMk id="12" creationId="{2255B481-CFF6-7493-2733-C925428E4504}"/>
          </ac:grpSpMkLst>
        </pc:grpChg>
        <pc:grpChg chg="mod">
          <ac:chgData name="Theis Ziegler" userId="1d0357a8-3efe-41fa-839c-7601d995f2eb" providerId="ADAL" clId="{DF415A0B-A0B9-4C60-9114-93ED0130F608}" dt="2026-03-04T13:39:45.315" v="4066" actId="962"/>
          <ac:grpSpMkLst>
            <pc:docMk/>
            <pc:sldMk cId="1046303097" sldId="354"/>
            <ac:grpSpMk id="34" creationId="{43CA1F51-5A87-2AD8-29C4-724499C5383E}"/>
          </ac:grpSpMkLst>
        </pc:grpChg>
        <pc:grpChg chg="mod ord">
          <ac:chgData name="Theis Ziegler" userId="1d0357a8-3efe-41fa-839c-7601d995f2eb" providerId="ADAL" clId="{DF415A0B-A0B9-4C60-9114-93ED0130F608}" dt="2026-03-04T13:38:43.365" v="4059" actId="962"/>
          <ac:grpSpMkLst>
            <pc:docMk/>
            <pc:sldMk cId="1046303097" sldId="354"/>
            <ac:grpSpMk id="94" creationId="{F96D5CD2-6A75-FDFE-2A3D-A35E18BB5B8F}"/>
          </ac:grpSpMkLst>
        </pc:grpChg>
        <pc:grpChg chg="mod">
          <ac:chgData name="Theis Ziegler" userId="1d0357a8-3efe-41fa-839c-7601d995f2eb" providerId="ADAL" clId="{DF415A0B-A0B9-4C60-9114-93ED0130F608}" dt="2026-03-04T13:38:58.789" v="4061" actId="962"/>
          <ac:grpSpMkLst>
            <pc:docMk/>
            <pc:sldMk cId="1046303097" sldId="354"/>
            <ac:grpSpMk id="95" creationId="{B364AE91-44ED-A777-1AD1-EA4DF4B7B9F9}"/>
          </ac:grpSpMkLst>
        </pc:grpChg>
        <pc:cxnChg chg="mod">
          <ac:chgData name="Theis Ziegler" userId="1d0357a8-3efe-41fa-839c-7601d995f2eb" providerId="ADAL" clId="{DF415A0B-A0B9-4C60-9114-93ED0130F608}" dt="2026-03-04T13:36:22.227" v="4041" actId="962"/>
          <ac:cxnSpMkLst>
            <pc:docMk/>
            <pc:sldMk cId="1046303097" sldId="354"/>
            <ac:cxnSpMk id="6" creationId="{A14310C9-13A5-1E7D-BCFF-547CEEFD380B}"/>
          </ac:cxnSpMkLst>
        </pc:cxnChg>
        <pc:cxnChg chg="mod">
          <ac:chgData name="Theis Ziegler" userId="1d0357a8-3efe-41fa-839c-7601d995f2eb" providerId="ADAL" clId="{DF415A0B-A0B9-4C60-9114-93ED0130F608}" dt="2026-03-04T13:36:48.195" v="4044" actId="962"/>
          <ac:cxnSpMkLst>
            <pc:docMk/>
            <pc:sldMk cId="1046303097" sldId="354"/>
            <ac:cxnSpMk id="25" creationId="{34EE5C72-8CEF-8AC1-191D-7FDCB6411F10}"/>
          </ac:cxnSpMkLst>
        </pc:cxnChg>
        <pc:cxnChg chg="mod">
          <ac:chgData name="Theis Ziegler" userId="1d0357a8-3efe-41fa-839c-7601d995f2eb" providerId="ADAL" clId="{DF415A0B-A0B9-4C60-9114-93ED0130F608}" dt="2026-03-04T13:38:12.682" v="4054" actId="962"/>
          <ac:cxnSpMkLst>
            <pc:docMk/>
            <pc:sldMk cId="1046303097" sldId="354"/>
            <ac:cxnSpMk id="30" creationId="{5A99A868-C441-15A1-7CA9-43B7AEF7E405}"/>
          </ac:cxnSpMkLst>
        </pc:cxnChg>
        <pc:cxnChg chg="mod">
          <ac:chgData name="Theis Ziegler" userId="1d0357a8-3efe-41fa-839c-7601d995f2eb" providerId="ADAL" clId="{DF415A0B-A0B9-4C60-9114-93ED0130F608}" dt="2026-03-04T13:36:52.514" v="4046" actId="962"/>
          <ac:cxnSpMkLst>
            <pc:docMk/>
            <pc:sldMk cId="1046303097" sldId="354"/>
            <ac:cxnSpMk id="57" creationId="{B1CC4CF7-32B5-6ADC-2931-293445F28341}"/>
          </ac:cxnSpMkLst>
        </pc:cxnChg>
        <pc:cxnChg chg="mod">
          <ac:chgData name="Theis Ziegler" userId="1d0357a8-3efe-41fa-839c-7601d995f2eb" providerId="ADAL" clId="{DF415A0B-A0B9-4C60-9114-93ED0130F608}" dt="2026-03-04T13:36:53.814" v="4047" actId="962"/>
          <ac:cxnSpMkLst>
            <pc:docMk/>
            <pc:sldMk cId="1046303097" sldId="354"/>
            <ac:cxnSpMk id="58" creationId="{6F33DBE3-B4EF-22F2-20C7-36A41AAAAECA}"/>
          </ac:cxnSpMkLst>
        </pc:cxnChg>
        <pc:cxnChg chg="mod">
          <ac:chgData name="Theis Ziegler" userId="1d0357a8-3efe-41fa-839c-7601d995f2eb" providerId="ADAL" clId="{DF415A0B-A0B9-4C60-9114-93ED0130F608}" dt="2026-03-04T13:38:23.492" v="4057" actId="962"/>
          <ac:cxnSpMkLst>
            <pc:docMk/>
            <pc:sldMk cId="1046303097" sldId="354"/>
            <ac:cxnSpMk id="80" creationId="{CF2A22F1-E546-5F83-F7CC-D0846C810360}"/>
          </ac:cxnSpMkLst>
        </pc:cxnChg>
      </pc:sldChg>
      <pc:sldChg chg="delSp modSp mod">
        <pc:chgData name="Theis Ziegler" userId="1d0357a8-3efe-41fa-839c-7601d995f2eb" providerId="ADAL" clId="{DF415A0B-A0B9-4C60-9114-93ED0130F608}" dt="2026-03-04T13:40:55.805" v="4083" actId="13244"/>
        <pc:sldMkLst>
          <pc:docMk/>
          <pc:sldMk cId="3426812687" sldId="355"/>
        </pc:sldMkLst>
        <pc:spChg chg="ord">
          <ac:chgData name="Theis Ziegler" userId="1d0357a8-3efe-41fa-839c-7601d995f2eb" providerId="ADAL" clId="{DF415A0B-A0B9-4C60-9114-93ED0130F608}" dt="2026-03-04T13:39:58.339" v="4068" actId="13244"/>
          <ac:spMkLst>
            <pc:docMk/>
            <pc:sldMk cId="3426812687" sldId="355"/>
            <ac:spMk id="2" creationId="{EF1C3408-87CF-0D67-FE95-F4523BB52C3D}"/>
          </ac:spMkLst>
        </pc:spChg>
        <pc:spChg chg="mod">
          <ac:chgData name="Theis Ziegler" userId="1d0357a8-3efe-41fa-839c-7601d995f2eb" providerId="ADAL" clId="{DF415A0B-A0B9-4C60-9114-93ED0130F608}" dt="2026-03-04T13:40:29.718" v="4077" actId="962"/>
          <ac:spMkLst>
            <pc:docMk/>
            <pc:sldMk cId="3426812687" sldId="355"/>
            <ac:spMk id="4" creationId="{E14D206A-10EB-01AB-8429-A0DFFADB48C2}"/>
          </ac:spMkLst>
        </pc:spChg>
        <pc:spChg chg="mod">
          <ac:chgData name="Theis Ziegler" userId="1d0357a8-3efe-41fa-839c-7601d995f2eb" providerId="ADAL" clId="{DF415A0B-A0B9-4C60-9114-93ED0130F608}" dt="2026-03-04T13:39:56.049" v="4067" actId="13244"/>
          <ac:spMkLst>
            <pc:docMk/>
            <pc:sldMk cId="3426812687" sldId="355"/>
            <ac:spMk id="6" creationId="{FFD724E7-6E48-5F3E-CF07-A41EA806336D}"/>
          </ac:spMkLst>
        </pc:spChg>
        <pc:spChg chg="mod">
          <ac:chgData name="Theis Ziegler" userId="1d0357a8-3efe-41fa-839c-7601d995f2eb" providerId="ADAL" clId="{DF415A0B-A0B9-4C60-9114-93ED0130F608}" dt="2026-03-04T13:40:10.750" v="4070" actId="962"/>
          <ac:spMkLst>
            <pc:docMk/>
            <pc:sldMk cId="3426812687" sldId="355"/>
            <ac:spMk id="7" creationId="{9C438F16-00FC-D245-F6E6-76295600BC22}"/>
          </ac:spMkLst>
        </pc:spChg>
        <pc:spChg chg="mod">
          <ac:chgData name="Theis Ziegler" userId="1d0357a8-3efe-41fa-839c-7601d995f2eb" providerId="ADAL" clId="{DF415A0B-A0B9-4C60-9114-93ED0130F608}" dt="2026-03-04T13:40:18.319" v="4073" actId="13244"/>
          <ac:spMkLst>
            <pc:docMk/>
            <pc:sldMk cId="3426812687" sldId="355"/>
            <ac:spMk id="10" creationId="{47D3820F-3C5D-E1DB-8AC8-CFE93EECE2D2}"/>
          </ac:spMkLst>
        </pc:spChg>
        <pc:spChg chg="mod">
          <ac:chgData name="Theis Ziegler" userId="1d0357a8-3efe-41fa-839c-7601d995f2eb" providerId="ADAL" clId="{DF415A0B-A0B9-4C60-9114-93ED0130F608}" dt="2026-03-04T13:40:20.401" v="4074" actId="13244"/>
          <ac:spMkLst>
            <pc:docMk/>
            <pc:sldMk cId="3426812687" sldId="355"/>
            <ac:spMk id="11" creationId="{7BF0474F-1BE5-941B-7195-62E5989BE7DB}"/>
          </ac:spMkLst>
        </pc:spChg>
        <pc:spChg chg="mod">
          <ac:chgData name="Theis Ziegler" userId="1d0357a8-3efe-41fa-839c-7601d995f2eb" providerId="ADAL" clId="{DF415A0B-A0B9-4C60-9114-93ED0130F608}" dt="2026-03-04T13:40:31.065" v="4078" actId="962"/>
          <ac:spMkLst>
            <pc:docMk/>
            <pc:sldMk cId="3426812687" sldId="355"/>
            <ac:spMk id="12" creationId="{5E766B54-BAF6-73DE-7BCE-B004CC47B020}"/>
          </ac:spMkLst>
        </pc:spChg>
        <pc:spChg chg="mod">
          <ac:chgData name="Theis Ziegler" userId="1d0357a8-3efe-41fa-839c-7601d995f2eb" providerId="ADAL" clId="{DF415A0B-A0B9-4C60-9114-93ED0130F608}" dt="2026-03-04T13:40:05.887" v="4069" actId="962"/>
          <ac:spMkLst>
            <pc:docMk/>
            <pc:sldMk cId="3426812687" sldId="355"/>
            <ac:spMk id="14" creationId="{9E8D3EF0-72E6-0D84-6D23-86AE144D888C}"/>
          </ac:spMkLst>
        </pc:spChg>
        <pc:spChg chg="mod topLvl">
          <ac:chgData name="Theis Ziegler" userId="1d0357a8-3efe-41fa-839c-7601d995f2eb" providerId="ADAL" clId="{DF415A0B-A0B9-4C60-9114-93ED0130F608}" dt="2026-03-04T13:40:37.676" v="4080" actId="165"/>
          <ac:spMkLst>
            <pc:docMk/>
            <pc:sldMk cId="3426812687" sldId="355"/>
            <ac:spMk id="53" creationId="{674A50FA-A1B8-6D1B-30EF-2B24DE6EA563}"/>
          </ac:spMkLst>
        </pc:spChg>
        <pc:spChg chg="mod topLvl">
          <ac:chgData name="Theis Ziegler" userId="1d0357a8-3efe-41fa-839c-7601d995f2eb" providerId="ADAL" clId="{DF415A0B-A0B9-4C60-9114-93ED0130F608}" dt="2026-03-04T13:40:37.676" v="4080" actId="165"/>
          <ac:spMkLst>
            <pc:docMk/>
            <pc:sldMk cId="3426812687" sldId="355"/>
            <ac:spMk id="54" creationId="{9666DFE8-CCB7-4D57-EF9F-575C1731D502}"/>
          </ac:spMkLst>
        </pc:spChg>
        <pc:spChg chg="mod topLvl">
          <ac:chgData name="Theis Ziegler" userId="1d0357a8-3efe-41fa-839c-7601d995f2eb" providerId="ADAL" clId="{DF415A0B-A0B9-4C60-9114-93ED0130F608}" dt="2026-03-04T13:40:37.676" v="4080" actId="165"/>
          <ac:spMkLst>
            <pc:docMk/>
            <pc:sldMk cId="3426812687" sldId="355"/>
            <ac:spMk id="55" creationId="{4511045C-7464-DDDC-983A-73C0B58B0B3D}"/>
          </ac:spMkLst>
        </pc:spChg>
        <pc:spChg chg="mod ord topLvl">
          <ac:chgData name="Theis Ziegler" userId="1d0357a8-3efe-41fa-839c-7601d995f2eb" providerId="ADAL" clId="{DF415A0B-A0B9-4C60-9114-93ED0130F608}" dt="2026-03-04T13:40:45.766" v="4081" actId="13244"/>
          <ac:spMkLst>
            <pc:docMk/>
            <pc:sldMk cId="3426812687" sldId="355"/>
            <ac:spMk id="56" creationId="{5595744B-3DA2-71A7-4335-7A428BD2903B}"/>
          </ac:spMkLst>
        </pc:spChg>
        <pc:spChg chg="mod ord topLvl">
          <ac:chgData name="Theis Ziegler" userId="1d0357a8-3efe-41fa-839c-7601d995f2eb" providerId="ADAL" clId="{DF415A0B-A0B9-4C60-9114-93ED0130F608}" dt="2026-03-04T13:40:48.815" v="4082" actId="13244"/>
          <ac:spMkLst>
            <pc:docMk/>
            <pc:sldMk cId="3426812687" sldId="355"/>
            <ac:spMk id="57" creationId="{7476C8DE-8BE1-8051-8FDF-C8FC8C14FDD1}"/>
          </ac:spMkLst>
        </pc:spChg>
        <pc:spChg chg="mod topLvl">
          <ac:chgData name="Theis Ziegler" userId="1d0357a8-3efe-41fa-839c-7601d995f2eb" providerId="ADAL" clId="{DF415A0B-A0B9-4C60-9114-93ED0130F608}" dt="2026-03-04T13:40:37.676" v="4080" actId="165"/>
          <ac:spMkLst>
            <pc:docMk/>
            <pc:sldMk cId="3426812687" sldId="355"/>
            <ac:spMk id="58" creationId="{432E33A1-DC80-42EF-647C-8F6D7CC8A54E}"/>
          </ac:spMkLst>
        </pc:spChg>
        <pc:spChg chg="mod topLvl">
          <ac:chgData name="Theis Ziegler" userId="1d0357a8-3efe-41fa-839c-7601d995f2eb" providerId="ADAL" clId="{DF415A0B-A0B9-4C60-9114-93ED0130F608}" dt="2026-03-04T13:40:37.676" v="4080" actId="165"/>
          <ac:spMkLst>
            <pc:docMk/>
            <pc:sldMk cId="3426812687" sldId="355"/>
            <ac:spMk id="59" creationId="{624CE26A-170B-B2BF-A570-BA310D71F0C9}"/>
          </ac:spMkLst>
        </pc:spChg>
        <pc:spChg chg="mod topLvl">
          <ac:chgData name="Theis Ziegler" userId="1d0357a8-3efe-41fa-839c-7601d995f2eb" providerId="ADAL" clId="{DF415A0B-A0B9-4C60-9114-93ED0130F608}" dt="2026-03-04T13:40:37.676" v="4080" actId="165"/>
          <ac:spMkLst>
            <pc:docMk/>
            <pc:sldMk cId="3426812687" sldId="355"/>
            <ac:spMk id="60" creationId="{1F74C9DF-F252-93FC-7512-218F44F3D57B}"/>
          </ac:spMkLst>
        </pc:spChg>
        <pc:spChg chg="mod ord topLvl">
          <ac:chgData name="Theis Ziegler" userId="1d0357a8-3efe-41fa-839c-7601d995f2eb" providerId="ADAL" clId="{DF415A0B-A0B9-4C60-9114-93ED0130F608}" dt="2026-03-04T13:40:55.805" v="4083" actId="13244"/>
          <ac:spMkLst>
            <pc:docMk/>
            <pc:sldMk cId="3426812687" sldId="355"/>
            <ac:spMk id="61" creationId="{1D13F5E7-7D8F-885C-F988-021D4209433D}"/>
          </ac:spMkLst>
        </pc:spChg>
        <pc:spChg chg="mod topLvl">
          <ac:chgData name="Theis Ziegler" userId="1d0357a8-3efe-41fa-839c-7601d995f2eb" providerId="ADAL" clId="{DF415A0B-A0B9-4C60-9114-93ED0130F608}" dt="2026-03-04T13:40:37.676" v="4080" actId="165"/>
          <ac:spMkLst>
            <pc:docMk/>
            <pc:sldMk cId="3426812687" sldId="355"/>
            <ac:spMk id="62" creationId="{DDA2AC38-605C-3C60-6C8E-4FA8CA1E93C2}"/>
          </ac:spMkLst>
        </pc:spChg>
        <pc:spChg chg="mod">
          <ac:chgData name="Theis Ziegler" userId="1d0357a8-3efe-41fa-839c-7601d995f2eb" providerId="ADAL" clId="{DF415A0B-A0B9-4C60-9114-93ED0130F608}" dt="2026-03-04T13:40:26.077" v="4075" actId="962"/>
          <ac:spMkLst>
            <pc:docMk/>
            <pc:sldMk cId="3426812687" sldId="355"/>
            <ac:spMk id="65" creationId="{A25B00AB-582D-81AB-854F-2261F3F2254F}"/>
          </ac:spMkLst>
        </pc:spChg>
        <pc:spChg chg="mod">
          <ac:chgData name="Theis Ziegler" userId="1d0357a8-3efe-41fa-839c-7601d995f2eb" providerId="ADAL" clId="{DF415A0B-A0B9-4C60-9114-93ED0130F608}" dt="2026-03-04T13:40:27.388" v="4076" actId="962"/>
          <ac:spMkLst>
            <pc:docMk/>
            <pc:sldMk cId="3426812687" sldId="355"/>
            <ac:spMk id="66" creationId="{E36B9DC9-844B-FD9E-2243-3F38ABAB9ED5}"/>
          </ac:spMkLst>
        </pc:spChg>
        <pc:grpChg chg="mod">
          <ac:chgData name="Theis Ziegler" userId="1d0357a8-3efe-41fa-839c-7601d995f2eb" providerId="ADAL" clId="{DF415A0B-A0B9-4C60-9114-93ED0130F608}" dt="2026-03-04T13:40:35.168" v="4079" actId="962"/>
          <ac:grpSpMkLst>
            <pc:docMk/>
            <pc:sldMk cId="3426812687" sldId="355"/>
            <ac:grpSpMk id="41" creationId="{7C15682E-9657-DA7C-4A7C-F61C37DBFB86}"/>
          </ac:grpSpMkLst>
        </pc:grpChg>
        <pc:cxnChg chg="mod">
          <ac:chgData name="Theis Ziegler" userId="1d0357a8-3efe-41fa-839c-7601d995f2eb" providerId="ADAL" clId="{DF415A0B-A0B9-4C60-9114-93ED0130F608}" dt="2026-03-04T13:40:11.893" v="4071" actId="962"/>
          <ac:cxnSpMkLst>
            <pc:docMk/>
            <pc:sldMk cId="3426812687" sldId="355"/>
            <ac:cxnSpMk id="8" creationId="{865186DE-8249-9C1F-8A99-DF14B7ABEBDC}"/>
          </ac:cxnSpMkLst>
        </pc:cxnChg>
        <pc:cxnChg chg="mod">
          <ac:chgData name="Theis Ziegler" userId="1d0357a8-3efe-41fa-839c-7601d995f2eb" providerId="ADAL" clId="{DF415A0B-A0B9-4C60-9114-93ED0130F608}" dt="2026-03-04T13:40:12.830" v="4072" actId="962"/>
          <ac:cxnSpMkLst>
            <pc:docMk/>
            <pc:sldMk cId="3426812687" sldId="355"/>
            <ac:cxnSpMk id="9" creationId="{88B1E9C4-7D08-D18A-BA13-F4C43FFB6F2B}"/>
          </ac:cxnSpMkLst>
        </pc:cxnChg>
      </pc:sldChg>
      <pc:sldChg chg="addSp delSp modSp mod">
        <pc:chgData name="Theis Ziegler" userId="1d0357a8-3efe-41fa-839c-7601d995f2eb" providerId="ADAL" clId="{DF415A0B-A0B9-4C60-9114-93ED0130F608}" dt="2026-03-09T13:27:41.653" v="4489" actId="478"/>
        <pc:sldMkLst>
          <pc:docMk/>
          <pc:sldMk cId="901021998" sldId="356"/>
        </pc:sldMkLst>
        <pc:spChg chg="mod">
          <ac:chgData name="Theis Ziegler" userId="1d0357a8-3efe-41fa-839c-7601d995f2eb" providerId="ADAL" clId="{DF415A0B-A0B9-4C60-9114-93ED0130F608}" dt="2026-03-04T13:41:31.801" v="4092" actId="962"/>
          <ac:spMkLst>
            <pc:docMk/>
            <pc:sldMk cId="901021998" sldId="356"/>
            <ac:spMk id="6" creationId="{B858B509-31A4-58A5-A799-356B526013A2}"/>
          </ac:spMkLst>
        </pc:spChg>
        <pc:spChg chg="mod">
          <ac:chgData name="Theis Ziegler" userId="1d0357a8-3efe-41fa-839c-7601d995f2eb" providerId="ADAL" clId="{DF415A0B-A0B9-4C60-9114-93ED0130F608}" dt="2026-03-04T13:41:14.956" v="4085" actId="962"/>
          <ac:spMkLst>
            <pc:docMk/>
            <pc:sldMk cId="901021998" sldId="356"/>
            <ac:spMk id="7" creationId="{837CDB1C-7C55-98C3-9216-90B7CEC4446B}"/>
          </ac:spMkLst>
        </pc:spChg>
        <pc:spChg chg="mod">
          <ac:chgData name="Theis Ziegler" userId="1d0357a8-3efe-41fa-839c-7601d995f2eb" providerId="ADAL" clId="{DF415A0B-A0B9-4C60-9114-93ED0130F608}" dt="2026-03-04T13:41:17.854" v="4088" actId="13244"/>
          <ac:spMkLst>
            <pc:docMk/>
            <pc:sldMk cId="901021998" sldId="356"/>
            <ac:spMk id="10" creationId="{068CD08D-85D8-DE11-6D91-3F8CB9782025}"/>
          </ac:spMkLst>
        </pc:spChg>
        <pc:spChg chg="mod">
          <ac:chgData name="Theis Ziegler" userId="1d0357a8-3efe-41fa-839c-7601d995f2eb" providerId="ADAL" clId="{DF415A0B-A0B9-4C60-9114-93ED0130F608}" dt="2026-03-04T13:41:19.039" v="4089" actId="13244"/>
          <ac:spMkLst>
            <pc:docMk/>
            <pc:sldMk cId="901021998" sldId="356"/>
            <ac:spMk id="11" creationId="{9AE682D8-4F3A-7011-B521-E343E9B01AD4}"/>
          </ac:spMkLst>
        </pc:spChg>
        <pc:spChg chg="mod">
          <ac:chgData name="Theis Ziegler" userId="1d0357a8-3efe-41fa-839c-7601d995f2eb" providerId="ADAL" clId="{DF415A0B-A0B9-4C60-9114-93ED0130F608}" dt="2026-03-04T13:41:32.838" v="4093" actId="962"/>
          <ac:spMkLst>
            <pc:docMk/>
            <pc:sldMk cId="901021998" sldId="356"/>
            <ac:spMk id="12" creationId="{B981BF46-FB7A-80BD-1415-94F38ECFAB76}"/>
          </ac:spMkLst>
        </pc:spChg>
        <pc:spChg chg="add mod">
          <ac:chgData name="Theis Ziegler" userId="1d0357a8-3efe-41fa-839c-7601d995f2eb" providerId="ADAL" clId="{DF415A0B-A0B9-4C60-9114-93ED0130F608}" dt="2026-03-09T13:27:37.444" v="4488" actId="14100"/>
          <ac:spMkLst>
            <pc:docMk/>
            <pc:sldMk cId="901021998" sldId="356"/>
            <ac:spMk id="13" creationId="{A03ADCA7-A262-5F90-1635-E85AE9AD6948}"/>
          </ac:spMkLst>
        </pc:spChg>
        <pc:spChg chg="mod">
          <ac:chgData name="Theis Ziegler" userId="1d0357a8-3efe-41fa-839c-7601d995f2eb" providerId="ADAL" clId="{DF415A0B-A0B9-4C60-9114-93ED0130F608}" dt="2026-03-04T13:41:35.776" v="4094" actId="962"/>
          <ac:spMkLst>
            <pc:docMk/>
            <pc:sldMk cId="901021998" sldId="356"/>
            <ac:spMk id="17" creationId="{3438D09A-074D-C5FA-0E51-A2E8C3C668E0}"/>
          </ac:spMkLst>
        </pc:spChg>
        <pc:spChg chg="mod">
          <ac:chgData name="Theis Ziegler" userId="1d0357a8-3efe-41fa-839c-7601d995f2eb" providerId="ADAL" clId="{DF415A0B-A0B9-4C60-9114-93ED0130F608}" dt="2026-03-04T13:41:44.107" v="4095" actId="13244"/>
          <ac:spMkLst>
            <pc:docMk/>
            <pc:sldMk cId="901021998" sldId="356"/>
            <ac:spMk id="21" creationId="{3A55CFAB-E9E5-7D65-B53C-59AF88C77CD3}"/>
          </ac:spMkLst>
        </pc:spChg>
        <pc:spChg chg="mod">
          <ac:chgData name="Theis Ziegler" userId="1d0357a8-3efe-41fa-839c-7601d995f2eb" providerId="ADAL" clId="{DF415A0B-A0B9-4C60-9114-93ED0130F608}" dt="2026-03-04T13:41:44.107" v="4095" actId="13244"/>
          <ac:spMkLst>
            <pc:docMk/>
            <pc:sldMk cId="901021998" sldId="356"/>
            <ac:spMk id="22" creationId="{D1C511C4-5D91-CFC5-43E2-C06D5F8839A1}"/>
          </ac:spMkLst>
        </pc:spChg>
        <pc:spChg chg="mod">
          <ac:chgData name="Theis Ziegler" userId="1d0357a8-3efe-41fa-839c-7601d995f2eb" providerId="ADAL" clId="{DF415A0B-A0B9-4C60-9114-93ED0130F608}" dt="2026-03-04T13:42:20.628" v="4105" actId="962"/>
          <ac:spMkLst>
            <pc:docMk/>
            <pc:sldMk cId="901021998" sldId="356"/>
            <ac:spMk id="23" creationId="{7163B858-0101-C7A3-E9CD-3AFE99B66E68}"/>
          </ac:spMkLst>
        </pc:spChg>
        <pc:spChg chg="mod">
          <ac:chgData name="Theis Ziegler" userId="1d0357a8-3efe-41fa-839c-7601d995f2eb" providerId="ADAL" clId="{DF415A0B-A0B9-4C60-9114-93ED0130F608}" dt="2026-03-04T13:42:21.077" v="4106" actId="962"/>
          <ac:spMkLst>
            <pc:docMk/>
            <pc:sldMk cId="901021998" sldId="356"/>
            <ac:spMk id="24" creationId="{EF5258FE-FA2F-C3D2-F891-C6FF39E9325A}"/>
          </ac:spMkLst>
        </pc:spChg>
        <pc:spChg chg="mod">
          <ac:chgData name="Theis Ziegler" userId="1d0357a8-3efe-41fa-839c-7601d995f2eb" providerId="ADAL" clId="{DF415A0B-A0B9-4C60-9114-93ED0130F608}" dt="2026-03-04T13:41:05.650" v="4084" actId="13244"/>
          <ac:spMkLst>
            <pc:docMk/>
            <pc:sldMk cId="901021998" sldId="356"/>
            <ac:spMk id="33" creationId="{83F54EA3-77DF-88A1-C58B-81B2E997A560}"/>
          </ac:spMkLst>
        </pc:spChg>
        <pc:spChg chg="mod ord">
          <ac:chgData name="Theis Ziegler" userId="1d0357a8-3efe-41fa-839c-7601d995f2eb" providerId="ADAL" clId="{DF415A0B-A0B9-4C60-9114-93ED0130F608}" dt="2026-03-04T13:44:35.631" v="4117" actId="13244"/>
          <ac:spMkLst>
            <pc:docMk/>
            <pc:sldMk cId="901021998" sldId="356"/>
            <ac:spMk id="37" creationId="{26F98D60-1073-11ED-3C2B-1854DDF84FF6}"/>
          </ac:spMkLst>
        </pc:spChg>
        <pc:spChg chg="mod">
          <ac:chgData name="Theis Ziegler" userId="1d0357a8-3efe-41fa-839c-7601d995f2eb" providerId="ADAL" clId="{DF415A0B-A0B9-4C60-9114-93ED0130F608}" dt="2026-03-04T13:41:44.107" v="4095" actId="13244"/>
          <ac:spMkLst>
            <pc:docMk/>
            <pc:sldMk cId="901021998" sldId="356"/>
            <ac:spMk id="38" creationId="{381F6403-3AFD-96D7-BAEC-93709ABB7877}"/>
          </ac:spMkLst>
        </pc:spChg>
        <pc:spChg chg="mod">
          <ac:chgData name="Theis Ziegler" userId="1d0357a8-3efe-41fa-839c-7601d995f2eb" providerId="ADAL" clId="{DF415A0B-A0B9-4C60-9114-93ED0130F608}" dt="2026-03-04T13:41:29.612" v="4090" actId="962"/>
          <ac:spMkLst>
            <pc:docMk/>
            <pc:sldMk cId="901021998" sldId="356"/>
            <ac:spMk id="65" creationId="{6C526353-57C4-2B8E-4221-96A1AC16B8D8}"/>
          </ac:spMkLst>
        </pc:spChg>
        <pc:spChg chg="mod">
          <ac:chgData name="Theis Ziegler" userId="1d0357a8-3efe-41fa-839c-7601d995f2eb" providerId="ADAL" clId="{DF415A0B-A0B9-4C60-9114-93ED0130F608}" dt="2026-03-04T13:41:30.729" v="4091" actId="962"/>
          <ac:spMkLst>
            <pc:docMk/>
            <pc:sldMk cId="901021998" sldId="356"/>
            <ac:spMk id="66" creationId="{33767A82-A632-B0FD-208F-CB9B76DD5048}"/>
          </ac:spMkLst>
        </pc:spChg>
        <pc:spChg chg="mod">
          <ac:chgData name="Theis Ziegler" userId="1d0357a8-3efe-41fa-839c-7601d995f2eb" providerId="ADAL" clId="{DF415A0B-A0B9-4C60-9114-93ED0130F608}" dt="2026-03-04T13:41:52.726" v="4098" actId="962"/>
          <ac:spMkLst>
            <pc:docMk/>
            <pc:sldMk cId="901021998" sldId="356"/>
            <ac:spMk id="144" creationId="{418626EC-37B8-EFCC-FECC-52BCF10607D0}"/>
          </ac:spMkLst>
        </pc:spChg>
        <pc:spChg chg="mod">
          <ac:chgData name="Theis Ziegler" userId="1d0357a8-3efe-41fa-839c-7601d995f2eb" providerId="ADAL" clId="{DF415A0B-A0B9-4C60-9114-93ED0130F608}" dt="2026-03-04T13:41:55.750" v="4099" actId="962"/>
          <ac:spMkLst>
            <pc:docMk/>
            <pc:sldMk cId="901021998" sldId="356"/>
            <ac:spMk id="146" creationId="{12BC2000-2E16-69D7-E482-9D4CF49FA5CB}"/>
          </ac:spMkLst>
        </pc:spChg>
        <pc:spChg chg="ord">
          <ac:chgData name="Theis Ziegler" userId="1d0357a8-3efe-41fa-839c-7601d995f2eb" providerId="ADAL" clId="{DF415A0B-A0B9-4C60-9114-93ED0130F608}" dt="2026-03-04T13:42:10.447" v="4102" actId="13244"/>
          <ac:spMkLst>
            <pc:docMk/>
            <pc:sldMk cId="901021998" sldId="356"/>
            <ac:spMk id="213" creationId="{4D0104DC-6DFF-ACF3-1039-6DC44DCBC21A}"/>
          </ac:spMkLst>
        </pc:spChg>
        <pc:grpChg chg="mod">
          <ac:chgData name="Theis Ziegler" userId="1d0357a8-3efe-41fa-839c-7601d995f2eb" providerId="ADAL" clId="{DF415A0B-A0B9-4C60-9114-93ED0130F608}" dt="2026-03-04T13:42:22.879" v="4107" actId="962"/>
          <ac:grpSpMkLst>
            <pc:docMk/>
            <pc:sldMk cId="901021998" sldId="356"/>
            <ac:grpSpMk id="26" creationId="{312BAD99-EC2B-4AFE-1F04-045FB16DCE46}"/>
          </ac:grpSpMkLst>
        </pc:grpChg>
        <pc:grpChg chg="mod">
          <ac:chgData name="Theis Ziegler" userId="1d0357a8-3efe-41fa-839c-7601d995f2eb" providerId="ADAL" clId="{DF415A0B-A0B9-4C60-9114-93ED0130F608}" dt="2026-03-04T13:41:57.915" v="4100" actId="962"/>
          <ac:grpSpMkLst>
            <pc:docMk/>
            <pc:sldMk cId="901021998" sldId="356"/>
            <ac:grpSpMk id="147" creationId="{5C2DCF67-585A-D271-77E3-0F6F08E69834}"/>
          </ac:grpSpMkLst>
        </pc:grpChg>
        <pc:grpChg chg="mod ord">
          <ac:chgData name="Theis Ziegler" userId="1d0357a8-3efe-41fa-839c-7601d995f2eb" providerId="ADAL" clId="{DF415A0B-A0B9-4C60-9114-93ED0130F608}" dt="2026-03-04T13:43:38.797" v="4112" actId="962"/>
          <ac:grpSpMkLst>
            <pc:docMk/>
            <pc:sldMk cId="901021998" sldId="356"/>
            <ac:grpSpMk id="150" creationId="{C421C7B1-259C-5C9F-9F1A-428FC683C035}"/>
          </ac:grpSpMkLst>
        </pc:grpChg>
        <pc:grpChg chg="mod">
          <ac:chgData name="Theis Ziegler" userId="1d0357a8-3efe-41fa-839c-7601d995f2eb" providerId="ADAL" clId="{DF415A0B-A0B9-4C60-9114-93ED0130F608}" dt="2026-03-04T13:42:01.996" v="4101" actId="962"/>
          <ac:grpSpMkLst>
            <pc:docMk/>
            <pc:sldMk cId="901021998" sldId="356"/>
            <ac:grpSpMk id="160" creationId="{A410D04D-5F7B-C8A0-9E44-1339BCFA8B6A}"/>
          </ac:grpSpMkLst>
        </pc:grpChg>
        <pc:grpChg chg="mod ord">
          <ac:chgData name="Theis Ziegler" userId="1d0357a8-3efe-41fa-839c-7601d995f2eb" providerId="ADAL" clId="{DF415A0B-A0B9-4C60-9114-93ED0130F608}" dt="2026-03-04T14:02:03.470" v="4210" actId="962"/>
          <ac:grpSpMkLst>
            <pc:docMk/>
            <pc:sldMk cId="901021998" sldId="356"/>
            <ac:grpSpMk id="163" creationId="{4BBE39BE-1854-7FF2-8061-06070E5B0025}"/>
          </ac:grpSpMkLst>
        </pc:grpChg>
        <pc:grpChg chg="mod ord">
          <ac:chgData name="Theis Ziegler" userId="1d0357a8-3efe-41fa-839c-7601d995f2eb" providerId="ADAL" clId="{DF415A0B-A0B9-4C60-9114-93ED0130F608}" dt="2026-03-04T13:44:06.850" v="4114" actId="962"/>
          <ac:grpSpMkLst>
            <pc:docMk/>
            <pc:sldMk cId="901021998" sldId="356"/>
            <ac:grpSpMk id="173" creationId="{3D29FF79-F0F7-10C1-E806-83DD85080B79}"/>
          </ac:grpSpMkLst>
        </pc:grpChg>
        <pc:grpChg chg="mod ord">
          <ac:chgData name="Theis Ziegler" userId="1d0357a8-3efe-41fa-839c-7601d995f2eb" providerId="ADAL" clId="{DF415A0B-A0B9-4C60-9114-93ED0130F608}" dt="2026-03-04T13:44:15.442" v="4115" actId="962"/>
          <ac:grpSpMkLst>
            <pc:docMk/>
            <pc:sldMk cId="901021998" sldId="356"/>
            <ac:grpSpMk id="183" creationId="{5F1594B5-17FD-70F6-1B3B-F8FE531E5BDD}"/>
          </ac:grpSpMkLst>
        </pc:grpChg>
        <pc:grpChg chg="mod ord">
          <ac:chgData name="Theis Ziegler" userId="1d0357a8-3efe-41fa-839c-7601d995f2eb" providerId="ADAL" clId="{DF415A0B-A0B9-4C60-9114-93ED0130F608}" dt="2026-03-04T13:44:24.434" v="4116" actId="962"/>
          <ac:grpSpMkLst>
            <pc:docMk/>
            <pc:sldMk cId="901021998" sldId="356"/>
            <ac:grpSpMk id="193" creationId="{3FB897C1-4082-4986-97F4-0D064EEEC0F8}"/>
          </ac:grpSpMkLst>
        </pc:grpChg>
        <pc:grpChg chg="mod ord">
          <ac:chgData name="Theis Ziegler" userId="1d0357a8-3efe-41fa-839c-7601d995f2eb" providerId="ADAL" clId="{DF415A0B-A0B9-4C60-9114-93ED0130F608}" dt="2026-03-04T13:43:46.691" v="4113" actId="962"/>
          <ac:grpSpMkLst>
            <pc:docMk/>
            <pc:sldMk cId="901021998" sldId="356"/>
            <ac:grpSpMk id="203" creationId="{A0E28195-F1C2-9FAD-311E-828E8261CE60}"/>
          </ac:grpSpMkLst>
        </pc:grpChg>
        <pc:grpChg chg="mod">
          <ac:chgData name="Theis Ziegler" userId="1d0357a8-3efe-41fa-839c-7601d995f2eb" providerId="ADAL" clId="{DF415A0B-A0B9-4C60-9114-93ED0130F608}" dt="2026-03-04T13:42:17.738" v="4104" actId="962"/>
          <ac:grpSpMkLst>
            <pc:docMk/>
            <pc:sldMk cId="901021998" sldId="356"/>
            <ac:grpSpMk id="214" creationId="{1574351B-FC9E-0665-8C4E-6DEF497B0010}"/>
          </ac:grpSpMkLst>
        </pc:grpChg>
        <pc:picChg chg="mod">
          <ac:chgData name="Theis Ziegler" userId="1d0357a8-3efe-41fa-839c-7601d995f2eb" providerId="ADAL" clId="{DF415A0B-A0B9-4C60-9114-93ED0130F608}" dt="2026-03-04T13:41:50.847" v="4097" actId="962"/>
          <ac:picMkLst>
            <pc:docMk/>
            <pc:sldMk cId="901021998" sldId="356"/>
            <ac:picMk id="129" creationId="{F7305CB9-3149-AE5E-95E4-FEA0A50685AB}"/>
          </ac:picMkLst>
        </pc:picChg>
        <pc:cxnChg chg="mod">
          <ac:chgData name="Theis Ziegler" userId="1d0357a8-3efe-41fa-839c-7601d995f2eb" providerId="ADAL" clId="{DF415A0B-A0B9-4C60-9114-93ED0130F608}" dt="2026-03-04T13:41:15.656" v="4086" actId="962"/>
          <ac:cxnSpMkLst>
            <pc:docMk/>
            <pc:sldMk cId="901021998" sldId="356"/>
            <ac:cxnSpMk id="8" creationId="{7DA0D2BE-1830-E9D4-A369-F58667E7E261}"/>
          </ac:cxnSpMkLst>
        </pc:cxnChg>
        <pc:cxnChg chg="mod">
          <ac:chgData name="Theis Ziegler" userId="1d0357a8-3efe-41fa-839c-7601d995f2eb" providerId="ADAL" clId="{DF415A0B-A0B9-4C60-9114-93ED0130F608}" dt="2026-03-04T13:41:16.285" v="4087" actId="962"/>
          <ac:cxnSpMkLst>
            <pc:docMk/>
            <pc:sldMk cId="901021998" sldId="356"/>
            <ac:cxnSpMk id="9" creationId="{93E60D59-8004-A1D9-176C-F187ACB8B932}"/>
          </ac:cxnSpMkLst>
        </pc:cxnChg>
      </pc:sldChg>
      <pc:sldChg chg="modSp mod">
        <pc:chgData name="Theis Ziegler" userId="1d0357a8-3efe-41fa-839c-7601d995f2eb" providerId="ADAL" clId="{DF415A0B-A0B9-4C60-9114-93ED0130F608}" dt="2026-03-04T11:29:57.560" v="3523" actId="962"/>
        <pc:sldMkLst>
          <pc:docMk/>
          <pc:sldMk cId="1969442552" sldId="363"/>
        </pc:sldMkLst>
        <pc:spChg chg="ord">
          <ac:chgData name="Theis Ziegler" userId="1d0357a8-3efe-41fa-839c-7601d995f2eb" providerId="ADAL" clId="{DF415A0B-A0B9-4C60-9114-93ED0130F608}" dt="2026-03-04T10:30:43.488" v="3462" actId="13244"/>
          <ac:spMkLst>
            <pc:docMk/>
            <pc:sldMk cId="1969442552" sldId="363"/>
            <ac:spMk id="2" creationId="{EF928B9B-A361-C469-A252-099952BC13D3}"/>
          </ac:spMkLst>
        </pc:spChg>
        <pc:spChg chg="ord">
          <ac:chgData name="Theis Ziegler" userId="1d0357a8-3efe-41fa-839c-7601d995f2eb" providerId="ADAL" clId="{DF415A0B-A0B9-4C60-9114-93ED0130F608}" dt="2026-03-04T10:31:01.223" v="3464" actId="13244"/>
          <ac:spMkLst>
            <pc:docMk/>
            <pc:sldMk cId="1969442552" sldId="363"/>
            <ac:spMk id="11" creationId="{0D2AEE01-6E86-1B97-49F0-9467EA08AA06}"/>
          </ac:spMkLst>
        </pc:spChg>
        <pc:spChg chg="ord">
          <ac:chgData name="Theis Ziegler" userId="1d0357a8-3efe-41fa-839c-7601d995f2eb" providerId="ADAL" clId="{DF415A0B-A0B9-4C60-9114-93ED0130F608}" dt="2026-03-04T10:30:57.058" v="3463" actId="13244"/>
          <ac:spMkLst>
            <pc:docMk/>
            <pc:sldMk cId="1969442552" sldId="363"/>
            <ac:spMk id="13" creationId="{A12EAE6E-7B40-A96E-13C7-1E420436AD6D}"/>
          </ac:spMkLst>
        </pc:spChg>
        <pc:spChg chg="ord">
          <ac:chgData name="Theis Ziegler" userId="1d0357a8-3efe-41fa-839c-7601d995f2eb" providerId="ADAL" clId="{DF415A0B-A0B9-4C60-9114-93ED0130F608}" dt="2026-03-04T10:32:22.217" v="3469" actId="13244"/>
          <ac:spMkLst>
            <pc:docMk/>
            <pc:sldMk cId="1969442552" sldId="363"/>
            <ac:spMk id="14" creationId="{2B2BA493-B8E7-32F9-17BB-382A3E5C7E48}"/>
          </ac:spMkLst>
        </pc:spChg>
        <pc:spChg chg="ord">
          <ac:chgData name="Theis Ziegler" userId="1d0357a8-3efe-41fa-839c-7601d995f2eb" providerId="ADAL" clId="{DF415A0B-A0B9-4C60-9114-93ED0130F608}" dt="2026-03-04T10:33:01.334" v="3474" actId="13244"/>
          <ac:spMkLst>
            <pc:docMk/>
            <pc:sldMk cId="1969442552" sldId="363"/>
            <ac:spMk id="59" creationId="{B15CED04-FAC5-099E-BA6D-C07A0F16DAB9}"/>
          </ac:spMkLst>
        </pc:spChg>
        <pc:spChg chg="ord">
          <ac:chgData name="Theis Ziegler" userId="1d0357a8-3efe-41fa-839c-7601d995f2eb" providerId="ADAL" clId="{DF415A0B-A0B9-4C60-9114-93ED0130F608}" dt="2026-03-04T10:33:10.826" v="3475" actId="13244"/>
          <ac:spMkLst>
            <pc:docMk/>
            <pc:sldMk cId="1969442552" sldId="363"/>
            <ac:spMk id="89" creationId="{CD88B9E7-B9A7-5973-3BF5-9209E84E7A08}"/>
          </ac:spMkLst>
        </pc:spChg>
        <pc:spChg chg="mod">
          <ac:chgData name="Theis Ziegler" userId="1d0357a8-3efe-41fa-839c-7601d995f2eb" providerId="ADAL" clId="{DF415A0B-A0B9-4C60-9114-93ED0130F608}" dt="2026-03-04T10:30:40.329" v="3461" actId="13244"/>
          <ac:spMkLst>
            <pc:docMk/>
            <pc:sldMk cId="1969442552" sldId="363"/>
            <ac:spMk id="100" creationId="{B9FE0E7F-9F00-8CC3-F68D-044BAEA020D6}"/>
          </ac:spMkLst>
        </pc:spChg>
        <pc:grpChg chg="mod">
          <ac:chgData name="Theis Ziegler" userId="1d0357a8-3efe-41fa-839c-7601d995f2eb" providerId="ADAL" clId="{DF415A0B-A0B9-4C60-9114-93ED0130F608}" dt="2026-03-04T11:29:57.560" v="3523" actId="962"/>
          <ac:grpSpMkLst>
            <pc:docMk/>
            <pc:sldMk cId="1969442552" sldId="363"/>
            <ac:grpSpMk id="39" creationId="{C9475FFF-015F-C93A-963F-A459014A5C55}"/>
          </ac:grpSpMkLst>
        </pc:grpChg>
        <pc:grpChg chg="mod ord">
          <ac:chgData name="Theis Ziegler" userId="1d0357a8-3efe-41fa-839c-7601d995f2eb" providerId="ADAL" clId="{DF415A0B-A0B9-4C60-9114-93ED0130F608}" dt="2026-03-04T10:32:51.207" v="3473" actId="962"/>
          <ac:grpSpMkLst>
            <pc:docMk/>
            <pc:sldMk cId="1969442552" sldId="363"/>
            <ac:grpSpMk id="41" creationId="{B3AE66EE-CAD1-A6B5-0A60-8ED34A03A28B}"/>
          </ac:grpSpMkLst>
        </pc:grpChg>
        <pc:grpChg chg="mod">
          <ac:chgData name="Theis Ziegler" userId="1d0357a8-3efe-41fa-839c-7601d995f2eb" providerId="ADAL" clId="{DF415A0B-A0B9-4C60-9114-93ED0130F608}" dt="2026-03-04T11:13:58.449" v="3477" actId="962"/>
          <ac:grpSpMkLst>
            <pc:docMk/>
            <pc:sldMk cId="1969442552" sldId="363"/>
            <ac:grpSpMk id="22535" creationId="{D4D61BD5-2557-2684-4BDC-9A751E4308B2}"/>
          </ac:grpSpMkLst>
        </pc:grpChg>
      </pc:sldChg>
      <pc:sldChg chg="modSp mod">
        <pc:chgData name="Theis Ziegler" userId="1d0357a8-3efe-41fa-839c-7601d995f2eb" providerId="ADAL" clId="{DF415A0B-A0B9-4C60-9114-93ED0130F608}" dt="2026-03-04T11:15:04.471" v="3483" actId="13244"/>
        <pc:sldMkLst>
          <pc:docMk/>
          <pc:sldMk cId="3618292842" sldId="364"/>
        </pc:sldMkLst>
        <pc:spChg chg="mod">
          <ac:chgData name="Theis Ziegler" userId="1d0357a8-3efe-41fa-839c-7601d995f2eb" providerId="ADAL" clId="{DF415A0B-A0B9-4C60-9114-93ED0130F608}" dt="2026-03-04T11:14:25.094" v="3479" actId="13244"/>
          <ac:spMkLst>
            <pc:docMk/>
            <pc:sldMk cId="3618292842" sldId="364"/>
            <ac:spMk id="10" creationId="{BC84ABB4-65A0-30DB-23ED-5B8A932F2590}"/>
          </ac:spMkLst>
        </pc:spChg>
        <pc:spChg chg="mod">
          <ac:chgData name="Theis Ziegler" userId="1d0357a8-3efe-41fa-839c-7601d995f2eb" providerId="ADAL" clId="{DF415A0B-A0B9-4C60-9114-93ED0130F608}" dt="2026-03-04T11:14:32.384" v="3480" actId="13244"/>
          <ac:spMkLst>
            <pc:docMk/>
            <pc:sldMk cId="3618292842" sldId="364"/>
            <ac:spMk id="11" creationId="{9C65F62D-DC10-5BE9-F617-37A1CFF429CC}"/>
          </ac:spMkLst>
        </pc:spChg>
        <pc:spChg chg="ord">
          <ac:chgData name="Theis Ziegler" userId="1d0357a8-3efe-41fa-839c-7601d995f2eb" providerId="ADAL" clId="{DF415A0B-A0B9-4C60-9114-93ED0130F608}" dt="2026-03-04T11:15:04.471" v="3483" actId="13244"/>
          <ac:spMkLst>
            <pc:docMk/>
            <pc:sldMk cId="3618292842" sldId="364"/>
            <ac:spMk id="13" creationId="{310ABAB7-C9C9-F033-B5BA-AF9F095DBEB7}"/>
          </ac:spMkLst>
        </pc:spChg>
        <pc:spChg chg="mod">
          <ac:chgData name="Theis Ziegler" userId="1d0357a8-3efe-41fa-839c-7601d995f2eb" providerId="ADAL" clId="{DF415A0B-A0B9-4C60-9114-93ED0130F608}" dt="2026-03-04T11:14:11.433" v="3478" actId="13244"/>
          <ac:spMkLst>
            <pc:docMk/>
            <pc:sldMk cId="3618292842" sldId="364"/>
            <ac:spMk id="26" creationId="{CA53D40D-64BD-2998-012B-3D1C7822A2EF}"/>
          </ac:spMkLst>
        </pc:spChg>
        <pc:spChg chg="ord">
          <ac:chgData name="Theis Ziegler" userId="1d0357a8-3efe-41fa-839c-7601d995f2eb" providerId="ADAL" clId="{DF415A0B-A0B9-4C60-9114-93ED0130F608}" dt="2026-03-04T11:14:37.970" v="3481" actId="13244"/>
          <ac:spMkLst>
            <pc:docMk/>
            <pc:sldMk cId="3618292842" sldId="364"/>
            <ac:spMk id="62" creationId="{5831EB7D-674A-2A01-B7CC-F6E965309174}"/>
          </ac:spMkLst>
        </pc:spChg>
        <pc:spChg chg="ord">
          <ac:chgData name="Theis Ziegler" userId="1d0357a8-3efe-41fa-839c-7601d995f2eb" providerId="ADAL" clId="{DF415A0B-A0B9-4C60-9114-93ED0130F608}" dt="2026-03-04T11:14:55.643" v="3482" actId="13244"/>
          <ac:spMkLst>
            <pc:docMk/>
            <pc:sldMk cId="3618292842" sldId="364"/>
            <ac:spMk id="69" creationId="{BA13396B-3BBB-F697-4C17-CFE2999AA24B}"/>
          </ac:spMkLst>
        </pc:spChg>
      </pc:sldChg>
      <pc:sldChg chg="addSp delSp modSp mod">
        <pc:chgData name="Theis Ziegler" userId="1d0357a8-3efe-41fa-839c-7601d995f2eb" providerId="ADAL" clId="{DF415A0B-A0B9-4C60-9114-93ED0130F608}" dt="2026-03-09T13:19:52.015" v="4279" actId="14100"/>
        <pc:sldMkLst>
          <pc:docMk/>
          <pc:sldMk cId="3826605073" sldId="365"/>
        </pc:sldMkLst>
        <pc:spChg chg="mod">
          <ac:chgData name="Theis Ziegler" userId="1d0357a8-3efe-41fa-839c-7601d995f2eb" providerId="ADAL" clId="{DF415A0B-A0B9-4C60-9114-93ED0130F608}" dt="2026-03-04T11:15:35.644" v="3485" actId="13244"/>
          <ac:spMkLst>
            <pc:docMk/>
            <pc:sldMk cId="3826605073" sldId="365"/>
            <ac:spMk id="10" creationId="{40490BF2-2CC4-F538-ECC1-6CDEC7A557A9}"/>
          </ac:spMkLst>
        </pc:spChg>
        <pc:spChg chg="mod">
          <ac:chgData name="Theis Ziegler" userId="1d0357a8-3efe-41fa-839c-7601d995f2eb" providerId="ADAL" clId="{DF415A0B-A0B9-4C60-9114-93ED0130F608}" dt="2026-03-04T11:15:37.960" v="3486" actId="13244"/>
          <ac:spMkLst>
            <pc:docMk/>
            <pc:sldMk cId="3826605073" sldId="365"/>
            <ac:spMk id="11" creationId="{98C392B1-98FB-5311-1A45-A645192E8B77}"/>
          </ac:spMkLst>
        </pc:spChg>
        <pc:spChg chg="add mod">
          <ac:chgData name="Theis Ziegler" userId="1d0357a8-3efe-41fa-839c-7601d995f2eb" providerId="ADAL" clId="{DF415A0B-A0B9-4C60-9114-93ED0130F608}" dt="2026-03-09T13:19:52.015" v="4279" actId="14100"/>
          <ac:spMkLst>
            <pc:docMk/>
            <pc:sldMk cId="3826605073" sldId="365"/>
            <ac:spMk id="16" creationId="{46052890-23E4-E0C2-E5B7-5F5B098F5886}"/>
          </ac:spMkLst>
        </pc:spChg>
        <pc:spChg chg="mod">
          <ac:chgData name="Theis Ziegler" userId="1d0357a8-3efe-41fa-839c-7601d995f2eb" providerId="ADAL" clId="{DF415A0B-A0B9-4C60-9114-93ED0130F608}" dt="2026-03-04T11:15:28.225" v="3484" actId="13244"/>
          <ac:spMkLst>
            <pc:docMk/>
            <pc:sldMk cId="3826605073" sldId="365"/>
            <ac:spMk id="20" creationId="{C8FAA058-A94C-F7B5-1E84-4FC738660A30}"/>
          </ac:spMkLst>
        </pc:spChg>
        <pc:spChg chg="ord">
          <ac:chgData name="Theis Ziegler" userId="1d0357a8-3efe-41fa-839c-7601d995f2eb" providerId="ADAL" clId="{DF415A0B-A0B9-4C60-9114-93ED0130F608}" dt="2026-03-04T11:16:05.675" v="3489" actId="13244"/>
          <ac:spMkLst>
            <pc:docMk/>
            <pc:sldMk cId="3826605073" sldId="365"/>
            <ac:spMk id="78" creationId="{30F9EAD4-1F8C-8CE4-393C-5F0AD0509B23}"/>
          </ac:spMkLst>
        </pc:spChg>
        <pc:spChg chg="mod">
          <ac:chgData name="Theis Ziegler" userId="1d0357a8-3efe-41fa-839c-7601d995f2eb" providerId="ADAL" clId="{DF415A0B-A0B9-4C60-9114-93ED0130F608}" dt="2026-03-04T11:16:01.706" v="3488" actId="13244"/>
          <ac:spMkLst>
            <pc:docMk/>
            <pc:sldMk cId="3826605073" sldId="365"/>
            <ac:spMk id="106" creationId="{6F91FB42-9004-9DB4-0058-0D2A4E233C82}"/>
          </ac:spMkLst>
        </pc:spChg>
        <pc:spChg chg="mod">
          <ac:chgData name="Theis Ziegler" userId="1d0357a8-3efe-41fa-839c-7601d995f2eb" providerId="ADAL" clId="{DF415A0B-A0B9-4C60-9114-93ED0130F608}" dt="2026-03-04T11:28:53.350" v="3514" actId="962"/>
          <ac:spMkLst>
            <pc:docMk/>
            <pc:sldMk cId="3826605073" sldId="365"/>
            <ac:spMk id="107" creationId="{88D6A05F-FD01-2D62-120B-3B6272E516FE}"/>
          </ac:spMkLst>
        </pc:spChg>
        <pc:spChg chg="ord">
          <ac:chgData name="Theis Ziegler" userId="1d0357a8-3efe-41fa-839c-7601d995f2eb" providerId="ADAL" clId="{DF415A0B-A0B9-4C60-9114-93ED0130F608}" dt="2026-03-04T11:16:12.397" v="3490" actId="13244"/>
          <ac:spMkLst>
            <pc:docMk/>
            <pc:sldMk cId="3826605073" sldId="365"/>
            <ac:spMk id="176" creationId="{C613D064-C3E4-A6ED-45C8-33FEEEB52FDE}"/>
          </ac:spMkLst>
        </pc:spChg>
        <pc:grpChg chg="mod ord">
          <ac:chgData name="Theis Ziegler" userId="1d0357a8-3efe-41fa-839c-7601d995f2eb" providerId="ADAL" clId="{DF415A0B-A0B9-4C60-9114-93ED0130F608}" dt="2026-03-04T11:35:33.511" v="3560" actId="962"/>
          <ac:grpSpMkLst>
            <pc:docMk/>
            <pc:sldMk cId="3826605073" sldId="365"/>
            <ac:grpSpMk id="113" creationId="{23145B1B-A8EA-6E10-A01D-72C8EDD18C5F}"/>
          </ac:grpSpMkLst>
        </pc:grpChg>
        <pc:grpChg chg="mod ord">
          <ac:chgData name="Theis Ziegler" userId="1d0357a8-3efe-41fa-839c-7601d995f2eb" providerId="ADAL" clId="{DF415A0B-A0B9-4C60-9114-93ED0130F608}" dt="2026-03-04T11:25:34.719" v="3507" actId="962"/>
          <ac:grpSpMkLst>
            <pc:docMk/>
            <pc:sldMk cId="3826605073" sldId="365"/>
            <ac:grpSpMk id="126" creationId="{C9CD8AF4-3B27-7AA4-731A-B8EF733123C9}"/>
          </ac:grpSpMkLst>
        </pc:grpChg>
        <pc:grpChg chg="mod ord">
          <ac:chgData name="Theis Ziegler" userId="1d0357a8-3efe-41fa-839c-7601d995f2eb" providerId="ADAL" clId="{DF415A0B-A0B9-4C60-9114-93ED0130F608}" dt="2026-03-04T11:25:59.495" v="3509" actId="962"/>
          <ac:grpSpMkLst>
            <pc:docMk/>
            <pc:sldMk cId="3826605073" sldId="365"/>
            <ac:grpSpMk id="136" creationId="{E12D7D39-19B8-DDF0-9E43-03C8FD991B4C}"/>
          </ac:grpSpMkLst>
        </pc:grpChg>
        <pc:grpChg chg="mod ord">
          <ac:chgData name="Theis Ziegler" userId="1d0357a8-3efe-41fa-839c-7601d995f2eb" providerId="ADAL" clId="{DF415A0B-A0B9-4C60-9114-93ED0130F608}" dt="2026-03-04T11:26:14.040" v="3510" actId="962"/>
          <ac:grpSpMkLst>
            <pc:docMk/>
            <pc:sldMk cId="3826605073" sldId="365"/>
            <ac:grpSpMk id="146" creationId="{9924EA6C-1627-35DC-1FB0-66DE37BFB989}"/>
          </ac:grpSpMkLst>
        </pc:grpChg>
        <pc:grpChg chg="mod ord">
          <ac:chgData name="Theis Ziegler" userId="1d0357a8-3efe-41fa-839c-7601d995f2eb" providerId="ADAL" clId="{DF415A0B-A0B9-4C60-9114-93ED0130F608}" dt="2026-03-04T11:26:40.120" v="3511" actId="962"/>
          <ac:grpSpMkLst>
            <pc:docMk/>
            <pc:sldMk cId="3826605073" sldId="365"/>
            <ac:grpSpMk id="156" creationId="{65CB9BD2-2436-A571-4FEA-0F24844D60F7}"/>
          </ac:grpSpMkLst>
        </pc:grpChg>
        <pc:grpChg chg="mod ord">
          <ac:chgData name="Theis Ziegler" userId="1d0357a8-3efe-41fa-839c-7601d995f2eb" providerId="ADAL" clId="{DF415A0B-A0B9-4C60-9114-93ED0130F608}" dt="2026-03-04T11:25:42.373" v="3508" actId="962"/>
          <ac:grpSpMkLst>
            <pc:docMk/>
            <pc:sldMk cId="3826605073" sldId="365"/>
            <ac:grpSpMk id="166" creationId="{74F895F1-4E94-F05E-B32D-3D7B8BEA5107}"/>
          </ac:grpSpMkLst>
        </pc:grpChg>
      </pc:sldChg>
      <pc:sldChg chg="modSp mod">
        <pc:chgData name="Theis Ziegler" userId="1d0357a8-3efe-41fa-839c-7601d995f2eb" providerId="ADAL" clId="{DF415A0B-A0B9-4C60-9114-93ED0130F608}" dt="2026-03-04T11:39:14.644" v="3582" actId="962"/>
        <pc:sldMkLst>
          <pc:docMk/>
          <pc:sldMk cId="1929034363" sldId="366"/>
        </pc:sldMkLst>
        <pc:spChg chg="ord">
          <ac:chgData name="Theis Ziegler" userId="1d0357a8-3efe-41fa-839c-7601d995f2eb" providerId="ADAL" clId="{DF415A0B-A0B9-4C60-9114-93ED0130F608}" dt="2026-03-04T11:29:19.452" v="3516" actId="13244"/>
          <ac:spMkLst>
            <pc:docMk/>
            <pc:sldMk cId="1929034363" sldId="366"/>
            <ac:spMk id="2" creationId="{515BADA0-39F9-4A4C-2945-C23AB632785C}"/>
          </ac:spMkLst>
        </pc:spChg>
        <pc:spChg chg="ord">
          <ac:chgData name="Theis Ziegler" userId="1d0357a8-3efe-41fa-839c-7601d995f2eb" providerId="ADAL" clId="{DF415A0B-A0B9-4C60-9114-93ED0130F608}" dt="2026-03-04T11:31:28.223" v="3532" actId="13244"/>
          <ac:spMkLst>
            <pc:docMk/>
            <pc:sldMk cId="1929034363" sldId="366"/>
            <ac:spMk id="8" creationId="{8357ADF2-C2A8-A006-C75F-C52C4009EB6D}"/>
          </ac:spMkLst>
        </pc:spChg>
        <pc:spChg chg="ord">
          <ac:chgData name="Theis Ziegler" userId="1d0357a8-3efe-41fa-839c-7601d995f2eb" providerId="ADAL" clId="{DF415A0B-A0B9-4C60-9114-93ED0130F608}" dt="2026-03-04T11:29:29.353" v="3518" actId="13244"/>
          <ac:spMkLst>
            <pc:docMk/>
            <pc:sldMk cId="1929034363" sldId="366"/>
            <ac:spMk id="11" creationId="{03ED104B-3F9F-414D-EA49-43430F41A738}"/>
          </ac:spMkLst>
        </pc:spChg>
        <pc:spChg chg="ord">
          <ac:chgData name="Theis Ziegler" userId="1d0357a8-3efe-41fa-839c-7601d995f2eb" providerId="ADAL" clId="{DF415A0B-A0B9-4C60-9114-93ED0130F608}" dt="2026-03-04T11:31:32.643" v="3533" actId="13244"/>
          <ac:spMkLst>
            <pc:docMk/>
            <pc:sldMk cId="1929034363" sldId="366"/>
            <ac:spMk id="12" creationId="{802D9123-7850-1BB2-7A31-E0E99E64A346}"/>
          </ac:spMkLst>
        </pc:spChg>
        <pc:spChg chg="ord">
          <ac:chgData name="Theis Ziegler" userId="1d0357a8-3efe-41fa-839c-7601d995f2eb" providerId="ADAL" clId="{DF415A0B-A0B9-4C60-9114-93ED0130F608}" dt="2026-03-04T11:29:24.949" v="3517" actId="13244"/>
          <ac:spMkLst>
            <pc:docMk/>
            <pc:sldMk cId="1929034363" sldId="366"/>
            <ac:spMk id="13" creationId="{3BBB8685-EECF-96F0-675B-43F35D090D6D}"/>
          </ac:spMkLst>
        </pc:spChg>
        <pc:spChg chg="ord">
          <ac:chgData name="Theis Ziegler" userId="1d0357a8-3efe-41fa-839c-7601d995f2eb" providerId="ADAL" clId="{DF415A0B-A0B9-4C60-9114-93ED0130F608}" dt="2026-03-04T11:30:51.547" v="3529" actId="13244"/>
          <ac:spMkLst>
            <pc:docMk/>
            <pc:sldMk cId="1929034363" sldId="366"/>
            <ac:spMk id="14" creationId="{3FC7BF0C-B1AE-9528-4148-A97204C66291}"/>
          </ac:spMkLst>
        </pc:spChg>
        <pc:spChg chg="mod">
          <ac:chgData name="Theis Ziegler" userId="1d0357a8-3efe-41fa-839c-7601d995f2eb" providerId="ADAL" clId="{DF415A0B-A0B9-4C60-9114-93ED0130F608}" dt="2026-03-04T11:32:18.619" v="3535" actId="962"/>
          <ac:spMkLst>
            <pc:docMk/>
            <pc:sldMk cId="1929034363" sldId="366"/>
            <ac:spMk id="15" creationId="{EAA81CEA-F09C-FEBC-E04F-A561ADE5D478}"/>
          </ac:spMkLst>
        </pc:spChg>
        <pc:spChg chg="mod">
          <ac:chgData name="Theis Ziegler" userId="1d0357a8-3efe-41fa-839c-7601d995f2eb" providerId="ADAL" clId="{DF415A0B-A0B9-4C60-9114-93ED0130F608}" dt="2026-03-04T11:32:18.619" v="3535" actId="962"/>
          <ac:spMkLst>
            <pc:docMk/>
            <pc:sldMk cId="1929034363" sldId="366"/>
            <ac:spMk id="16" creationId="{27C911AD-EBD7-9A6F-62CC-B2DA50303077}"/>
          </ac:spMkLst>
        </pc:spChg>
        <pc:spChg chg="mod">
          <ac:chgData name="Theis Ziegler" userId="1d0357a8-3efe-41fa-839c-7601d995f2eb" providerId="ADAL" clId="{DF415A0B-A0B9-4C60-9114-93ED0130F608}" dt="2026-03-04T11:32:18.619" v="3535" actId="962"/>
          <ac:spMkLst>
            <pc:docMk/>
            <pc:sldMk cId="1929034363" sldId="366"/>
            <ac:spMk id="19" creationId="{B895B9DE-364E-6965-B40E-E1A392530628}"/>
          </ac:spMkLst>
        </pc:spChg>
        <pc:spChg chg="mod">
          <ac:chgData name="Theis Ziegler" userId="1d0357a8-3efe-41fa-839c-7601d995f2eb" providerId="ADAL" clId="{DF415A0B-A0B9-4C60-9114-93ED0130F608}" dt="2026-03-04T11:32:18.619" v="3535" actId="962"/>
          <ac:spMkLst>
            <pc:docMk/>
            <pc:sldMk cId="1929034363" sldId="366"/>
            <ac:spMk id="21" creationId="{58522C72-2323-0607-9EF8-A404EB01E58A}"/>
          </ac:spMkLst>
        </pc:spChg>
        <pc:spChg chg="mod">
          <ac:chgData name="Theis Ziegler" userId="1d0357a8-3efe-41fa-839c-7601d995f2eb" providerId="ADAL" clId="{DF415A0B-A0B9-4C60-9114-93ED0130F608}" dt="2026-03-04T11:32:18.619" v="3535" actId="962"/>
          <ac:spMkLst>
            <pc:docMk/>
            <pc:sldMk cId="1929034363" sldId="366"/>
            <ac:spMk id="33" creationId="{9ABD796F-918E-5374-55B7-2889BDB5D36C}"/>
          </ac:spMkLst>
        </pc:spChg>
        <pc:spChg chg="mod">
          <ac:chgData name="Theis Ziegler" userId="1d0357a8-3efe-41fa-839c-7601d995f2eb" providerId="ADAL" clId="{DF415A0B-A0B9-4C60-9114-93ED0130F608}" dt="2026-03-04T11:32:18.619" v="3535" actId="962"/>
          <ac:spMkLst>
            <pc:docMk/>
            <pc:sldMk cId="1929034363" sldId="366"/>
            <ac:spMk id="35" creationId="{41772702-639F-4A51-3D8C-7BBEE0284013}"/>
          </ac:spMkLst>
        </pc:spChg>
        <pc:spChg chg="ord">
          <ac:chgData name="Theis Ziegler" userId="1d0357a8-3efe-41fa-839c-7601d995f2eb" providerId="ADAL" clId="{DF415A0B-A0B9-4C60-9114-93ED0130F608}" dt="2026-03-04T11:30:58.029" v="3530" actId="13244"/>
          <ac:spMkLst>
            <pc:docMk/>
            <pc:sldMk cId="1929034363" sldId="366"/>
            <ac:spMk id="59" creationId="{A3666F58-0DD6-C49B-0403-4EC2B6A0108D}"/>
          </ac:spMkLst>
        </pc:spChg>
        <pc:spChg chg="mod">
          <ac:chgData name="Theis Ziegler" userId="1d0357a8-3efe-41fa-839c-7601d995f2eb" providerId="ADAL" clId="{DF415A0B-A0B9-4C60-9114-93ED0130F608}" dt="2026-03-04T11:32:18.619" v="3535" actId="962"/>
          <ac:spMkLst>
            <pc:docMk/>
            <pc:sldMk cId="1929034363" sldId="366"/>
            <ac:spMk id="60" creationId="{67F168D7-A1AF-07AB-03EC-61D2E1585DEC}"/>
          </ac:spMkLst>
        </pc:spChg>
        <pc:spChg chg="ord">
          <ac:chgData name="Theis Ziegler" userId="1d0357a8-3efe-41fa-839c-7601d995f2eb" providerId="ADAL" clId="{DF415A0B-A0B9-4C60-9114-93ED0130F608}" dt="2026-03-04T11:31:03.142" v="3531" actId="13244"/>
          <ac:spMkLst>
            <pc:docMk/>
            <pc:sldMk cId="1929034363" sldId="366"/>
            <ac:spMk id="89" creationId="{AF347FC3-16BF-FBE2-CA8E-93708E84F004}"/>
          </ac:spMkLst>
        </pc:spChg>
        <pc:spChg chg="mod">
          <ac:chgData name="Theis Ziegler" userId="1d0357a8-3efe-41fa-839c-7601d995f2eb" providerId="ADAL" clId="{DF415A0B-A0B9-4C60-9114-93ED0130F608}" dt="2026-03-04T11:29:16.454" v="3515" actId="13244"/>
          <ac:spMkLst>
            <pc:docMk/>
            <pc:sldMk cId="1929034363" sldId="366"/>
            <ac:spMk id="100" creationId="{FAAC5396-68EE-3A7E-7A02-3E92710B1A97}"/>
          </ac:spMkLst>
        </pc:spChg>
        <pc:spChg chg="mod">
          <ac:chgData name="Theis Ziegler" userId="1d0357a8-3efe-41fa-839c-7601d995f2eb" providerId="ADAL" clId="{DF415A0B-A0B9-4C60-9114-93ED0130F608}" dt="2026-03-04T11:32:18.619" v="3535" actId="962"/>
          <ac:spMkLst>
            <pc:docMk/>
            <pc:sldMk cId="1929034363" sldId="366"/>
            <ac:spMk id="104" creationId="{269630F4-C9F5-515B-9394-E87D11EB1970}"/>
          </ac:spMkLst>
        </pc:spChg>
        <pc:spChg chg="mod">
          <ac:chgData name="Theis Ziegler" userId="1d0357a8-3efe-41fa-839c-7601d995f2eb" providerId="ADAL" clId="{DF415A0B-A0B9-4C60-9114-93ED0130F608}" dt="2026-03-04T11:32:18.619" v="3535" actId="962"/>
          <ac:spMkLst>
            <pc:docMk/>
            <pc:sldMk cId="1929034363" sldId="366"/>
            <ac:spMk id="116" creationId="{C865A5D9-4EC3-770B-D803-29F35A771C4A}"/>
          </ac:spMkLst>
        </pc:spChg>
        <pc:spChg chg="mod">
          <ac:chgData name="Theis Ziegler" userId="1d0357a8-3efe-41fa-839c-7601d995f2eb" providerId="ADAL" clId="{DF415A0B-A0B9-4C60-9114-93ED0130F608}" dt="2026-03-04T11:32:18.619" v="3535" actId="962"/>
          <ac:spMkLst>
            <pc:docMk/>
            <pc:sldMk cId="1929034363" sldId="366"/>
            <ac:spMk id="117" creationId="{A3B48841-011A-B87C-1EA2-2B8B1D84AD53}"/>
          </ac:spMkLst>
        </pc:spChg>
        <pc:grpChg chg="mod">
          <ac:chgData name="Theis Ziegler" userId="1d0357a8-3efe-41fa-839c-7601d995f2eb" providerId="ADAL" clId="{DF415A0B-A0B9-4C60-9114-93ED0130F608}" dt="2026-03-04T11:39:14.644" v="3582" actId="962"/>
          <ac:grpSpMkLst>
            <pc:docMk/>
            <pc:sldMk cId="1929034363" sldId="366"/>
            <ac:grpSpMk id="39" creationId="{092AAE80-28B7-229D-6025-1390AE38DA5D}"/>
          </ac:grpSpMkLst>
        </pc:grpChg>
        <pc:grpChg chg="mod ord">
          <ac:chgData name="Theis Ziegler" userId="1d0357a8-3efe-41fa-839c-7601d995f2eb" providerId="ADAL" clId="{DF415A0B-A0B9-4C60-9114-93ED0130F608}" dt="2026-03-04T11:30:47.129" v="3528" actId="962"/>
          <ac:grpSpMkLst>
            <pc:docMk/>
            <pc:sldMk cId="1929034363" sldId="366"/>
            <ac:grpSpMk id="41" creationId="{357E7D35-0768-6938-C118-05F87CFF78C8}"/>
          </ac:grpSpMkLst>
        </pc:grpChg>
      </pc:sldChg>
      <pc:sldChg chg="modSp mod">
        <pc:chgData name="Theis Ziegler" userId="1d0357a8-3efe-41fa-839c-7601d995f2eb" providerId="ADAL" clId="{DF415A0B-A0B9-4C60-9114-93ED0130F608}" dt="2026-03-04T12:05:43.210" v="3729" actId="962"/>
        <pc:sldMkLst>
          <pc:docMk/>
          <pc:sldMk cId="3512855533" sldId="367"/>
        </pc:sldMkLst>
        <pc:spChg chg="ord">
          <ac:chgData name="Theis Ziegler" userId="1d0357a8-3efe-41fa-839c-7601d995f2eb" providerId="ADAL" clId="{DF415A0B-A0B9-4C60-9114-93ED0130F608}" dt="2026-03-04T11:38:29.246" v="3575" actId="13244"/>
          <ac:spMkLst>
            <pc:docMk/>
            <pc:sldMk cId="3512855533" sldId="367"/>
            <ac:spMk id="2" creationId="{8B2EBF06-3113-993B-E1B2-946AE0BA635C}"/>
          </ac:spMkLst>
        </pc:spChg>
        <pc:spChg chg="ord">
          <ac:chgData name="Theis Ziegler" userId="1d0357a8-3efe-41fa-839c-7601d995f2eb" providerId="ADAL" clId="{DF415A0B-A0B9-4C60-9114-93ED0130F608}" dt="2026-03-04T11:38:51.381" v="3578" actId="13244"/>
          <ac:spMkLst>
            <pc:docMk/>
            <pc:sldMk cId="3512855533" sldId="367"/>
            <ac:spMk id="11" creationId="{A1136041-C394-0602-AD5A-2B759B9D0709}"/>
          </ac:spMkLst>
        </pc:spChg>
        <pc:spChg chg="ord">
          <ac:chgData name="Theis Ziegler" userId="1d0357a8-3efe-41fa-839c-7601d995f2eb" providerId="ADAL" clId="{DF415A0B-A0B9-4C60-9114-93ED0130F608}" dt="2026-03-04T11:40:46.574" v="3588" actId="13244"/>
          <ac:spMkLst>
            <pc:docMk/>
            <pc:sldMk cId="3512855533" sldId="367"/>
            <ac:spMk id="12" creationId="{B3094A7D-E004-B5C6-41F8-323439EDB865}"/>
          </ac:spMkLst>
        </pc:spChg>
        <pc:spChg chg="ord">
          <ac:chgData name="Theis Ziegler" userId="1d0357a8-3efe-41fa-839c-7601d995f2eb" providerId="ADAL" clId="{DF415A0B-A0B9-4C60-9114-93ED0130F608}" dt="2026-03-04T11:38:48.531" v="3577" actId="13244"/>
          <ac:spMkLst>
            <pc:docMk/>
            <pc:sldMk cId="3512855533" sldId="367"/>
            <ac:spMk id="13" creationId="{93C5F2F5-30D3-65A5-1049-E9164DB876CE}"/>
          </ac:spMkLst>
        </pc:spChg>
        <pc:spChg chg="ord">
          <ac:chgData name="Theis Ziegler" userId="1d0357a8-3efe-41fa-839c-7601d995f2eb" providerId="ADAL" clId="{DF415A0B-A0B9-4C60-9114-93ED0130F608}" dt="2026-03-04T11:40:52.105" v="3589" actId="13244"/>
          <ac:spMkLst>
            <pc:docMk/>
            <pc:sldMk cId="3512855533" sldId="367"/>
            <ac:spMk id="14" creationId="{93C4BBE6-67DC-C691-F13B-7A075449FF4D}"/>
          </ac:spMkLst>
        </pc:spChg>
        <pc:spChg chg="ord">
          <ac:chgData name="Theis Ziegler" userId="1d0357a8-3efe-41fa-839c-7601d995f2eb" providerId="ADAL" clId="{DF415A0B-A0B9-4C60-9114-93ED0130F608}" dt="2026-03-04T11:41:24.654" v="3593" actId="13244"/>
          <ac:spMkLst>
            <pc:docMk/>
            <pc:sldMk cId="3512855533" sldId="367"/>
            <ac:spMk id="29" creationId="{2EE3678C-333E-83F1-CCD2-8D82CFB8B782}"/>
          </ac:spMkLst>
        </pc:spChg>
        <pc:spChg chg="ord">
          <ac:chgData name="Theis Ziegler" userId="1d0357a8-3efe-41fa-839c-7601d995f2eb" providerId="ADAL" clId="{DF415A0B-A0B9-4C60-9114-93ED0130F608}" dt="2026-03-04T11:41:24.654" v="3593" actId="13244"/>
          <ac:spMkLst>
            <pc:docMk/>
            <pc:sldMk cId="3512855533" sldId="367"/>
            <ac:spMk id="32" creationId="{42BD3D6E-10F4-9120-0AA1-D87702EF2955}"/>
          </ac:spMkLst>
        </pc:spChg>
        <pc:spChg chg="ord">
          <ac:chgData name="Theis Ziegler" userId="1d0357a8-3efe-41fa-839c-7601d995f2eb" providerId="ADAL" clId="{DF415A0B-A0B9-4C60-9114-93ED0130F608}" dt="2026-03-04T11:40:58.283" v="3590" actId="13244"/>
          <ac:spMkLst>
            <pc:docMk/>
            <pc:sldMk cId="3512855533" sldId="367"/>
            <ac:spMk id="59" creationId="{4D9246E4-3130-95E8-A61F-E8AF788B4779}"/>
          </ac:spMkLst>
        </pc:spChg>
        <pc:spChg chg="ord">
          <ac:chgData name="Theis Ziegler" userId="1d0357a8-3efe-41fa-839c-7601d995f2eb" providerId="ADAL" clId="{DF415A0B-A0B9-4C60-9114-93ED0130F608}" dt="2026-03-04T11:41:02.111" v="3591" actId="13244"/>
          <ac:spMkLst>
            <pc:docMk/>
            <pc:sldMk cId="3512855533" sldId="367"/>
            <ac:spMk id="60" creationId="{8C9BF5DF-867F-27A5-83B3-7113D9C99BF6}"/>
          </ac:spMkLst>
        </pc:spChg>
        <pc:spChg chg="mod">
          <ac:chgData name="Theis Ziegler" userId="1d0357a8-3efe-41fa-839c-7601d995f2eb" providerId="ADAL" clId="{DF415A0B-A0B9-4C60-9114-93ED0130F608}" dt="2026-03-04T11:38:33.726" v="3576" actId="13244"/>
          <ac:spMkLst>
            <pc:docMk/>
            <pc:sldMk cId="3512855533" sldId="367"/>
            <ac:spMk id="108" creationId="{AFEAC7C3-BFF0-5051-DE1C-A29791CB7634}"/>
          </ac:spMkLst>
        </pc:spChg>
        <pc:grpChg chg="mod">
          <ac:chgData name="Theis Ziegler" userId="1d0357a8-3efe-41fa-839c-7601d995f2eb" providerId="ADAL" clId="{DF415A0B-A0B9-4C60-9114-93ED0130F608}" dt="2026-03-04T11:41:16.752" v="3592" actId="13244"/>
          <ac:grpSpMkLst>
            <pc:docMk/>
            <pc:sldMk cId="3512855533" sldId="367"/>
            <ac:grpSpMk id="35" creationId="{67174D02-2796-4EF9-B586-E0EE7ED89673}"/>
          </ac:grpSpMkLst>
        </pc:grpChg>
        <pc:grpChg chg="mod ord">
          <ac:chgData name="Theis Ziegler" userId="1d0357a8-3efe-41fa-839c-7601d995f2eb" providerId="ADAL" clId="{DF415A0B-A0B9-4C60-9114-93ED0130F608}" dt="2026-03-04T11:40:37.402" v="3587" actId="962"/>
          <ac:grpSpMkLst>
            <pc:docMk/>
            <pc:sldMk cId="3512855533" sldId="367"/>
            <ac:grpSpMk id="71" creationId="{25B0D858-DE82-C287-D109-6C2715635131}"/>
          </ac:grpSpMkLst>
        </pc:grpChg>
        <pc:grpChg chg="mod">
          <ac:chgData name="Theis Ziegler" userId="1d0357a8-3efe-41fa-839c-7601d995f2eb" providerId="ADAL" clId="{DF415A0B-A0B9-4C60-9114-93ED0130F608}" dt="2026-03-04T12:05:43.210" v="3729" actId="962"/>
          <ac:grpSpMkLst>
            <pc:docMk/>
            <pc:sldMk cId="3512855533" sldId="367"/>
            <ac:grpSpMk id="145" creationId="{141D004D-5715-0019-9207-00052F04619A}"/>
          </ac:grpSpMkLst>
        </pc:grpChg>
      </pc:sldChg>
      <pc:sldChg chg="modSp mod">
        <pc:chgData name="Theis Ziegler" userId="1d0357a8-3efe-41fa-839c-7601d995f2eb" providerId="ADAL" clId="{DF415A0B-A0B9-4C60-9114-93ED0130F608}" dt="2026-03-04T11:41:54.972" v="3597" actId="13244"/>
        <pc:sldMkLst>
          <pc:docMk/>
          <pc:sldMk cId="3658710446" sldId="368"/>
        </pc:sldMkLst>
        <pc:spChg chg="ord">
          <ac:chgData name="Theis Ziegler" userId="1d0357a8-3efe-41fa-839c-7601d995f2eb" providerId="ADAL" clId="{DF415A0B-A0B9-4C60-9114-93ED0130F608}" dt="2026-03-04T11:41:46.618" v="3595" actId="13244"/>
          <ac:spMkLst>
            <pc:docMk/>
            <pc:sldMk cId="3658710446" sldId="368"/>
            <ac:spMk id="2" creationId="{4AD922AE-00F6-B991-2B7B-C4104EA2E1F1}"/>
          </ac:spMkLst>
        </pc:spChg>
        <pc:spChg chg="mod">
          <ac:chgData name="Theis Ziegler" userId="1d0357a8-3efe-41fa-839c-7601d995f2eb" providerId="ADAL" clId="{DF415A0B-A0B9-4C60-9114-93ED0130F608}" dt="2026-03-04T11:41:53.249" v="3596" actId="13244"/>
          <ac:spMkLst>
            <pc:docMk/>
            <pc:sldMk cId="3658710446" sldId="368"/>
            <ac:spMk id="10" creationId="{9933E3BC-B2EF-123A-59E6-13769F90833C}"/>
          </ac:spMkLst>
        </pc:spChg>
        <pc:spChg chg="mod">
          <ac:chgData name="Theis Ziegler" userId="1d0357a8-3efe-41fa-839c-7601d995f2eb" providerId="ADAL" clId="{DF415A0B-A0B9-4C60-9114-93ED0130F608}" dt="2026-03-04T11:41:54.972" v="3597" actId="13244"/>
          <ac:spMkLst>
            <pc:docMk/>
            <pc:sldMk cId="3658710446" sldId="368"/>
            <ac:spMk id="11" creationId="{09B408F1-E84F-3958-8C89-86A34A8ED1D7}"/>
          </ac:spMkLst>
        </pc:spChg>
        <pc:spChg chg="mod">
          <ac:chgData name="Theis Ziegler" userId="1d0357a8-3efe-41fa-839c-7601d995f2eb" providerId="ADAL" clId="{DF415A0B-A0B9-4C60-9114-93ED0130F608}" dt="2026-03-04T11:41:44.181" v="3594" actId="13244"/>
          <ac:spMkLst>
            <pc:docMk/>
            <pc:sldMk cId="3658710446" sldId="368"/>
            <ac:spMk id="31" creationId="{F8177C69-0371-2525-9725-4CA6EF0D1F92}"/>
          </ac:spMkLst>
        </pc:spChg>
      </pc:sldChg>
      <pc:sldChg chg="addSp delSp modSp mod">
        <pc:chgData name="Theis Ziegler" userId="1d0357a8-3efe-41fa-839c-7601d995f2eb" providerId="ADAL" clId="{DF415A0B-A0B9-4C60-9114-93ED0130F608}" dt="2026-03-09T13:21:58.376" v="4325" actId="478"/>
        <pc:sldMkLst>
          <pc:docMk/>
          <pc:sldMk cId="34920261" sldId="369"/>
        </pc:sldMkLst>
        <pc:spChg chg="ord">
          <ac:chgData name="Theis Ziegler" userId="1d0357a8-3efe-41fa-839c-7601d995f2eb" providerId="ADAL" clId="{DF415A0B-A0B9-4C60-9114-93ED0130F608}" dt="2026-03-04T11:42:22.563" v="3599" actId="13244"/>
          <ac:spMkLst>
            <pc:docMk/>
            <pc:sldMk cId="34920261" sldId="369"/>
            <ac:spMk id="2" creationId="{87914323-DDBF-4F90-A197-0D6FDCD090F0}"/>
          </ac:spMkLst>
        </pc:spChg>
        <pc:spChg chg="mod">
          <ac:chgData name="Theis Ziegler" userId="1d0357a8-3efe-41fa-839c-7601d995f2eb" providerId="ADAL" clId="{DF415A0B-A0B9-4C60-9114-93ED0130F608}" dt="2026-03-04T11:42:29.794" v="3600" actId="13244"/>
          <ac:spMkLst>
            <pc:docMk/>
            <pc:sldMk cId="34920261" sldId="369"/>
            <ac:spMk id="10" creationId="{EC53B464-4CC1-3211-96C4-B465A34144E7}"/>
          </ac:spMkLst>
        </pc:spChg>
        <pc:spChg chg="mod">
          <ac:chgData name="Theis Ziegler" userId="1d0357a8-3efe-41fa-839c-7601d995f2eb" providerId="ADAL" clId="{DF415A0B-A0B9-4C60-9114-93ED0130F608}" dt="2026-03-04T11:42:32.002" v="3601" actId="13244"/>
          <ac:spMkLst>
            <pc:docMk/>
            <pc:sldMk cId="34920261" sldId="369"/>
            <ac:spMk id="11" creationId="{0EE11232-DE8E-50DF-7BD3-E2BB84CEF5B4}"/>
          </ac:spMkLst>
        </pc:spChg>
        <pc:spChg chg="add mod">
          <ac:chgData name="Theis Ziegler" userId="1d0357a8-3efe-41fa-839c-7601d995f2eb" providerId="ADAL" clId="{DF415A0B-A0B9-4C60-9114-93ED0130F608}" dt="2026-03-09T13:21:54.233" v="4324" actId="1036"/>
          <ac:spMkLst>
            <pc:docMk/>
            <pc:sldMk cId="34920261" sldId="369"/>
            <ac:spMk id="16" creationId="{A4510450-9231-D57C-FC04-D38647015371}"/>
          </ac:spMkLst>
        </pc:spChg>
        <pc:spChg chg="mod">
          <ac:chgData name="Theis Ziegler" userId="1d0357a8-3efe-41fa-839c-7601d995f2eb" providerId="ADAL" clId="{DF415A0B-A0B9-4C60-9114-93ED0130F608}" dt="2026-03-04T11:42:20.259" v="3598" actId="13244"/>
          <ac:spMkLst>
            <pc:docMk/>
            <pc:sldMk cId="34920261" sldId="369"/>
            <ac:spMk id="26" creationId="{6A7E3936-D8C9-C79C-B7AC-2C8015210A68}"/>
          </ac:spMkLst>
        </pc:spChg>
        <pc:spChg chg="ord">
          <ac:chgData name="Theis Ziegler" userId="1d0357a8-3efe-41fa-839c-7601d995f2eb" providerId="ADAL" clId="{DF415A0B-A0B9-4C60-9114-93ED0130F608}" dt="2026-03-04T11:42:45.821" v="3603" actId="13244"/>
          <ac:spMkLst>
            <pc:docMk/>
            <pc:sldMk cId="34920261" sldId="369"/>
            <ac:spMk id="29" creationId="{CD5E6D73-D11D-79D8-842C-0B21F2D99120}"/>
          </ac:spMkLst>
        </pc:spChg>
        <pc:spChg chg="mod">
          <ac:chgData name="Theis Ziegler" userId="1d0357a8-3efe-41fa-839c-7601d995f2eb" providerId="ADAL" clId="{DF415A0B-A0B9-4C60-9114-93ED0130F608}" dt="2026-03-04T11:42:39.990" v="3602" actId="962"/>
          <ac:spMkLst>
            <pc:docMk/>
            <pc:sldMk cId="34920261" sldId="369"/>
            <ac:spMk id="40" creationId="{93C935E4-DCD8-A871-385C-D89CD1BE6549}"/>
          </ac:spMkLst>
        </pc:spChg>
        <pc:spChg chg="mod topLvl">
          <ac:chgData name="Theis Ziegler" userId="1d0357a8-3efe-41fa-839c-7601d995f2eb" providerId="ADAL" clId="{DF415A0B-A0B9-4C60-9114-93ED0130F608}" dt="2026-03-04T11:46:00.206" v="3619" actId="962"/>
          <ac:spMkLst>
            <pc:docMk/>
            <pc:sldMk cId="34920261" sldId="369"/>
            <ac:spMk id="222" creationId="{81B0D9E8-9F95-1A2D-8ACC-4AB8DE9CAA66}"/>
          </ac:spMkLst>
        </pc:spChg>
        <pc:spChg chg="mod topLvl">
          <ac:chgData name="Theis Ziegler" userId="1d0357a8-3efe-41fa-839c-7601d995f2eb" providerId="ADAL" clId="{DF415A0B-A0B9-4C60-9114-93ED0130F608}" dt="2026-03-04T11:45:56.042" v="3618" actId="962"/>
          <ac:spMkLst>
            <pc:docMk/>
            <pc:sldMk cId="34920261" sldId="369"/>
            <ac:spMk id="223" creationId="{97EF80C5-7034-91D1-BDEF-8A1477054EAB}"/>
          </ac:spMkLst>
        </pc:spChg>
        <pc:spChg chg="mod topLvl">
          <ac:chgData name="Theis Ziegler" userId="1d0357a8-3efe-41fa-839c-7601d995f2eb" providerId="ADAL" clId="{DF415A0B-A0B9-4C60-9114-93ED0130F608}" dt="2026-03-04T11:46:00.206" v="3619" actId="962"/>
          <ac:spMkLst>
            <pc:docMk/>
            <pc:sldMk cId="34920261" sldId="369"/>
            <ac:spMk id="225" creationId="{436B98FE-9D8A-B0ED-6DBA-44EAA9280774}"/>
          </ac:spMkLst>
        </pc:spChg>
        <pc:spChg chg="mod topLvl">
          <ac:chgData name="Theis Ziegler" userId="1d0357a8-3efe-41fa-839c-7601d995f2eb" providerId="ADAL" clId="{DF415A0B-A0B9-4C60-9114-93ED0130F608}" dt="2026-03-04T11:45:56.042" v="3618" actId="962"/>
          <ac:spMkLst>
            <pc:docMk/>
            <pc:sldMk cId="34920261" sldId="369"/>
            <ac:spMk id="226" creationId="{96C15794-B157-B602-BDD6-1B02D979E055}"/>
          </ac:spMkLst>
        </pc:spChg>
        <pc:spChg chg="mod topLvl">
          <ac:chgData name="Theis Ziegler" userId="1d0357a8-3efe-41fa-839c-7601d995f2eb" providerId="ADAL" clId="{DF415A0B-A0B9-4C60-9114-93ED0130F608}" dt="2026-03-04T11:46:00.206" v="3619" actId="962"/>
          <ac:spMkLst>
            <pc:docMk/>
            <pc:sldMk cId="34920261" sldId="369"/>
            <ac:spMk id="228" creationId="{1554B3E5-36B0-FDD3-3495-3E8B9CB7BCD7}"/>
          </ac:spMkLst>
        </pc:spChg>
        <pc:spChg chg="mod topLvl">
          <ac:chgData name="Theis Ziegler" userId="1d0357a8-3efe-41fa-839c-7601d995f2eb" providerId="ADAL" clId="{DF415A0B-A0B9-4C60-9114-93ED0130F608}" dt="2026-03-04T11:45:56.042" v="3618" actId="962"/>
          <ac:spMkLst>
            <pc:docMk/>
            <pc:sldMk cId="34920261" sldId="369"/>
            <ac:spMk id="229" creationId="{3646F4F7-23E0-CC53-536B-090086FBE5BA}"/>
          </ac:spMkLst>
        </pc:spChg>
        <pc:grpChg chg="mod ord">
          <ac:chgData name="Theis Ziegler" userId="1d0357a8-3efe-41fa-839c-7601d995f2eb" providerId="ADAL" clId="{DF415A0B-A0B9-4C60-9114-93ED0130F608}" dt="2026-03-04T11:43:40.279" v="3608" actId="962"/>
          <ac:grpSpMkLst>
            <pc:docMk/>
            <pc:sldMk cId="34920261" sldId="369"/>
            <ac:grpSpMk id="55" creationId="{69897871-B5C6-507C-B20D-E08B0DE71EAF}"/>
          </ac:grpSpMkLst>
        </pc:grpChg>
        <pc:grpChg chg="mod ord">
          <ac:chgData name="Theis Ziegler" userId="1d0357a8-3efe-41fa-839c-7601d995f2eb" providerId="ADAL" clId="{DF415A0B-A0B9-4C60-9114-93ED0130F608}" dt="2026-03-04T11:44:06.263" v="3609" actId="962"/>
          <ac:grpSpMkLst>
            <pc:docMk/>
            <pc:sldMk cId="34920261" sldId="369"/>
            <ac:grpSpMk id="131" creationId="{04F0AB4B-C82F-9969-AA38-97985B786565}"/>
          </ac:grpSpMkLst>
        </pc:grpChg>
        <pc:grpChg chg="mod ord">
          <ac:chgData name="Theis Ziegler" userId="1d0357a8-3efe-41fa-839c-7601d995f2eb" providerId="ADAL" clId="{DF415A0B-A0B9-4C60-9114-93ED0130F608}" dt="2026-03-04T11:45:01.592" v="3614" actId="962"/>
          <ac:grpSpMkLst>
            <pc:docMk/>
            <pc:sldMk cId="34920261" sldId="369"/>
            <ac:grpSpMk id="151" creationId="{D3FAA2AF-2F0A-31A0-D43C-0E15FA2BA28C}"/>
          </ac:grpSpMkLst>
        </pc:grpChg>
        <pc:grpChg chg="mod ord">
          <ac:chgData name="Theis Ziegler" userId="1d0357a8-3efe-41fa-839c-7601d995f2eb" providerId="ADAL" clId="{DF415A0B-A0B9-4C60-9114-93ED0130F608}" dt="2026-03-04T11:45:16.268" v="3615" actId="962"/>
          <ac:grpSpMkLst>
            <pc:docMk/>
            <pc:sldMk cId="34920261" sldId="369"/>
            <ac:grpSpMk id="161" creationId="{0E1610BD-BF1D-BD51-72BB-B2743F82C299}"/>
          </ac:grpSpMkLst>
        </pc:grpChg>
        <pc:grpChg chg="mod ord">
          <ac:chgData name="Theis Ziegler" userId="1d0357a8-3efe-41fa-839c-7601d995f2eb" providerId="ADAL" clId="{DF415A0B-A0B9-4C60-9114-93ED0130F608}" dt="2026-03-04T11:45:33.016" v="3616" actId="962"/>
          <ac:grpSpMkLst>
            <pc:docMk/>
            <pc:sldMk cId="34920261" sldId="369"/>
            <ac:grpSpMk id="171" creationId="{D2CB3F89-4E87-229F-EDE1-1627D711590E}"/>
          </ac:grpSpMkLst>
        </pc:grpChg>
        <pc:grpChg chg="mod ord">
          <ac:chgData name="Theis Ziegler" userId="1d0357a8-3efe-41fa-839c-7601d995f2eb" providerId="ADAL" clId="{DF415A0B-A0B9-4C60-9114-93ED0130F608}" dt="2026-03-04T11:44:47.018" v="3613" actId="962"/>
          <ac:grpSpMkLst>
            <pc:docMk/>
            <pc:sldMk cId="34920261" sldId="369"/>
            <ac:grpSpMk id="231" creationId="{2E204B39-5642-B618-282B-E8F87F223210}"/>
          </ac:grpSpMkLst>
        </pc:grpChg>
      </pc:sldChg>
      <pc:sldChg chg="modSp mod">
        <pc:chgData name="Theis Ziegler" userId="1d0357a8-3efe-41fa-839c-7601d995f2eb" providerId="ADAL" clId="{DF415A0B-A0B9-4C60-9114-93ED0130F608}" dt="2026-03-04T13:39:35.816" v="4065" actId="962"/>
        <pc:sldMkLst>
          <pc:docMk/>
          <pc:sldMk cId="1953289807" sldId="370"/>
        </pc:sldMkLst>
        <pc:spChg chg="ord">
          <ac:chgData name="Theis Ziegler" userId="1d0357a8-3efe-41fa-839c-7601d995f2eb" providerId="ADAL" clId="{DF415A0B-A0B9-4C60-9114-93ED0130F608}" dt="2026-03-04T11:54:13.245" v="3669" actId="13244"/>
          <ac:spMkLst>
            <pc:docMk/>
            <pc:sldMk cId="1953289807" sldId="370"/>
            <ac:spMk id="2" creationId="{5EC5D06D-6099-65CA-A5A7-07EED19DC95A}"/>
          </ac:spMkLst>
        </pc:spChg>
        <pc:spChg chg="ord">
          <ac:chgData name="Theis Ziegler" userId="1d0357a8-3efe-41fa-839c-7601d995f2eb" providerId="ADAL" clId="{DF415A0B-A0B9-4C60-9114-93ED0130F608}" dt="2026-03-04T11:54:25.443" v="3671" actId="13244"/>
          <ac:spMkLst>
            <pc:docMk/>
            <pc:sldMk cId="1953289807" sldId="370"/>
            <ac:spMk id="11" creationId="{7BA4C19A-ED74-AC9D-9EED-6F68B09D03E5}"/>
          </ac:spMkLst>
        </pc:spChg>
        <pc:spChg chg="ord">
          <ac:chgData name="Theis Ziegler" userId="1d0357a8-3efe-41fa-839c-7601d995f2eb" providerId="ADAL" clId="{DF415A0B-A0B9-4C60-9114-93ED0130F608}" dt="2026-03-04T11:54:19.916" v="3670" actId="13244"/>
          <ac:spMkLst>
            <pc:docMk/>
            <pc:sldMk cId="1953289807" sldId="370"/>
            <ac:spMk id="13" creationId="{E7200F9F-816D-BB37-8108-0A8B14DE02C6}"/>
          </ac:spMkLst>
        </pc:spChg>
        <pc:spChg chg="ord">
          <ac:chgData name="Theis Ziegler" userId="1d0357a8-3efe-41fa-839c-7601d995f2eb" providerId="ADAL" clId="{DF415A0B-A0B9-4C60-9114-93ED0130F608}" dt="2026-03-04T11:55:42.373" v="3681" actId="13244"/>
          <ac:spMkLst>
            <pc:docMk/>
            <pc:sldMk cId="1953289807" sldId="370"/>
            <ac:spMk id="14" creationId="{D104BD88-F07A-F14E-BA59-26CA3F1E5FA7}"/>
          </ac:spMkLst>
        </pc:spChg>
        <pc:spChg chg="ord">
          <ac:chgData name="Theis Ziegler" userId="1d0357a8-3efe-41fa-839c-7601d995f2eb" providerId="ADAL" clId="{DF415A0B-A0B9-4C60-9114-93ED0130F608}" dt="2026-03-04T11:56:02.079" v="3683" actId="13244"/>
          <ac:spMkLst>
            <pc:docMk/>
            <pc:sldMk cId="1953289807" sldId="370"/>
            <ac:spMk id="27" creationId="{CC5927BF-C426-570D-E79A-C274504446F2}"/>
          </ac:spMkLst>
        </pc:spChg>
        <pc:spChg chg="ord">
          <ac:chgData name="Theis Ziegler" userId="1d0357a8-3efe-41fa-839c-7601d995f2eb" providerId="ADAL" clId="{DF415A0B-A0B9-4C60-9114-93ED0130F608}" dt="2026-03-04T11:56:05.144" v="3684" actId="13244"/>
          <ac:spMkLst>
            <pc:docMk/>
            <pc:sldMk cId="1953289807" sldId="370"/>
            <ac:spMk id="29" creationId="{61311F0F-55C7-6873-F2AA-E4E4046905BE}"/>
          </ac:spMkLst>
        </pc:spChg>
        <pc:spChg chg="ord">
          <ac:chgData name="Theis Ziegler" userId="1d0357a8-3efe-41fa-839c-7601d995f2eb" providerId="ADAL" clId="{DF415A0B-A0B9-4C60-9114-93ED0130F608}" dt="2026-03-04T11:56:05.144" v="3684" actId="13244"/>
          <ac:spMkLst>
            <pc:docMk/>
            <pc:sldMk cId="1953289807" sldId="370"/>
            <ac:spMk id="32" creationId="{401D3596-622F-51D7-D074-BAC175913B68}"/>
          </ac:spMkLst>
        </pc:spChg>
        <pc:spChg chg="ord">
          <ac:chgData name="Theis Ziegler" userId="1d0357a8-3efe-41fa-839c-7601d995f2eb" providerId="ADAL" clId="{DF415A0B-A0B9-4C60-9114-93ED0130F608}" dt="2026-03-04T11:55:52.341" v="3682" actId="13244"/>
          <ac:spMkLst>
            <pc:docMk/>
            <pc:sldMk cId="1953289807" sldId="370"/>
            <ac:spMk id="59" creationId="{60F89CAD-A692-6723-D5CF-43DB684C5CE2}"/>
          </ac:spMkLst>
        </pc:spChg>
        <pc:spChg chg="mod">
          <ac:chgData name="Theis Ziegler" userId="1d0357a8-3efe-41fa-839c-7601d995f2eb" providerId="ADAL" clId="{DF415A0B-A0B9-4C60-9114-93ED0130F608}" dt="2026-03-04T11:54:10.742" v="3668" actId="13244"/>
          <ac:spMkLst>
            <pc:docMk/>
            <pc:sldMk cId="1953289807" sldId="370"/>
            <ac:spMk id="78" creationId="{0D814023-B1D5-A497-1A5A-0C82BF89B5DD}"/>
          </ac:spMkLst>
        </pc:spChg>
        <pc:grpChg chg="mod">
          <ac:chgData name="Theis Ziegler" userId="1d0357a8-3efe-41fa-839c-7601d995f2eb" providerId="ADAL" clId="{DF415A0B-A0B9-4C60-9114-93ED0130F608}" dt="2026-03-04T13:39:35.816" v="4065" actId="962"/>
          <ac:grpSpMkLst>
            <pc:docMk/>
            <pc:sldMk cId="1953289807" sldId="370"/>
            <ac:grpSpMk id="7" creationId="{85DD5DA6-6DC0-281F-DD37-FC65BF307EC4}"/>
          </ac:grpSpMkLst>
        </pc:grpChg>
        <pc:grpChg chg="mod">
          <ac:chgData name="Theis Ziegler" userId="1d0357a8-3efe-41fa-839c-7601d995f2eb" providerId="ADAL" clId="{DF415A0B-A0B9-4C60-9114-93ED0130F608}" dt="2026-03-04T11:55:08.882" v="3676" actId="962"/>
          <ac:grpSpMkLst>
            <pc:docMk/>
            <pc:sldMk cId="1953289807" sldId="370"/>
            <ac:grpSpMk id="41" creationId="{2249B2A0-BFB2-E951-DEB3-DA3E15AB3096}"/>
          </ac:grpSpMkLst>
        </pc:grpChg>
        <pc:grpChg chg="mod ord">
          <ac:chgData name="Theis Ziegler" userId="1d0357a8-3efe-41fa-839c-7601d995f2eb" providerId="ADAL" clId="{DF415A0B-A0B9-4C60-9114-93ED0130F608}" dt="2026-03-04T11:55:38.264" v="3680" actId="962"/>
          <ac:grpSpMkLst>
            <pc:docMk/>
            <pc:sldMk cId="1953289807" sldId="370"/>
            <ac:grpSpMk id="66" creationId="{1A8FD481-388B-9962-BAFD-4138AAD26BD3}"/>
          </ac:grpSpMkLst>
        </pc:grpChg>
      </pc:sldChg>
      <pc:sldChg chg="addSp delSp modSp mod">
        <pc:chgData name="Theis Ziegler" userId="1d0357a8-3efe-41fa-839c-7601d995f2eb" providerId="ADAL" clId="{DF415A0B-A0B9-4C60-9114-93ED0130F608}" dt="2026-03-09T13:23:23.432" v="4392" actId="478"/>
        <pc:sldMkLst>
          <pc:docMk/>
          <pc:sldMk cId="2567214702" sldId="371"/>
        </pc:sldMkLst>
        <pc:spChg chg="mod">
          <ac:chgData name="Theis Ziegler" userId="1d0357a8-3efe-41fa-839c-7601d995f2eb" providerId="ADAL" clId="{DF415A0B-A0B9-4C60-9114-93ED0130F608}" dt="2026-03-04T11:58:42.937" v="3705" actId="13244"/>
          <ac:spMkLst>
            <pc:docMk/>
            <pc:sldMk cId="2567214702" sldId="371"/>
            <ac:spMk id="10" creationId="{FEAB2305-AFDB-89BB-0E12-F6CCB74CB81E}"/>
          </ac:spMkLst>
        </pc:spChg>
        <pc:spChg chg="mod">
          <ac:chgData name="Theis Ziegler" userId="1d0357a8-3efe-41fa-839c-7601d995f2eb" providerId="ADAL" clId="{DF415A0B-A0B9-4C60-9114-93ED0130F608}" dt="2026-03-04T11:58:44.493" v="3706" actId="13244"/>
          <ac:spMkLst>
            <pc:docMk/>
            <pc:sldMk cId="2567214702" sldId="371"/>
            <ac:spMk id="11" creationId="{0CEBAB55-69C3-BF44-9C9E-71DDD05B1C10}"/>
          </ac:spMkLst>
        </pc:spChg>
        <pc:spChg chg="add mod">
          <ac:chgData name="Theis Ziegler" userId="1d0357a8-3efe-41fa-839c-7601d995f2eb" providerId="ADAL" clId="{DF415A0B-A0B9-4C60-9114-93ED0130F608}" dt="2026-03-09T13:23:20.610" v="4391" actId="1037"/>
          <ac:spMkLst>
            <pc:docMk/>
            <pc:sldMk cId="2567214702" sldId="371"/>
            <ac:spMk id="18" creationId="{014680A0-7717-6AD7-F9AE-2F1158BFBC4F}"/>
          </ac:spMkLst>
        </pc:spChg>
        <pc:spChg chg="mod">
          <ac:chgData name="Theis Ziegler" userId="1d0357a8-3efe-41fa-839c-7601d995f2eb" providerId="ADAL" clId="{DF415A0B-A0B9-4C60-9114-93ED0130F608}" dt="2026-03-04T11:58:34.268" v="3704" actId="13244"/>
          <ac:spMkLst>
            <pc:docMk/>
            <pc:sldMk cId="2567214702" sldId="371"/>
            <ac:spMk id="25" creationId="{C9027066-CC91-F646-9930-F4DB111A4CEB}"/>
          </ac:spMkLst>
        </pc:spChg>
        <pc:spChg chg="ord">
          <ac:chgData name="Theis Ziegler" userId="1d0357a8-3efe-41fa-839c-7601d995f2eb" providerId="ADAL" clId="{DF415A0B-A0B9-4C60-9114-93ED0130F608}" dt="2026-03-04T11:59:35.548" v="3707" actId="13244"/>
          <ac:spMkLst>
            <pc:docMk/>
            <pc:sldMk cId="2567214702" sldId="371"/>
            <ac:spMk id="114" creationId="{E4FFBDED-8EEC-FC53-5A23-DC4818B8B174}"/>
          </ac:spMkLst>
        </pc:spChg>
        <pc:spChg chg="mod">
          <ac:chgData name="Theis Ziegler" userId="1d0357a8-3efe-41fa-839c-7601d995f2eb" providerId="ADAL" clId="{DF415A0B-A0B9-4C60-9114-93ED0130F608}" dt="2026-03-04T11:59:49.164" v="3708" actId="13244"/>
          <ac:spMkLst>
            <pc:docMk/>
            <pc:sldMk cId="2567214702" sldId="371"/>
            <ac:spMk id="220" creationId="{A74CCF97-B116-B2CB-38D4-400BC390FD44}"/>
          </ac:spMkLst>
        </pc:spChg>
        <pc:spChg chg="mod">
          <ac:chgData name="Theis Ziegler" userId="1d0357a8-3efe-41fa-839c-7601d995f2eb" providerId="ADAL" clId="{DF415A0B-A0B9-4C60-9114-93ED0130F608}" dt="2026-03-04T11:59:49.164" v="3708" actId="13244"/>
          <ac:spMkLst>
            <pc:docMk/>
            <pc:sldMk cId="2567214702" sldId="371"/>
            <ac:spMk id="222" creationId="{E8814549-6090-2C35-0C57-4BDA1456AD0F}"/>
          </ac:spMkLst>
        </pc:spChg>
        <pc:spChg chg="mod">
          <ac:chgData name="Theis Ziegler" userId="1d0357a8-3efe-41fa-839c-7601d995f2eb" providerId="ADAL" clId="{DF415A0B-A0B9-4C60-9114-93ED0130F608}" dt="2026-03-04T11:59:49.164" v="3708" actId="13244"/>
          <ac:spMkLst>
            <pc:docMk/>
            <pc:sldMk cId="2567214702" sldId="371"/>
            <ac:spMk id="225" creationId="{EE79975D-A7CD-7D43-B857-5F876D981769}"/>
          </ac:spMkLst>
        </pc:spChg>
        <pc:spChg chg="mod ord">
          <ac:chgData name="Theis Ziegler" userId="1d0357a8-3efe-41fa-839c-7601d995f2eb" providerId="ADAL" clId="{DF415A0B-A0B9-4C60-9114-93ED0130F608}" dt="2026-03-04T12:02:37.230" v="3718" actId="13244"/>
          <ac:spMkLst>
            <pc:docMk/>
            <pc:sldMk cId="2567214702" sldId="371"/>
            <ac:spMk id="228" creationId="{76DC7696-399A-6C67-D050-70F3A26B4887}"/>
          </ac:spMkLst>
        </pc:spChg>
        <pc:grpChg chg="mod ord">
          <ac:chgData name="Theis Ziegler" userId="1d0357a8-3efe-41fa-839c-7601d995f2eb" providerId="ADAL" clId="{DF415A0B-A0B9-4C60-9114-93ED0130F608}" dt="2026-03-04T12:00:28.551" v="3711" actId="962"/>
          <ac:grpSpMkLst>
            <pc:docMk/>
            <pc:sldMk cId="2567214702" sldId="371"/>
            <ac:grpSpMk id="32" creationId="{4F621E54-C79A-A678-58EC-4641E4BDAF26}"/>
          </ac:grpSpMkLst>
        </pc:grpChg>
        <pc:grpChg chg="mod ord">
          <ac:chgData name="Theis Ziegler" userId="1d0357a8-3efe-41fa-839c-7601d995f2eb" providerId="ADAL" clId="{DF415A0B-A0B9-4C60-9114-93ED0130F608}" dt="2026-03-04T12:00:57.624" v="3712" actId="962"/>
          <ac:grpSpMkLst>
            <pc:docMk/>
            <pc:sldMk cId="2567214702" sldId="371"/>
            <ac:grpSpMk id="50" creationId="{9586502D-F56A-7383-C890-D141BAA9A1E8}"/>
          </ac:grpSpMkLst>
        </pc:grpChg>
        <pc:grpChg chg="mod ord">
          <ac:chgData name="Theis Ziegler" userId="1d0357a8-3efe-41fa-839c-7601d995f2eb" providerId="ADAL" clId="{DF415A0B-A0B9-4C60-9114-93ED0130F608}" dt="2026-03-04T12:01:49.125" v="3715" actId="962"/>
          <ac:grpSpMkLst>
            <pc:docMk/>
            <pc:sldMk cId="2567214702" sldId="371"/>
            <ac:grpSpMk id="73" creationId="{FD42EC5E-28F8-850B-B5D4-426A0A1C01D6}"/>
          </ac:grpSpMkLst>
        </pc:grpChg>
        <pc:grpChg chg="mod ord">
          <ac:chgData name="Theis Ziegler" userId="1d0357a8-3efe-41fa-839c-7601d995f2eb" providerId="ADAL" clId="{DF415A0B-A0B9-4C60-9114-93ED0130F608}" dt="2026-03-04T12:02:11.294" v="3716" actId="962"/>
          <ac:grpSpMkLst>
            <pc:docMk/>
            <pc:sldMk cId="2567214702" sldId="371"/>
            <ac:grpSpMk id="84" creationId="{39ED9E2A-C0D8-1BD7-AE20-FDB2E788A064}"/>
          </ac:grpSpMkLst>
        </pc:grpChg>
        <pc:grpChg chg="mod ord">
          <ac:chgData name="Theis Ziegler" userId="1d0357a8-3efe-41fa-839c-7601d995f2eb" providerId="ADAL" clId="{DF415A0B-A0B9-4C60-9114-93ED0130F608}" dt="2026-03-04T12:02:31.202" v="3717" actId="962"/>
          <ac:grpSpMkLst>
            <pc:docMk/>
            <pc:sldMk cId="2567214702" sldId="371"/>
            <ac:grpSpMk id="94" creationId="{17F4CB59-CB7A-F0D4-2DA0-AA927DF6AFD8}"/>
          </ac:grpSpMkLst>
        </pc:grpChg>
        <pc:grpChg chg="mod ord">
          <ac:chgData name="Theis Ziegler" userId="1d0357a8-3efe-41fa-839c-7601d995f2eb" providerId="ADAL" clId="{DF415A0B-A0B9-4C60-9114-93ED0130F608}" dt="2026-03-04T12:01:32.955" v="3714" actId="962"/>
          <ac:grpSpMkLst>
            <pc:docMk/>
            <pc:sldMk cId="2567214702" sldId="371"/>
            <ac:grpSpMk id="104" creationId="{6386E5A9-2362-2E7A-68CE-2DA2B4524205}"/>
          </ac:grpSpMkLst>
        </pc:grpChg>
      </pc:sldChg>
      <pc:sldChg chg="modSp mod">
        <pc:chgData name="Theis Ziegler" userId="1d0357a8-3efe-41fa-839c-7601d995f2eb" providerId="ADAL" clId="{DF415A0B-A0B9-4C60-9114-93ED0130F608}" dt="2026-03-04T13:03:21.565" v="3821" actId="962"/>
        <pc:sldMkLst>
          <pc:docMk/>
          <pc:sldMk cId="2780494153" sldId="372"/>
        </pc:sldMkLst>
        <pc:spChg chg="ord">
          <ac:chgData name="Theis Ziegler" userId="1d0357a8-3efe-41fa-839c-7601d995f2eb" providerId="ADAL" clId="{DF415A0B-A0B9-4C60-9114-93ED0130F608}" dt="2026-03-04T12:05:19.862" v="3726" actId="13244"/>
          <ac:spMkLst>
            <pc:docMk/>
            <pc:sldMk cId="2780494153" sldId="372"/>
            <ac:spMk id="2" creationId="{D35134B7-A915-6424-3701-64C524AFDB3E}"/>
          </ac:spMkLst>
        </pc:spChg>
        <pc:spChg chg="ord">
          <ac:chgData name="Theis Ziegler" userId="1d0357a8-3efe-41fa-839c-7601d995f2eb" providerId="ADAL" clId="{DF415A0B-A0B9-4C60-9114-93ED0130F608}" dt="2026-03-04T12:07:48.462" v="3743" actId="13244"/>
          <ac:spMkLst>
            <pc:docMk/>
            <pc:sldMk cId="2780494153" sldId="372"/>
            <ac:spMk id="7" creationId="{8F9DBBCE-169C-2759-68E5-410BC90BD513}"/>
          </ac:spMkLst>
        </pc:spChg>
        <pc:spChg chg="ord">
          <ac:chgData name="Theis Ziegler" userId="1d0357a8-3efe-41fa-839c-7601d995f2eb" providerId="ADAL" clId="{DF415A0B-A0B9-4C60-9114-93ED0130F608}" dt="2026-03-04T12:05:27.144" v="3728" actId="13244"/>
          <ac:spMkLst>
            <pc:docMk/>
            <pc:sldMk cId="2780494153" sldId="372"/>
            <ac:spMk id="11" creationId="{4CBCE5CE-CFCF-A17A-8106-A0D6B0B17EC6}"/>
          </ac:spMkLst>
        </pc:spChg>
        <pc:spChg chg="ord">
          <ac:chgData name="Theis Ziegler" userId="1d0357a8-3efe-41fa-839c-7601d995f2eb" providerId="ADAL" clId="{DF415A0B-A0B9-4C60-9114-93ED0130F608}" dt="2026-03-04T12:05:24.321" v="3727" actId="13244"/>
          <ac:spMkLst>
            <pc:docMk/>
            <pc:sldMk cId="2780494153" sldId="372"/>
            <ac:spMk id="13" creationId="{D96878FE-B1F7-0C03-CD0C-5C848C378C75}"/>
          </ac:spMkLst>
        </pc:spChg>
        <pc:spChg chg="ord">
          <ac:chgData name="Theis Ziegler" userId="1d0357a8-3efe-41fa-839c-7601d995f2eb" providerId="ADAL" clId="{DF415A0B-A0B9-4C60-9114-93ED0130F608}" dt="2026-03-04T12:06:57.369" v="3738" actId="13244"/>
          <ac:spMkLst>
            <pc:docMk/>
            <pc:sldMk cId="2780494153" sldId="372"/>
            <ac:spMk id="14" creationId="{77424D32-3023-22ED-2459-B692C2035148}"/>
          </ac:spMkLst>
        </pc:spChg>
        <pc:spChg chg="ord">
          <ac:chgData name="Theis Ziegler" userId="1d0357a8-3efe-41fa-839c-7601d995f2eb" providerId="ADAL" clId="{DF415A0B-A0B9-4C60-9114-93ED0130F608}" dt="2026-03-04T12:07:48.462" v="3743" actId="13244"/>
          <ac:spMkLst>
            <pc:docMk/>
            <pc:sldMk cId="2780494153" sldId="372"/>
            <ac:spMk id="29" creationId="{74658E84-D2D8-D566-5AAF-4F214FABAEEB}"/>
          </ac:spMkLst>
        </pc:spChg>
        <pc:spChg chg="ord">
          <ac:chgData name="Theis Ziegler" userId="1d0357a8-3efe-41fa-839c-7601d995f2eb" providerId="ADAL" clId="{DF415A0B-A0B9-4C60-9114-93ED0130F608}" dt="2026-03-04T12:07:48.462" v="3743" actId="13244"/>
          <ac:spMkLst>
            <pc:docMk/>
            <pc:sldMk cId="2780494153" sldId="372"/>
            <ac:spMk id="32" creationId="{4DEBCA31-015E-59BE-E23A-0757C143DBE1}"/>
          </ac:spMkLst>
        </pc:spChg>
        <pc:spChg chg="ord">
          <ac:chgData name="Theis Ziegler" userId="1d0357a8-3efe-41fa-839c-7601d995f2eb" providerId="ADAL" clId="{DF415A0B-A0B9-4C60-9114-93ED0130F608}" dt="2026-03-04T12:07:02.566" v="3739" actId="13244"/>
          <ac:spMkLst>
            <pc:docMk/>
            <pc:sldMk cId="2780494153" sldId="372"/>
            <ac:spMk id="59" creationId="{12F6A0EF-6CDC-7C16-C805-1F552D17592E}"/>
          </ac:spMkLst>
        </pc:spChg>
        <pc:spChg chg="ord">
          <ac:chgData name="Theis Ziegler" userId="1d0357a8-3efe-41fa-839c-7601d995f2eb" providerId="ADAL" clId="{DF415A0B-A0B9-4C60-9114-93ED0130F608}" dt="2026-03-04T12:07:08.752" v="3741" actId="13244"/>
          <ac:spMkLst>
            <pc:docMk/>
            <pc:sldMk cId="2780494153" sldId="372"/>
            <ac:spMk id="60" creationId="{C755A87B-6E97-B4F5-2382-AF3B6ABFF81E}"/>
          </ac:spMkLst>
        </pc:spChg>
        <pc:spChg chg="mod">
          <ac:chgData name="Theis Ziegler" userId="1d0357a8-3efe-41fa-839c-7601d995f2eb" providerId="ADAL" clId="{DF415A0B-A0B9-4C60-9114-93ED0130F608}" dt="2026-03-04T12:05:17.392" v="3725" actId="13244"/>
          <ac:spMkLst>
            <pc:docMk/>
            <pc:sldMk cId="2780494153" sldId="372"/>
            <ac:spMk id="84" creationId="{6F451DCB-BC63-1C6C-59A9-E8CEF2583FCB}"/>
          </ac:spMkLst>
        </pc:spChg>
        <pc:grpChg chg="mod">
          <ac:chgData name="Theis Ziegler" userId="1d0357a8-3efe-41fa-839c-7601d995f2eb" providerId="ADAL" clId="{DF415A0B-A0B9-4C60-9114-93ED0130F608}" dt="2026-03-04T12:07:41.824" v="3742" actId="13244"/>
          <ac:grpSpMkLst>
            <pc:docMk/>
            <pc:sldMk cId="2780494153" sldId="372"/>
            <ac:grpSpMk id="12" creationId="{4E618C31-824D-532B-9347-1B05C369E752}"/>
          </ac:grpSpMkLst>
        </pc:grpChg>
        <pc:grpChg chg="mod">
          <ac:chgData name="Theis Ziegler" userId="1d0357a8-3efe-41fa-839c-7601d995f2eb" providerId="ADAL" clId="{DF415A0B-A0B9-4C60-9114-93ED0130F608}" dt="2026-03-04T13:03:21.565" v="3821" actId="962"/>
          <ac:grpSpMkLst>
            <pc:docMk/>
            <pc:sldMk cId="2780494153" sldId="372"/>
            <ac:grpSpMk id="50" creationId="{7FD5F1C3-AD83-E5CB-A13A-BE247E672331}"/>
          </ac:grpSpMkLst>
        </pc:grpChg>
        <pc:grpChg chg="mod ord">
          <ac:chgData name="Theis Ziegler" userId="1d0357a8-3efe-41fa-839c-7601d995f2eb" providerId="ADAL" clId="{DF415A0B-A0B9-4C60-9114-93ED0130F608}" dt="2026-03-04T12:06:52.192" v="3737" actId="962"/>
          <ac:grpSpMkLst>
            <pc:docMk/>
            <pc:sldMk cId="2780494153" sldId="372"/>
            <ac:grpSpMk id="72" creationId="{5FE14841-C35B-66D3-F443-D6E491A6C516}"/>
          </ac:grpSpMkLst>
        </pc:grpChg>
      </pc:sldChg>
      <pc:sldChg chg="modSp mod">
        <pc:chgData name="Theis Ziegler" userId="1d0357a8-3efe-41fa-839c-7601d995f2eb" providerId="ADAL" clId="{DF415A0B-A0B9-4C60-9114-93ED0130F608}" dt="2026-03-04T12:08:14.238" v="3747" actId="13244"/>
        <pc:sldMkLst>
          <pc:docMk/>
          <pc:sldMk cId="2829327053" sldId="373"/>
        </pc:sldMkLst>
        <pc:spChg chg="ord">
          <ac:chgData name="Theis Ziegler" userId="1d0357a8-3efe-41fa-839c-7601d995f2eb" providerId="ADAL" clId="{DF415A0B-A0B9-4C60-9114-93ED0130F608}" dt="2026-03-04T12:08:04.903" v="3744" actId="13244"/>
          <ac:spMkLst>
            <pc:docMk/>
            <pc:sldMk cId="2829327053" sldId="373"/>
            <ac:spMk id="2" creationId="{87C842B5-9309-8005-0CC5-7AE8D13136A3}"/>
          </ac:spMkLst>
        </pc:spChg>
        <pc:spChg chg="mod">
          <ac:chgData name="Theis Ziegler" userId="1d0357a8-3efe-41fa-839c-7601d995f2eb" providerId="ADAL" clId="{DF415A0B-A0B9-4C60-9114-93ED0130F608}" dt="2026-03-04T12:08:07.806" v="3745" actId="13244"/>
          <ac:spMkLst>
            <pc:docMk/>
            <pc:sldMk cId="2829327053" sldId="373"/>
            <ac:spMk id="3" creationId="{689C9787-990E-AB3F-883C-DAB009A3D78B}"/>
          </ac:spMkLst>
        </pc:spChg>
        <pc:spChg chg="mod">
          <ac:chgData name="Theis Ziegler" userId="1d0357a8-3efe-41fa-839c-7601d995f2eb" providerId="ADAL" clId="{DF415A0B-A0B9-4C60-9114-93ED0130F608}" dt="2026-03-04T12:08:12.983" v="3746" actId="13244"/>
          <ac:spMkLst>
            <pc:docMk/>
            <pc:sldMk cId="2829327053" sldId="373"/>
            <ac:spMk id="18" creationId="{A28E93B9-DA0F-48D0-2425-9CE2D68B2F4E}"/>
          </ac:spMkLst>
        </pc:spChg>
        <pc:spChg chg="mod">
          <ac:chgData name="Theis Ziegler" userId="1d0357a8-3efe-41fa-839c-7601d995f2eb" providerId="ADAL" clId="{DF415A0B-A0B9-4C60-9114-93ED0130F608}" dt="2026-03-04T12:08:14.238" v="3747" actId="13244"/>
          <ac:spMkLst>
            <pc:docMk/>
            <pc:sldMk cId="2829327053" sldId="373"/>
            <ac:spMk id="19" creationId="{D35EA9AA-7A46-C384-2834-317F45065D30}"/>
          </ac:spMkLst>
        </pc:spChg>
      </pc:sldChg>
      <pc:sldChg chg="addSp delSp modSp mod">
        <pc:chgData name="Theis Ziegler" userId="1d0357a8-3efe-41fa-839c-7601d995f2eb" providerId="ADAL" clId="{DF415A0B-A0B9-4C60-9114-93ED0130F608}" dt="2026-03-09T13:33:05.503" v="4518" actId="962"/>
        <pc:sldMkLst>
          <pc:docMk/>
          <pc:sldMk cId="3648832719" sldId="374"/>
        </pc:sldMkLst>
        <pc:spChg chg="mod">
          <ac:chgData name="Theis Ziegler" userId="1d0357a8-3efe-41fa-839c-7601d995f2eb" providerId="ADAL" clId="{DF415A0B-A0B9-4C60-9114-93ED0130F608}" dt="2026-03-09T13:33:05.503" v="4518" actId="962"/>
          <ac:spMkLst>
            <pc:docMk/>
            <pc:sldMk cId="3648832719" sldId="374"/>
            <ac:spMk id="4" creationId="{D0BEF773-A65D-E80C-E02F-4F80BCF6E735}"/>
          </ac:spMkLst>
        </pc:spChg>
        <pc:spChg chg="mod">
          <ac:chgData name="Theis Ziegler" userId="1d0357a8-3efe-41fa-839c-7601d995f2eb" providerId="ADAL" clId="{DF415A0B-A0B9-4C60-9114-93ED0130F608}" dt="2026-03-04T12:08:43.697" v="3749" actId="13244"/>
          <ac:spMkLst>
            <pc:docMk/>
            <pc:sldMk cId="3648832719" sldId="374"/>
            <ac:spMk id="10" creationId="{8EACACB5-8E27-5C25-D438-8BACE23319D3}"/>
          </ac:spMkLst>
        </pc:spChg>
        <pc:spChg chg="mod">
          <ac:chgData name="Theis Ziegler" userId="1d0357a8-3efe-41fa-839c-7601d995f2eb" providerId="ADAL" clId="{DF415A0B-A0B9-4C60-9114-93ED0130F608}" dt="2026-03-04T12:08:45.526" v="3750" actId="13244"/>
          <ac:spMkLst>
            <pc:docMk/>
            <pc:sldMk cId="3648832719" sldId="374"/>
            <ac:spMk id="11" creationId="{23FCC3E0-A343-2B64-8EB7-7B777276AA1E}"/>
          </ac:spMkLst>
        </pc:spChg>
        <pc:spChg chg="mod">
          <ac:chgData name="Theis Ziegler" userId="1d0357a8-3efe-41fa-839c-7601d995f2eb" providerId="ADAL" clId="{DF415A0B-A0B9-4C60-9114-93ED0130F608}" dt="2026-03-04T12:08:38.364" v="3748" actId="13244"/>
          <ac:spMkLst>
            <pc:docMk/>
            <pc:sldMk cId="3648832719" sldId="374"/>
            <ac:spMk id="19" creationId="{36E9F766-2599-60C6-DE60-05A154856CC1}"/>
          </ac:spMkLst>
        </pc:spChg>
        <pc:spChg chg="ord">
          <ac:chgData name="Theis Ziegler" userId="1d0357a8-3efe-41fa-839c-7601d995f2eb" providerId="ADAL" clId="{DF415A0B-A0B9-4C60-9114-93ED0130F608}" dt="2026-03-04T12:09:03.794" v="3753" actId="13244"/>
          <ac:spMkLst>
            <pc:docMk/>
            <pc:sldMk cId="3648832719" sldId="374"/>
            <ac:spMk id="23" creationId="{D1EB4935-A5E3-A1C3-B382-6A457B8B540E}"/>
          </ac:spMkLst>
        </pc:spChg>
        <pc:spChg chg="mod">
          <ac:chgData name="Theis Ziegler" userId="1d0357a8-3efe-41fa-839c-7601d995f2eb" providerId="ADAL" clId="{DF415A0B-A0B9-4C60-9114-93ED0130F608}" dt="2026-03-04T12:08:57.241" v="3751" actId="13244"/>
          <ac:spMkLst>
            <pc:docMk/>
            <pc:sldMk cId="3648832719" sldId="374"/>
            <ac:spMk id="24" creationId="{6797CB8C-9587-BD13-37ED-774C0A6CCA21}"/>
          </ac:spMkLst>
        </pc:spChg>
        <pc:spChg chg="mod">
          <ac:chgData name="Theis Ziegler" userId="1d0357a8-3efe-41fa-839c-7601d995f2eb" providerId="ADAL" clId="{DF415A0B-A0B9-4C60-9114-93ED0130F608}" dt="2026-03-04T12:09:24.600" v="3757" actId="962"/>
          <ac:spMkLst>
            <pc:docMk/>
            <pc:sldMk cId="3648832719" sldId="374"/>
            <ac:spMk id="25" creationId="{FFA29A89-C966-20A7-0080-AEE1A714D238}"/>
          </ac:spMkLst>
        </pc:spChg>
        <pc:spChg chg="add mod">
          <ac:chgData name="Theis Ziegler" userId="1d0357a8-3efe-41fa-839c-7601d995f2eb" providerId="ADAL" clId="{DF415A0B-A0B9-4C60-9114-93ED0130F608}" dt="2026-03-09T13:23:53.335" v="4404" actId="14100"/>
          <ac:spMkLst>
            <pc:docMk/>
            <pc:sldMk cId="3648832719" sldId="374"/>
            <ac:spMk id="80" creationId="{7BB46F29-9F9E-B0CC-E5A4-EF80FD53AB57}"/>
          </ac:spMkLst>
        </pc:spChg>
        <pc:spChg chg="ord">
          <ac:chgData name="Theis Ziegler" userId="1d0357a8-3efe-41fa-839c-7601d995f2eb" providerId="ADAL" clId="{DF415A0B-A0B9-4C60-9114-93ED0130F608}" dt="2026-03-04T12:09:27.252" v="3758" actId="13244"/>
          <ac:spMkLst>
            <pc:docMk/>
            <pc:sldMk cId="3648832719" sldId="374"/>
            <ac:spMk id="98" creationId="{9F922546-A27A-44C4-15C7-916686E57049}"/>
          </ac:spMkLst>
        </pc:spChg>
        <pc:spChg chg="mod">
          <ac:chgData name="Theis Ziegler" userId="1d0357a8-3efe-41fa-839c-7601d995f2eb" providerId="ADAL" clId="{DF415A0B-A0B9-4C60-9114-93ED0130F608}" dt="2026-03-04T12:09:12.690" v="3754" actId="13244"/>
          <ac:spMkLst>
            <pc:docMk/>
            <pc:sldMk cId="3648832719" sldId="374"/>
            <ac:spMk id="134" creationId="{BB2F046B-1007-1D52-3D2C-8ADEFCBCAA59}"/>
          </ac:spMkLst>
        </pc:spChg>
        <pc:spChg chg="mod ord topLvl">
          <ac:chgData name="Theis Ziegler" userId="1d0357a8-3efe-41fa-839c-7601d995f2eb" providerId="ADAL" clId="{DF415A0B-A0B9-4C60-9114-93ED0130F608}" dt="2026-03-04T12:12:26.324" v="3770" actId="13244"/>
          <ac:spMkLst>
            <pc:docMk/>
            <pc:sldMk cId="3648832719" sldId="374"/>
            <ac:spMk id="198" creationId="{FD58BAC4-080A-03D9-7A61-7DCF8AABF901}"/>
          </ac:spMkLst>
        </pc:spChg>
        <pc:spChg chg="mod topLvl">
          <ac:chgData name="Theis Ziegler" userId="1d0357a8-3efe-41fa-839c-7601d995f2eb" providerId="ADAL" clId="{DF415A0B-A0B9-4C60-9114-93ED0130F608}" dt="2026-03-04T12:12:20.505" v="3769" actId="962"/>
          <ac:spMkLst>
            <pc:docMk/>
            <pc:sldMk cId="3648832719" sldId="374"/>
            <ac:spMk id="199" creationId="{A2784C56-F236-832A-3E01-B91AEF30ECE8}"/>
          </ac:spMkLst>
        </pc:spChg>
        <pc:spChg chg="mod ord topLvl">
          <ac:chgData name="Theis Ziegler" userId="1d0357a8-3efe-41fa-839c-7601d995f2eb" providerId="ADAL" clId="{DF415A0B-A0B9-4C60-9114-93ED0130F608}" dt="2026-03-04T12:12:26.324" v="3770" actId="13244"/>
          <ac:spMkLst>
            <pc:docMk/>
            <pc:sldMk cId="3648832719" sldId="374"/>
            <ac:spMk id="201" creationId="{8AA97A18-512E-75D1-6339-74C3D238DB9B}"/>
          </ac:spMkLst>
        </pc:spChg>
        <pc:spChg chg="mod ord topLvl">
          <ac:chgData name="Theis Ziegler" userId="1d0357a8-3efe-41fa-839c-7601d995f2eb" providerId="ADAL" clId="{DF415A0B-A0B9-4C60-9114-93ED0130F608}" dt="2026-03-04T12:12:26.324" v="3770" actId="13244"/>
          <ac:spMkLst>
            <pc:docMk/>
            <pc:sldMk cId="3648832719" sldId="374"/>
            <ac:spMk id="204" creationId="{375856DB-90FA-EC4B-2F7A-BE34C8D2C384}"/>
          </ac:spMkLst>
        </pc:spChg>
        <pc:spChg chg="mod topLvl">
          <ac:chgData name="Theis Ziegler" userId="1d0357a8-3efe-41fa-839c-7601d995f2eb" providerId="ADAL" clId="{DF415A0B-A0B9-4C60-9114-93ED0130F608}" dt="2026-03-04T12:12:20.505" v="3769" actId="962"/>
          <ac:spMkLst>
            <pc:docMk/>
            <pc:sldMk cId="3648832719" sldId="374"/>
            <ac:spMk id="205" creationId="{2B994B62-B4ED-CAF0-2D80-9AA229BA95A8}"/>
          </ac:spMkLst>
        </pc:spChg>
        <pc:grpChg chg="mod ord">
          <ac:chgData name="Theis Ziegler" userId="1d0357a8-3efe-41fa-839c-7601d995f2eb" providerId="ADAL" clId="{DF415A0B-A0B9-4C60-9114-93ED0130F608}" dt="2026-03-04T12:09:58.548" v="3761" actId="962"/>
          <ac:grpSpMkLst>
            <pc:docMk/>
            <pc:sldMk cId="3648832719" sldId="374"/>
            <ac:grpSpMk id="32" creationId="{EC451F2D-BB87-AF63-C6D0-AA90FF26AEEE}"/>
          </ac:grpSpMkLst>
        </pc:grpChg>
        <pc:grpChg chg="mod ord">
          <ac:chgData name="Theis Ziegler" userId="1d0357a8-3efe-41fa-839c-7601d995f2eb" providerId="ADAL" clId="{DF415A0B-A0B9-4C60-9114-93ED0130F608}" dt="2026-03-04T12:10:38.699" v="3762" actId="962"/>
          <ac:grpSpMkLst>
            <pc:docMk/>
            <pc:sldMk cId="3648832719" sldId="374"/>
            <ac:grpSpMk id="45" creationId="{29C8CA69-0881-CF21-D411-A8A2D94E2FF3}"/>
          </ac:grpSpMkLst>
        </pc:grpChg>
        <pc:grpChg chg="mod ord">
          <ac:chgData name="Theis Ziegler" userId="1d0357a8-3efe-41fa-839c-7601d995f2eb" providerId="ADAL" clId="{DF415A0B-A0B9-4C60-9114-93ED0130F608}" dt="2026-03-04T12:11:11.890" v="3765" actId="962"/>
          <ac:grpSpMkLst>
            <pc:docMk/>
            <pc:sldMk cId="3648832719" sldId="374"/>
            <ac:grpSpMk id="55" creationId="{1AC48401-708C-9BD3-B49B-4591CAB602AD}"/>
          </ac:grpSpMkLst>
        </pc:grpChg>
        <pc:grpChg chg="mod ord">
          <ac:chgData name="Theis Ziegler" userId="1d0357a8-3efe-41fa-839c-7601d995f2eb" providerId="ADAL" clId="{DF415A0B-A0B9-4C60-9114-93ED0130F608}" dt="2026-03-04T12:11:21.694" v="3766" actId="962"/>
          <ac:grpSpMkLst>
            <pc:docMk/>
            <pc:sldMk cId="3648832719" sldId="374"/>
            <ac:grpSpMk id="67" creationId="{6E62AF13-237F-5355-9FAB-3CE7B13FCCB4}"/>
          </ac:grpSpMkLst>
        </pc:grpChg>
        <pc:grpChg chg="mod ord">
          <ac:chgData name="Theis Ziegler" userId="1d0357a8-3efe-41fa-839c-7601d995f2eb" providerId="ADAL" clId="{DF415A0B-A0B9-4C60-9114-93ED0130F608}" dt="2026-03-04T12:11:49.975" v="3767" actId="962"/>
          <ac:grpSpMkLst>
            <pc:docMk/>
            <pc:sldMk cId="3648832719" sldId="374"/>
            <ac:grpSpMk id="77" creationId="{57E09F9B-C037-2F9F-CF82-CE059F9EB008}"/>
          </ac:grpSpMkLst>
        </pc:grpChg>
        <pc:grpChg chg="mod ord">
          <ac:chgData name="Theis Ziegler" userId="1d0357a8-3efe-41fa-839c-7601d995f2eb" providerId="ADAL" clId="{DF415A0B-A0B9-4C60-9114-93ED0130F608}" dt="2026-03-04T12:10:50.549" v="3764" actId="962"/>
          <ac:grpSpMkLst>
            <pc:docMk/>
            <pc:sldMk cId="3648832719" sldId="374"/>
            <ac:grpSpMk id="88" creationId="{F7C13FFA-7581-3BAD-C199-9981F3000FE6}"/>
          </ac:grpSpMkLst>
        </pc:grpChg>
        <pc:picChg chg="mod topLvl">
          <ac:chgData name="Theis Ziegler" userId="1d0357a8-3efe-41fa-839c-7601d995f2eb" providerId="ADAL" clId="{DF415A0B-A0B9-4C60-9114-93ED0130F608}" dt="2026-03-04T12:12:20.505" v="3769" actId="962"/>
          <ac:picMkLst>
            <pc:docMk/>
            <pc:sldMk cId="3648832719" sldId="374"/>
            <ac:picMk id="26" creationId="{FA66FA2C-01FB-AC31-E089-3DF70EAA4707}"/>
          </ac:picMkLst>
        </pc:picChg>
      </pc:sldChg>
      <pc:sldChg chg="modSp mod">
        <pc:chgData name="Theis Ziegler" userId="1d0357a8-3efe-41fa-839c-7601d995f2eb" providerId="ADAL" clId="{DF415A0B-A0B9-4C60-9114-93ED0130F608}" dt="2026-03-04T13:09:35.975" v="3858" actId="962"/>
        <pc:sldMkLst>
          <pc:docMk/>
          <pc:sldMk cId="1311695750" sldId="375"/>
        </pc:sldMkLst>
        <pc:spChg chg="ord">
          <ac:chgData name="Theis Ziegler" userId="1d0357a8-3efe-41fa-839c-7601d995f2eb" providerId="ADAL" clId="{DF415A0B-A0B9-4C60-9114-93ED0130F608}" dt="2026-03-04T12:55:20.409" v="3775" actId="13244"/>
          <ac:spMkLst>
            <pc:docMk/>
            <pc:sldMk cId="1311695750" sldId="375"/>
            <ac:spMk id="11" creationId="{EB1784E8-C36B-F890-AD40-2F2AA562C7C7}"/>
          </ac:spMkLst>
        </pc:spChg>
        <pc:spChg chg="ord">
          <ac:chgData name="Theis Ziegler" userId="1d0357a8-3efe-41fa-839c-7601d995f2eb" providerId="ADAL" clId="{DF415A0B-A0B9-4C60-9114-93ED0130F608}" dt="2026-03-04T12:55:14.249" v="3774" actId="13244"/>
          <ac:spMkLst>
            <pc:docMk/>
            <pc:sldMk cId="1311695750" sldId="375"/>
            <ac:spMk id="13" creationId="{1501707C-616D-AD09-C1AC-A041B7F6B284}"/>
          </ac:spMkLst>
        </pc:spChg>
        <pc:spChg chg="ord">
          <ac:chgData name="Theis Ziegler" userId="1d0357a8-3efe-41fa-839c-7601d995f2eb" providerId="ADAL" clId="{DF415A0B-A0B9-4C60-9114-93ED0130F608}" dt="2026-03-04T12:56:39.792" v="3784" actId="13244"/>
          <ac:spMkLst>
            <pc:docMk/>
            <pc:sldMk cId="1311695750" sldId="375"/>
            <ac:spMk id="14" creationId="{2F115D26-586B-56B5-108D-7D6FBE72A519}"/>
          </ac:spMkLst>
        </pc:spChg>
        <pc:spChg chg="ord">
          <ac:chgData name="Theis Ziegler" userId="1d0357a8-3efe-41fa-839c-7601d995f2eb" providerId="ADAL" clId="{DF415A0B-A0B9-4C60-9114-93ED0130F608}" dt="2026-03-04T12:56:59.442" v="3787" actId="13244"/>
          <ac:spMkLst>
            <pc:docMk/>
            <pc:sldMk cId="1311695750" sldId="375"/>
            <ac:spMk id="29" creationId="{A7CBAB85-3C59-2115-2FA0-836390B1A6D6}"/>
          </ac:spMkLst>
        </pc:spChg>
        <pc:spChg chg="ord">
          <ac:chgData name="Theis Ziegler" userId="1d0357a8-3efe-41fa-839c-7601d995f2eb" providerId="ADAL" clId="{DF415A0B-A0B9-4C60-9114-93ED0130F608}" dt="2026-03-04T12:56:59.442" v="3787" actId="13244"/>
          <ac:spMkLst>
            <pc:docMk/>
            <pc:sldMk cId="1311695750" sldId="375"/>
            <ac:spMk id="32" creationId="{B84A118C-240F-44C2-BB4E-1879AFCCD9D9}"/>
          </ac:spMkLst>
        </pc:spChg>
        <pc:spChg chg="mod">
          <ac:chgData name="Theis Ziegler" userId="1d0357a8-3efe-41fa-839c-7601d995f2eb" providerId="ADAL" clId="{DF415A0B-A0B9-4C60-9114-93ED0130F608}" dt="2026-03-04T12:55:04.205" v="3773" actId="13244"/>
          <ac:spMkLst>
            <pc:docMk/>
            <pc:sldMk cId="1311695750" sldId="375"/>
            <ac:spMk id="43" creationId="{600FB736-FB0D-9268-27B9-37550EC0A50F}"/>
          </ac:spMkLst>
        </pc:spChg>
        <pc:spChg chg="ord">
          <ac:chgData name="Theis Ziegler" userId="1d0357a8-3efe-41fa-839c-7601d995f2eb" providerId="ADAL" clId="{DF415A0B-A0B9-4C60-9114-93ED0130F608}" dt="2026-03-04T12:56:49.781" v="3785" actId="13244"/>
          <ac:spMkLst>
            <pc:docMk/>
            <pc:sldMk cId="1311695750" sldId="375"/>
            <ac:spMk id="59" creationId="{626CA17E-C314-9C85-5402-0FBC668F70DC}"/>
          </ac:spMkLst>
        </pc:spChg>
        <pc:spChg chg="ord">
          <ac:chgData name="Theis Ziegler" userId="1d0357a8-3efe-41fa-839c-7601d995f2eb" providerId="ADAL" clId="{DF415A0B-A0B9-4C60-9114-93ED0130F608}" dt="2026-03-04T12:56:51.398" v="3786" actId="13244"/>
          <ac:spMkLst>
            <pc:docMk/>
            <pc:sldMk cId="1311695750" sldId="375"/>
            <ac:spMk id="60" creationId="{DD32747D-6CEE-2001-C877-2A02C93EC6F1}"/>
          </ac:spMkLst>
        </pc:spChg>
        <pc:grpChg chg="mod ord">
          <ac:chgData name="Theis Ziegler" userId="1d0357a8-3efe-41fa-839c-7601d995f2eb" providerId="ADAL" clId="{DF415A0B-A0B9-4C60-9114-93ED0130F608}" dt="2026-03-04T12:56:35.170" v="3783" actId="962"/>
          <ac:grpSpMkLst>
            <pc:docMk/>
            <pc:sldMk cId="1311695750" sldId="375"/>
            <ac:grpSpMk id="71" creationId="{3FA99DB1-19AA-B285-F7BC-4DAD7AA2F95B}"/>
          </ac:grpSpMkLst>
        </pc:grpChg>
        <pc:grpChg chg="mod">
          <ac:chgData name="Theis Ziegler" userId="1d0357a8-3efe-41fa-839c-7601d995f2eb" providerId="ADAL" clId="{DF415A0B-A0B9-4C60-9114-93ED0130F608}" dt="2026-03-04T13:09:35.975" v="3858" actId="962"/>
          <ac:grpSpMkLst>
            <pc:docMk/>
            <pc:sldMk cId="1311695750" sldId="375"/>
            <ac:grpSpMk id="145" creationId="{97D214D0-60D2-ACC0-F050-093431F7435B}"/>
          </ac:grpSpMkLst>
        </pc:grpChg>
      </pc:sldChg>
      <pc:sldChg chg="addSp delSp modSp">
        <pc:chgData name="Theis Ziegler" userId="1d0357a8-3efe-41fa-839c-7601d995f2eb" providerId="ADAL" clId="{DF415A0B-A0B9-4C60-9114-93ED0130F608}" dt="2026-03-04T12:57:47.016" v="3792" actId="165"/>
        <pc:sldMkLst>
          <pc:docMk/>
          <pc:sldMk cId="1355664640" sldId="376"/>
        </pc:sldMkLst>
        <pc:spChg chg="mod">
          <ac:chgData name="Theis Ziegler" userId="1d0357a8-3efe-41fa-839c-7601d995f2eb" providerId="ADAL" clId="{DF415A0B-A0B9-4C60-9114-93ED0130F608}" dt="2026-03-04T12:57:18.079" v="3789" actId="13244"/>
          <ac:spMkLst>
            <pc:docMk/>
            <pc:sldMk cId="1355664640" sldId="376"/>
            <ac:spMk id="10" creationId="{4CA4337B-0B2D-C23F-1E41-AA30351E14ED}"/>
          </ac:spMkLst>
        </pc:spChg>
        <pc:spChg chg="mod">
          <ac:chgData name="Theis Ziegler" userId="1d0357a8-3efe-41fa-839c-7601d995f2eb" providerId="ADAL" clId="{DF415A0B-A0B9-4C60-9114-93ED0130F608}" dt="2026-03-04T12:57:20.658" v="3790" actId="13244"/>
          <ac:spMkLst>
            <pc:docMk/>
            <pc:sldMk cId="1355664640" sldId="376"/>
            <ac:spMk id="11" creationId="{5B36FCEA-735E-4BCF-6641-021BD45D934D}"/>
          </ac:spMkLst>
        </pc:spChg>
        <pc:spChg chg="mod">
          <ac:chgData name="Theis Ziegler" userId="1d0357a8-3efe-41fa-839c-7601d995f2eb" providerId="ADAL" clId="{DF415A0B-A0B9-4C60-9114-93ED0130F608}" dt="2026-03-04T12:57:11.549" v="3788" actId="13244"/>
          <ac:spMkLst>
            <pc:docMk/>
            <pc:sldMk cId="1355664640" sldId="376"/>
            <ac:spMk id="16" creationId="{9D2BA6A6-8AFC-9DAE-4D9F-21753C22AD99}"/>
          </ac:spMkLst>
        </pc:spChg>
        <pc:spChg chg="mod topLvl">
          <ac:chgData name="Theis Ziegler" userId="1d0357a8-3efe-41fa-839c-7601d995f2eb" providerId="ADAL" clId="{DF415A0B-A0B9-4C60-9114-93ED0130F608}" dt="2026-03-04T12:57:47.016" v="3792" actId="165"/>
          <ac:spMkLst>
            <pc:docMk/>
            <pc:sldMk cId="1355664640" sldId="376"/>
            <ac:spMk id="17" creationId="{0FD80623-A8F2-68CE-DD17-002A54FF898F}"/>
          </ac:spMkLst>
        </pc:spChg>
        <pc:spChg chg="mod topLvl">
          <ac:chgData name="Theis Ziegler" userId="1d0357a8-3efe-41fa-839c-7601d995f2eb" providerId="ADAL" clId="{DF415A0B-A0B9-4C60-9114-93ED0130F608}" dt="2026-03-04T12:57:47.016" v="3792" actId="165"/>
          <ac:spMkLst>
            <pc:docMk/>
            <pc:sldMk cId="1355664640" sldId="376"/>
            <ac:spMk id="18" creationId="{7341B5B3-5FD0-4B09-DCD0-A3274207EFED}"/>
          </ac:spMkLst>
        </pc:spChg>
        <pc:spChg chg="mod topLvl">
          <ac:chgData name="Theis Ziegler" userId="1d0357a8-3efe-41fa-839c-7601d995f2eb" providerId="ADAL" clId="{DF415A0B-A0B9-4C60-9114-93ED0130F608}" dt="2026-03-04T12:57:47.016" v="3792" actId="165"/>
          <ac:spMkLst>
            <pc:docMk/>
            <pc:sldMk cId="1355664640" sldId="376"/>
            <ac:spMk id="19" creationId="{CA82DBC1-AE0A-8552-D143-0709E7401768}"/>
          </ac:spMkLst>
        </pc:spChg>
        <pc:spChg chg="mod topLvl">
          <ac:chgData name="Theis Ziegler" userId="1d0357a8-3efe-41fa-839c-7601d995f2eb" providerId="ADAL" clId="{DF415A0B-A0B9-4C60-9114-93ED0130F608}" dt="2026-03-04T12:57:47.016" v="3792" actId="165"/>
          <ac:spMkLst>
            <pc:docMk/>
            <pc:sldMk cId="1355664640" sldId="376"/>
            <ac:spMk id="22" creationId="{6CBFD167-8FB7-7D49-CF03-E5EF5C917B39}"/>
          </ac:spMkLst>
        </pc:spChg>
        <pc:spChg chg="mod topLvl">
          <ac:chgData name="Theis Ziegler" userId="1d0357a8-3efe-41fa-839c-7601d995f2eb" providerId="ADAL" clId="{DF415A0B-A0B9-4C60-9114-93ED0130F608}" dt="2026-03-04T12:57:47.016" v="3792" actId="165"/>
          <ac:spMkLst>
            <pc:docMk/>
            <pc:sldMk cId="1355664640" sldId="376"/>
            <ac:spMk id="25" creationId="{11473E63-D2A5-BA58-AAD3-4FF40B24FFAA}"/>
          </ac:spMkLst>
        </pc:spChg>
        <pc:spChg chg="mod topLvl">
          <ac:chgData name="Theis Ziegler" userId="1d0357a8-3efe-41fa-839c-7601d995f2eb" providerId="ADAL" clId="{DF415A0B-A0B9-4C60-9114-93ED0130F608}" dt="2026-03-04T12:57:47.016" v="3792" actId="165"/>
          <ac:spMkLst>
            <pc:docMk/>
            <pc:sldMk cId="1355664640" sldId="376"/>
            <ac:spMk id="27" creationId="{5C9DDCA0-4E6D-210C-2071-A4951D4ECF41}"/>
          </ac:spMkLst>
        </pc:spChg>
        <pc:spChg chg="mod">
          <ac:chgData name="Theis Ziegler" userId="1d0357a8-3efe-41fa-839c-7601d995f2eb" providerId="ADAL" clId="{DF415A0B-A0B9-4C60-9114-93ED0130F608}" dt="2026-03-04T12:57:47.016" v="3792" actId="165"/>
          <ac:spMkLst>
            <pc:docMk/>
            <pc:sldMk cId="1355664640" sldId="376"/>
            <ac:spMk id="30" creationId="{B5E1A960-F368-4AD5-1157-96697741E244}"/>
          </ac:spMkLst>
        </pc:spChg>
        <pc:spChg chg="mod">
          <ac:chgData name="Theis Ziegler" userId="1d0357a8-3efe-41fa-839c-7601d995f2eb" providerId="ADAL" clId="{DF415A0B-A0B9-4C60-9114-93ED0130F608}" dt="2026-03-04T12:57:47.016" v="3792" actId="165"/>
          <ac:spMkLst>
            <pc:docMk/>
            <pc:sldMk cId="1355664640" sldId="376"/>
            <ac:spMk id="31" creationId="{ECDC1F5B-FE25-D081-EFD5-77FD499749A6}"/>
          </ac:spMkLst>
        </pc:spChg>
        <pc:spChg chg="mod">
          <ac:chgData name="Theis Ziegler" userId="1d0357a8-3efe-41fa-839c-7601d995f2eb" providerId="ADAL" clId="{DF415A0B-A0B9-4C60-9114-93ED0130F608}" dt="2026-03-04T12:57:47.016" v="3792" actId="165"/>
          <ac:spMkLst>
            <pc:docMk/>
            <pc:sldMk cId="1355664640" sldId="376"/>
            <ac:spMk id="32" creationId="{B2F95246-4783-746D-4DB5-D4D3896868BE}"/>
          </ac:spMkLst>
        </pc:spChg>
        <pc:spChg chg="mod">
          <ac:chgData name="Theis Ziegler" userId="1d0357a8-3efe-41fa-839c-7601d995f2eb" providerId="ADAL" clId="{DF415A0B-A0B9-4C60-9114-93ED0130F608}" dt="2026-03-04T12:57:47.016" v="3792" actId="165"/>
          <ac:spMkLst>
            <pc:docMk/>
            <pc:sldMk cId="1355664640" sldId="376"/>
            <ac:spMk id="34" creationId="{12313688-06E4-45CB-1D00-2C2BCDFFCE5B}"/>
          </ac:spMkLst>
        </pc:spChg>
      </pc:sldChg>
      <pc:sldChg chg="addSp delSp modSp mod">
        <pc:chgData name="Theis Ziegler" userId="1d0357a8-3efe-41fa-839c-7601d995f2eb" providerId="ADAL" clId="{DF415A0B-A0B9-4C60-9114-93ED0130F608}" dt="2026-03-09T13:24:48.123" v="4417" actId="478"/>
        <pc:sldMkLst>
          <pc:docMk/>
          <pc:sldMk cId="1960915484" sldId="377"/>
        </pc:sldMkLst>
        <pc:spChg chg="mod">
          <ac:chgData name="Theis Ziegler" userId="1d0357a8-3efe-41fa-839c-7601d995f2eb" providerId="ADAL" clId="{DF415A0B-A0B9-4C60-9114-93ED0130F608}" dt="2026-03-04T12:58:07.607" v="3794" actId="13244"/>
          <ac:spMkLst>
            <pc:docMk/>
            <pc:sldMk cId="1960915484" sldId="377"/>
            <ac:spMk id="10" creationId="{ED296A94-2767-12A4-87E2-40CC0E7F321E}"/>
          </ac:spMkLst>
        </pc:spChg>
        <pc:spChg chg="mod">
          <ac:chgData name="Theis Ziegler" userId="1d0357a8-3efe-41fa-839c-7601d995f2eb" providerId="ADAL" clId="{DF415A0B-A0B9-4C60-9114-93ED0130F608}" dt="2026-03-04T12:58:10.125" v="3795" actId="13244"/>
          <ac:spMkLst>
            <pc:docMk/>
            <pc:sldMk cId="1960915484" sldId="377"/>
            <ac:spMk id="11" creationId="{AD5727D7-CF4D-47D8-C3CF-D9E205A4FE1F}"/>
          </ac:spMkLst>
        </pc:spChg>
        <pc:spChg chg="ord">
          <ac:chgData name="Theis Ziegler" userId="1d0357a8-3efe-41fa-839c-7601d995f2eb" providerId="ADAL" clId="{DF415A0B-A0B9-4C60-9114-93ED0130F608}" dt="2026-03-04T12:58:33.496" v="3799" actId="13244"/>
          <ac:spMkLst>
            <pc:docMk/>
            <pc:sldMk cId="1960915484" sldId="377"/>
            <ac:spMk id="29" creationId="{457A8A04-87FC-E6C9-8CDF-B1D9748FEB27}"/>
          </ac:spMkLst>
        </pc:spChg>
        <pc:spChg chg="mod">
          <ac:chgData name="Theis Ziegler" userId="1d0357a8-3efe-41fa-839c-7601d995f2eb" providerId="ADAL" clId="{DF415A0B-A0B9-4C60-9114-93ED0130F608}" dt="2026-03-04T12:58:01.717" v="3793" actId="13244"/>
          <ac:spMkLst>
            <pc:docMk/>
            <pc:sldMk cId="1960915484" sldId="377"/>
            <ac:spMk id="31" creationId="{D41F27CB-4EAE-477A-8190-A8E5E5CAEB94}"/>
          </ac:spMkLst>
        </pc:spChg>
        <pc:spChg chg="add mod">
          <ac:chgData name="Theis Ziegler" userId="1d0357a8-3efe-41fa-839c-7601d995f2eb" providerId="ADAL" clId="{DF415A0B-A0B9-4C60-9114-93ED0130F608}" dt="2026-03-09T13:24:44.623" v="4416" actId="14100"/>
          <ac:spMkLst>
            <pc:docMk/>
            <pc:sldMk cId="1960915484" sldId="377"/>
            <ac:spMk id="34" creationId="{B76EC94B-5F47-8C35-5C76-603C16DAD2D3}"/>
          </ac:spMkLst>
        </pc:spChg>
        <pc:spChg chg="mod">
          <ac:chgData name="Theis Ziegler" userId="1d0357a8-3efe-41fa-839c-7601d995f2eb" providerId="ADAL" clId="{DF415A0B-A0B9-4C60-9114-93ED0130F608}" dt="2026-03-04T12:58:19.725" v="3796" actId="962"/>
          <ac:spMkLst>
            <pc:docMk/>
            <pc:sldMk cId="1960915484" sldId="377"/>
            <ac:spMk id="40" creationId="{3508E8BC-FCA1-ED6E-9B71-69FBCDDCE934}"/>
          </ac:spMkLst>
        </pc:spChg>
        <pc:spChg chg="ord">
          <ac:chgData name="Theis Ziegler" userId="1d0357a8-3efe-41fa-839c-7601d995f2eb" providerId="ADAL" clId="{DF415A0B-A0B9-4C60-9114-93ED0130F608}" dt="2026-03-04T12:58:29.633" v="3798" actId="13244"/>
          <ac:spMkLst>
            <pc:docMk/>
            <pc:sldMk cId="1960915484" sldId="377"/>
            <ac:spMk id="228" creationId="{A8AAC1DD-DDEC-6C7C-9D2C-F0C0395D2223}"/>
          </ac:spMkLst>
        </pc:spChg>
        <pc:grpChg chg="mod ord">
          <ac:chgData name="Theis Ziegler" userId="1d0357a8-3efe-41fa-839c-7601d995f2eb" providerId="ADAL" clId="{DF415A0B-A0B9-4C60-9114-93ED0130F608}" dt="2026-03-04T12:59:22.768" v="3803" actId="962"/>
          <ac:grpSpMkLst>
            <pc:docMk/>
            <pc:sldMk cId="1960915484" sldId="377"/>
            <ac:grpSpMk id="55" creationId="{5EA00442-977A-A541-ECFD-A5AB525438BC}"/>
          </ac:grpSpMkLst>
        </pc:grpChg>
        <pc:grpChg chg="mod ord">
          <ac:chgData name="Theis Ziegler" userId="1d0357a8-3efe-41fa-839c-7601d995f2eb" providerId="ADAL" clId="{DF415A0B-A0B9-4C60-9114-93ED0130F608}" dt="2026-03-04T12:59:47.802" v="3804" actId="962"/>
          <ac:grpSpMkLst>
            <pc:docMk/>
            <pc:sldMk cId="1960915484" sldId="377"/>
            <ac:grpSpMk id="131" creationId="{E386DD95-2238-8501-EBF5-A265CAB74F38}"/>
          </ac:grpSpMkLst>
        </pc:grpChg>
        <pc:grpChg chg="mod ord">
          <ac:chgData name="Theis Ziegler" userId="1d0357a8-3efe-41fa-839c-7601d995f2eb" providerId="ADAL" clId="{DF415A0B-A0B9-4C60-9114-93ED0130F608}" dt="2026-03-04T13:00:22.806" v="3807" actId="962"/>
          <ac:grpSpMkLst>
            <pc:docMk/>
            <pc:sldMk cId="1960915484" sldId="377"/>
            <ac:grpSpMk id="151" creationId="{6343EAC2-713C-D627-9FE8-713560541D7B}"/>
          </ac:grpSpMkLst>
        </pc:grpChg>
        <pc:grpChg chg="mod ord">
          <ac:chgData name="Theis Ziegler" userId="1d0357a8-3efe-41fa-839c-7601d995f2eb" providerId="ADAL" clId="{DF415A0B-A0B9-4C60-9114-93ED0130F608}" dt="2026-03-04T13:00:37.120" v="3808" actId="962"/>
          <ac:grpSpMkLst>
            <pc:docMk/>
            <pc:sldMk cId="1960915484" sldId="377"/>
            <ac:grpSpMk id="161" creationId="{BDBBD900-02EB-FF8B-BABD-BD446B1677FD}"/>
          </ac:grpSpMkLst>
        </pc:grpChg>
        <pc:grpChg chg="mod ord">
          <ac:chgData name="Theis Ziegler" userId="1d0357a8-3efe-41fa-839c-7601d995f2eb" providerId="ADAL" clId="{DF415A0B-A0B9-4C60-9114-93ED0130F608}" dt="2026-03-04T13:00:45.501" v="3809" actId="962"/>
          <ac:grpSpMkLst>
            <pc:docMk/>
            <pc:sldMk cId="1960915484" sldId="377"/>
            <ac:grpSpMk id="171" creationId="{C650AF4B-9569-1A01-5F9E-6C89A543F21A}"/>
          </ac:grpSpMkLst>
        </pc:grpChg>
        <pc:grpChg chg="mod ord">
          <ac:chgData name="Theis Ziegler" userId="1d0357a8-3efe-41fa-839c-7601d995f2eb" providerId="ADAL" clId="{DF415A0B-A0B9-4C60-9114-93ED0130F608}" dt="2026-03-04T13:00:02.641" v="3806" actId="962"/>
          <ac:grpSpMkLst>
            <pc:docMk/>
            <pc:sldMk cId="1960915484" sldId="377"/>
            <ac:grpSpMk id="231" creationId="{6C707260-954D-6656-AE55-222362717054}"/>
          </ac:grpSpMkLst>
        </pc:grpChg>
      </pc:sldChg>
      <pc:sldChg chg="modSp mod">
        <pc:chgData name="Theis Ziegler" userId="1d0357a8-3efe-41fa-839c-7601d995f2eb" providerId="ADAL" clId="{DF415A0B-A0B9-4C60-9114-93ED0130F608}" dt="2026-03-04T13:17:19.839" v="3902" actId="962"/>
        <pc:sldMkLst>
          <pc:docMk/>
          <pc:sldMk cId="3281761050" sldId="378"/>
        </pc:sldMkLst>
        <pc:spChg chg="ord">
          <ac:chgData name="Theis Ziegler" userId="1d0357a8-3efe-41fa-839c-7601d995f2eb" providerId="ADAL" clId="{DF415A0B-A0B9-4C60-9114-93ED0130F608}" dt="2026-03-04T13:02:34.526" v="3813" actId="13244"/>
          <ac:spMkLst>
            <pc:docMk/>
            <pc:sldMk cId="3281761050" sldId="378"/>
            <ac:spMk id="11" creationId="{BD697DBB-2399-7EEF-6C98-C1521EEE4FD0}"/>
          </ac:spMkLst>
        </pc:spChg>
        <pc:spChg chg="ord">
          <ac:chgData name="Theis Ziegler" userId="1d0357a8-3efe-41fa-839c-7601d995f2eb" providerId="ADAL" clId="{DF415A0B-A0B9-4C60-9114-93ED0130F608}" dt="2026-03-04T13:02:28.119" v="3812" actId="13244"/>
          <ac:spMkLst>
            <pc:docMk/>
            <pc:sldMk cId="3281761050" sldId="378"/>
            <ac:spMk id="13" creationId="{60762B76-7D8E-FBA6-E2FE-D414BD00B0E7}"/>
          </ac:spMkLst>
        </pc:spChg>
        <pc:spChg chg="ord">
          <ac:chgData name="Theis Ziegler" userId="1d0357a8-3efe-41fa-839c-7601d995f2eb" providerId="ADAL" clId="{DF415A0B-A0B9-4C60-9114-93ED0130F608}" dt="2026-03-04T13:04:47.096" v="3827" actId="13244"/>
          <ac:spMkLst>
            <pc:docMk/>
            <pc:sldMk cId="3281761050" sldId="378"/>
            <ac:spMk id="14" creationId="{3E57D719-89F9-1AAB-1993-45F68254821F}"/>
          </ac:spMkLst>
        </pc:spChg>
        <pc:spChg chg="mod">
          <ac:chgData name="Theis Ziegler" userId="1d0357a8-3efe-41fa-839c-7601d995f2eb" providerId="ADAL" clId="{DF415A0B-A0B9-4C60-9114-93ED0130F608}" dt="2026-03-04T13:03:05.111" v="3820" actId="14100"/>
          <ac:spMkLst>
            <pc:docMk/>
            <pc:sldMk cId="3281761050" sldId="378"/>
            <ac:spMk id="17" creationId="{0F52981D-DCB6-B37F-6B68-16F8644EC74E}"/>
          </ac:spMkLst>
        </pc:spChg>
        <pc:spChg chg="ord">
          <ac:chgData name="Theis Ziegler" userId="1d0357a8-3efe-41fa-839c-7601d995f2eb" providerId="ADAL" clId="{DF415A0B-A0B9-4C60-9114-93ED0130F608}" dt="2026-03-04T13:05:05.200" v="3830" actId="13244"/>
          <ac:spMkLst>
            <pc:docMk/>
            <pc:sldMk cId="3281761050" sldId="378"/>
            <ac:spMk id="29" creationId="{DC582562-7C55-657E-DCD6-82057DE04331}"/>
          </ac:spMkLst>
        </pc:spChg>
        <pc:spChg chg="ord">
          <ac:chgData name="Theis Ziegler" userId="1d0357a8-3efe-41fa-839c-7601d995f2eb" providerId="ADAL" clId="{DF415A0B-A0B9-4C60-9114-93ED0130F608}" dt="2026-03-04T13:05:05.200" v="3830" actId="13244"/>
          <ac:spMkLst>
            <pc:docMk/>
            <pc:sldMk cId="3281761050" sldId="378"/>
            <ac:spMk id="32" creationId="{33AEE72A-B94C-D07D-F200-26DD1B160329}"/>
          </ac:spMkLst>
        </pc:spChg>
        <pc:spChg chg="ord">
          <ac:chgData name="Theis Ziegler" userId="1d0357a8-3efe-41fa-839c-7601d995f2eb" providerId="ADAL" clId="{DF415A0B-A0B9-4C60-9114-93ED0130F608}" dt="2026-03-04T13:04:52.686" v="3828" actId="13244"/>
          <ac:spMkLst>
            <pc:docMk/>
            <pc:sldMk cId="3281761050" sldId="378"/>
            <ac:spMk id="59" creationId="{7426F1F8-346C-5434-4409-560B3B7F807E}"/>
          </ac:spMkLst>
        </pc:spChg>
        <pc:spChg chg="ord">
          <ac:chgData name="Theis Ziegler" userId="1d0357a8-3efe-41fa-839c-7601d995f2eb" providerId="ADAL" clId="{DF415A0B-A0B9-4C60-9114-93ED0130F608}" dt="2026-03-04T13:04:58.875" v="3829" actId="13244"/>
          <ac:spMkLst>
            <pc:docMk/>
            <pc:sldMk cId="3281761050" sldId="378"/>
            <ac:spMk id="89" creationId="{3C16BC42-BEC1-F8C8-D4FB-362B652ABCEA}"/>
          </ac:spMkLst>
        </pc:spChg>
        <pc:spChg chg="mod">
          <ac:chgData name="Theis Ziegler" userId="1d0357a8-3efe-41fa-839c-7601d995f2eb" providerId="ADAL" clId="{DF415A0B-A0B9-4C60-9114-93ED0130F608}" dt="2026-03-04T13:02:21.035" v="3811" actId="13244"/>
          <ac:spMkLst>
            <pc:docMk/>
            <pc:sldMk cId="3281761050" sldId="378"/>
            <ac:spMk id="100" creationId="{03EB9154-9547-F6A8-FDB5-8ED793F74CCD}"/>
          </ac:spMkLst>
        </pc:spChg>
        <pc:grpChg chg="mod">
          <ac:chgData name="Theis Ziegler" userId="1d0357a8-3efe-41fa-839c-7601d995f2eb" providerId="ADAL" clId="{DF415A0B-A0B9-4C60-9114-93ED0130F608}" dt="2026-03-04T13:17:19.839" v="3902" actId="962"/>
          <ac:grpSpMkLst>
            <pc:docMk/>
            <pc:sldMk cId="3281761050" sldId="378"/>
            <ac:grpSpMk id="39" creationId="{2071011D-A2AE-AABD-5AA0-07A5BBF192BA}"/>
          </ac:grpSpMkLst>
        </pc:grpChg>
        <pc:grpChg chg="mod ord">
          <ac:chgData name="Theis Ziegler" userId="1d0357a8-3efe-41fa-839c-7601d995f2eb" providerId="ADAL" clId="{DF415A0B-A0B9-4C60-9114-93ED0130F608}" dt="2026-03-04T13:04:42.664" v="3826" actId="962"/>
          <ac:grpSpMkLst>
            <pc:docMk/>
            <pc:sldMk cId="3281761050" sldId="378"/>
            <ac:grpSpMk id="41" creationId="{A339992A-B94C-85C4-212D-A1D9015E4109}"/>
          </ac:grpSpMkLst>
        </pc:grpChg>
      </pc:sldChg>
      <pc:sldChg chg="modSp mod">
        <pc:chgData name="Theis Ziegler" userId="1d0357a8-3efe-41fa-839c-7601d995f2eb" providerId="ADAL" clId="{DF415A0B-A0B9-4C60-9114-93ED0130F608}" dt="2026-03-04T13:05:55.152" v="3834" actId="962"/>
        <pc:sldMkLst>
          <pc:docMk/>
          <pc:sldMk cId="1848509210" sldId="379"/>
        </pc:sldMkLst>
        <pc:spChg chg="mod">
          <ac:chgData name="Theis Ziegler" userId="1d0357a8-3efe-41fa-839c-7601d995f2eb" providerId="ADAL" clId="{DF415A0B-A0B9-4C60-9114-93ED0130F608}" dt="2026-03-04T13:05:44.553" v="3832" actId="13244"/>
          <ac:spMkLst>
            <pc:docMk/>
            <pc:sldMk cId="1848509210" sldId="379"/>
            <ac:spMk id="10" creationId="{56D51EB8-A99A-1A50-EF50-BB137D0C69D1}"/>
          </ac:spMkLst>
        </pc:spChg>
        <pc:spChg chg="mod">
          <ac:chgData name="Theis Ziegler" userId="1d0357a8-3efe-41fa-839c-7601d995f2eb" providerId="ADAL" clId="{DF415A0B-A0B9-4C60-9114-93ED0130F608}" dt="2026-03-04T13:05:46.262" v="3833" actId="13244"/>
          <ac:spMkLst>
            <pc:docMk/>
            <pc:sldMk cId="1848509210" sldId="379"/>
            <ac:spMk id="11" creationId="{567BA683-5CD0-84F9-1EFF-21E67F2F01C4}"/>
          </ac:spMkLst>
        </pc:spChg>
        <pc:spChg chg="mod">
          <ac:chgData name="Theis Ziegler" userId="1d0357a8-3efe-41fa-839c-7601d995f2eb" providerId="ADAL" clId="{DF415A0B-A0B9-4C60-9114-93ED0130F608}" dt="2026-03-04T13:05:37.067" v="3831" actId="13244"/>
          <ac:spMkLst>
            <pc:docMk/>
            <pc:sldMk cId="1848509210" sldId="379"/>
            <ac:spMk id="26" creationId="{6769B651-A63A-C1A3-736F-7FE99F4D7F31}"/>
          </ac:spMkLst>
        </pc:spChg>
        <pc:grpChg chg="mod">
          <ac:chgData name="Theis Ziegler" userId="1d0357a8-3efe-41fa-839c-7601d995f2eb" providerId="ADAL" clId="{DF415A0B-A0B9-4C60-9114-93ED0130F608}" dt="2026-03-04T13:05:55.152" v="3834" actId="962"/>
          <ac:grpSpMkLst>
            <pc:docMk/>
            <pc:sldMk cId="1848509210" sldId="379"/>
            <ac:grpSpMk id="13" creationId="{6A073067-0EE1-DC18-FF17-55D2C96F4C70}"/>
          </ac:grpSpMkLst>
        </pc:grpChg>
      </pc:sldChg>
      <pc:sldChg chg="addSp delSp modSp mod">
        <pc:chgData name="Theis Ziegler" userId="1d0357a8-3efe-41fa-839c-7601d995f2eb" providerId="ADAL" clId="{DF415A0B-A0B9-4C60-9114-93ED0130F608}" dt="2026-03-09T13:25:14.058" v="4423" actId="478"/>
        <pc:sldMkLst>
          <pc:docMk/>
          <pc:sldMk cId="979039635" sldId="380"/>
        </pc:sldMkLst>
        <pc:spChg chg="mod">
          <ac:chgData name="Theis Ziegler" userId="1d0357a8-3efe-41fa-839c-7601d995f2eb" providerId="ADAL" clId="{DF415A0B-A0B9-4C60-9114-93ED0130F608}" dt="2026-03-04T13:06:08.342" v="3836" actId="13244"/>
          <ac:spMkLst>
            <pc:docMk/>
            <pc:sldMk cId="979039635" sldId="380"/>
            <ac:spMk id="10" creationId="{25133DF3-9380-A7B7-7B69-7DB94751C275}"/>
          </ac:spMkLst>
        </pc:spChg>
        <pc:spChg chg="mod">
          <ac:chgData name="Theis Ziegler" userId="1d0357a8-3efe-41fa-839c-7601d995f2eb" providerId="ADAL" clId="{DF415A0B-A0B9-4C60-9114-93ED0130F608}" dt="2026-03-04T13:06:09.580" v="3837" actId="13244"/>
          <ac:spMkLst>
            <pc:docMk/>
            <pc:sldMk cId="979039635" sldId="380"/>
            <ac:spMk id="11" creationId="{6D5CAE52-C095-4439-159D-4285CD2B01DB}"/>
          </ac:spMkLst>
        </pc:spChg>
        <pc:spChg chg="add mod">
          <ac:chgData name="Theis Ziegler" userId="1d0357a8-3efe-41fa-839c-7601d995f2eb" providerId="ADAL" clId="{DF415A0B-A0B9-4C60-9114-93ED0130F608}" dt="2026-03-09T13:25:10.553" v="4422" actId="14100"/>
          <ac:spMkLst>
            <pc:docMk/>
            <pc:sldMk cId="979039635" sldId="380"/>
            <ac:spMk id="14" creationId="{3AB1EB1C-03EB-69BA-D3F5-5D0FB58144DF}"/>
          </ac:spMkLst>
        </pc:spChg>
        <pc:spChg chg="mod">
          <ac:chgData name="Theis Ziegler" userId="1d0357a8-3efe-41fa-839c-7601d995f2eb" providerId="ADAL" clId="{DF415A0B-A0B9-4C60-9114-93ED0130F608}" dt="2026-03-04T13:06:02.756" v="3835" actId="13244"/>
          <ac:spMkLst>
            <pc:docMk/>
            <pc:sldMk cId="979039635" sldId="380"/>
            <ac:spMk id="20" creationId="{4CAB65C4-597B-53D5-5BD1-430D3707880B}"/>
          </ac:spMkLst>
        </pc:spChg>
        <pc:spChg chg="ord">
          <ac:chgData name="Theis Ziegler" userId="1d0357a8-3efe-41fa-839c-7601d995f2eb" providerId="ADAL" clId="{DF415A0B-A0B9-4C60-9114-93ED0130F608}" dt="2026-03-04T13:06:36.405" v="3843" actId="13244"/>
          <ac:spMkLst>
            <pc:docMk/>
            <pc:sldMk cId="979039635" sldId="380"/>
            <ac:spMk id="30" creationId="{5674ED6C-250B-9499-888C-18E1224B1F14}"/>
          </ac:spMkLst>
        </pc:spChg>
        <pc:spChg chg="ord">
          <ac:chgData name="Theis Ziegler" userId="1d0357a8-3efe-41fa-839c-7601d995f2eb" providerId="ADAL" clId="{DF415A0B-A0B9-4C60-9114-93ED0130F608}" dt="2026-03-04T13:06:23.252" v="3839" actId="13244"/>
          <ac:spMkLst>
            <pc:docMk/>
            <pc:sldMk cId="979039635" sldId="380"/>
            <ac:spMk id="78" creationId="{9469D293-1F02-29ED-A6B4-E29CDC1390D3}"/>
          </ac:spMkLst>
        </pc:spChg>
        <pc:spChg chg="mod">
          <ac:chgData name="Theis Ziegler" userId="1d0357a8-3efe-41fa-839c-7601d995f2eb" providerId="ADAL" clId="{DF415A0B-A0B9-4C60-9114-93ED0130F608}" dt="2026-03-04T13:06:17.199" v="3838" actId="13244"/>
          <ac:spMkLst>
            <pc:docMk/>
            <pc:sldMk cId="979039635" sldId="380"/>
            <ac:spMk id="106" creationId="{BC2A01F1-5BB3-97F7-9A77-5DA219DCBF1C}"/>
          </ac:spMkLst>
        </pc:spChg>
        <pc:spChg chg="mod">
          <ac:chgData name="Theis Ziegler" userId="1d0357a8-3efe-41fa-839c-7601d995f2eb" providerId="ADAL" clId="{DF415A0B-A0B9-4C60-9114-93ED0130F608}" dt="2026-03-04T13:06:27.918" v="3840" actId="962"/>
          <ac:spMkLst>
            <pc:docMk/>
            <pc:sldMk cId="979039635" sldId="380"/>
            <ac:spMk id="107" creationId="{A2A2324B-1D99-E480-2550-E5A8334F784B}"/>
          </ac:spMkLst>
        </pc:spChg>
        <pc:spChg chg="ord">
          <ac:chgData name="Theis Ziegler" userId="1d0357a8-3efe-41fa-839c-7601d995f2eb" providerId="ADAL" clId="{DF415A0B-A0B9-4C60-9114-93ED0130F608}" dt="2026-03-04T13:06:30.135" v="3841" actId="13244"/>
          <ac:spMkLst>
            <pc:docMk/>
            <pc:sldMk cId="979039635" sldId="380"/>
            <ac:spMk id="176" creationId="{1627DD08-5F68-CD1F-967F-F2F0D766B8D3}"/>
          </ac:spMkLst>
        </pc:spChg>
        <pc:grpChg chg="mod ord">
          <ac:chgData name="Theis Ziegler" userId="1d0357a8-3efe-41fa-839c-7601d995f2eb" providerId="ADAL" clId="{DF415A0B-A0B9-4C60-9114-93ED0130F608}" dt="2026-03-04T13:07:13.952" v="3846" actId="962"/>
          <ac:grpSpMkLst>
            <pc:docMk/>
            <pc:sldMk cId="979039635" sldId="380"/>
            <ac:grpSpMk id="113" creationId="{368E1014-8E83-728F-FD75-E4610A85B5D8}"/>
          </ac:grpSpMkLst>
        </pc:grpChg>
        <pc:grpChg chg="mod ord">
          <ac:chgData name="Theis Ziegler" userId="1d0357a8-3efe-41fa-839c-7601d995f2eb" providerId="ADAL" clId="{DF415A0B-A0B9-4C60-9114-93ED0130F608}" dt="2026-03-04T13:07:42.166" v="3847" actId="962"/>
          <ac:grpSpMkLst>
            <pc:docMk/>
            <pc:sldMk cId="979039635" sldId="380"/>
            <ac:grpSpMk id="126" creationId="{1F77991C-BB54-27A7-F6F9-ED861D243A9C}"/>
          </ac:grpSpMkLst>
        </pc:grpChg>
        <pc:grpChg chg="mod ord">
          <ac:chgData name="Theis Ziegler" userId="1d0357a8-3efe-41fa-839c-7601d995f2eb" providerId="ADAL" clId="{DF415A0B-A0B9-4C60-9114-93ED0130F608}" dt="2026-03-04T13:08:20.362" v="3851" actId="962"/>
          <ac:grpSpMkLst>
            <pc:docMk/>
            <pc:sldMk cId="979039635" sldId="380"/>
            <ac:grpSpMk id="136" creationId="{1EE619F2-5898-791E-D868-AFD6E1143793}"/>
          </ac:grpSpMkLst>
        </pc:grpChg>
        <pc:grpChg chg="mod ord">
          <ac:chgData name="Theis Ziegler" userId="1d0357a8-3efe-41fa-839c-7601d995f2eb" providerId="ADAL" clId="{DF415A0B-A0B9-4C60-9114-93ED0130F608}" dt="2026-03-04T13:08:29.525" v="3852" actId="962"/>
          <ac:grpSpMkLst>
            <pc:docMk/>
            <pc:sldMk cId="979039635" sldId="380"/>
            <ac:grpSpMk id="146" creationId="{C18C31CC-D6EC-213D-D99F-F0BF100B66E7}"/>
          </ac:grpSpMkLst>
        </pc:grpChg>
        <pc:grpChg chg="mod ord">
          <ac:chgData name="Theis Ziegler" userId="1d0357a8-3efe-41fa-839c-7601d995f2eb" providerId="ADAL" clId="{DF415A0B-A0B9-4C60-9114-93ED0130F608}" dt="2026-03-04T13:08:40.400" v="3853" actId="962"/>
          <ac:grpSpMkLst>
            <pc:docMk/>
            <pc:sldMk cId="979039635" sldId="380"/>
            <ac:grpSpMk id="156" creationId="{88633EEA-4A79-E5F1-BCB5-F62D086A408A}"/>
          </ac:grpSpMkLst>
        </pc:grpChg>
        <pc:grpChg chg="mod ord">
          <ac:chgData name="Theis Ziegler" userId="1d0357a8-3efe-41fa-839c-7601d995f2eb" providerId="ADAL" clId="{DF415A0B-A0B9-4C60-9114-93ED0130F608}" dt="2026-03-04T13:07:55.253" v="3849" actId="962"/>
          <ac:grpSpMkLst>
            <pc:docMk/>
            <pc:sldMk cId="979039635" sldId="380"/>
            <ac:grpSpMk id="166" creationId="{7707D08B-F0FC-C2DA-E5FB-6A97C8D13610}"/>
          </ac:grpSpMkLst>
        </pc:grpChg>
      </pc:sldChg>
      <pc:sldChg chg="modSp mod">
        <pc:chgData name="Theis Ziegler" userId="1d0357a8-3efe-41fa-839c-7601d995f2eb" providerId="ADAL" clId="{DF415A0B-A0B9-4C60-9114-93ED0130F608}" dt="2026-03-04T13:10:45.423" v="3871" actId="13244"/>
        <pc:sldMkLst>
          <pc:docMk/>
          <pc:sldMk cId="1533710581" sldId="381"/>
        </pc:sldMkLst>
        <pc:spChg chg="ord">
          <ac:chgData name="Theis Ziegler" userId="1d0357a8-3efe-41fa-839c-7601d995f2eb" providerId="ADAL" clId="{DF415A0B-A0B9-4C60-9114-93ED0130F608}" dt="2026-03-04T13:09:15.991" v="3857" actId="13244"/>
          <ac:spMkLst>
            <pc:docMk/>
            <pc:sldMk cId="1533710581" sldId="381"/>
            <ac:spMk id="11" creationId="{BA45B8D1-4E94-0E79-75B9-441D95DE7D1B}"/>
          </ac:spMkLst>
        </pc:spChg>
        <pc:spChg chg="ord">
          <ac:chgData name="Theis Ziegler" userId="1d0357a8-3efe-41fa-839c-7601d995f2eb" providerId="ADAL" clId="{DF415A0B-A0B9-4C60-9114-93ED0130F608}" dt="2026-03-04T13:09:12.092" v="3856" actId="13244"/>
          <ac:spMkLst>
            <pc:docMk/>
            <pc:sldMk cId="1533710581" sldId="381"/>
            <ac:spMk id="13" creationId="{A1E0D4C9-CA12-E074-E06A-72B2A71B92D1}"/>
          </ac:spMkLst>
        </pc:spChg>
        <pc:spChg chg="ord">
          <ac:chgData name="Theis Ziegler" userId="1d0357a8-3efe-41fa-839c-7601d995f2eb" providerId="ADAL" clId="{DF415A0B-A0B9-4C60-9114-93ED0130F608}" dt="2026-03-04T13:10:24.623" v="3867" actId="13244"/>
          <ac:spMkLst>
            <pc:docMk/>
            <pc:sldMk cId="1533710581" sldId="381"/>
            <ac:spMk id="14" creationId="{7B8827D9-0ABF-B3C4-D8B7-045CE241FEDE}"/>
          </ac:spMkLst>
        </pc:spChg>
        <pc:spChg chg="ord">
          <ac:chgData name="Theis Ziegler" userId="1d0357a8-3efe-41fa-839c-7601d995f2eb" providerId="ADAL" clId="{DF415A0B-A0B9-4C60-9114-93ED0130F608}" dt="2026-03-04T13:10:42.933" v="3870" actId="13244"/>
          <ac:spMkLst>
            <pc:docMk/>
            <pc:sldMk cId="1533710581" sldId="381"/>
            <ac:spMk id="29" creationId="{C40B7A48-19F7-DB99-C971-0F8DE9249F55}"/>
          </ac:spMkLst>
        </pc:spChg>
        <pc:spChg chg="ord">
          <ac:chgData name="Theis Ziegler" userId="1d0357a8-3efe-41fa-839c-7601d995f2eb" providerId="ADAL" clId="{DF415A0B-A0B9-4C60-9114-93ED0130F608}" dt="2026-03-04T13:10:42.933" v="3870" actId="13244"/>
          <ac:spMkLst>
            <pc:docMk/>
            <pc:sldMk cId="1533710581" sldId="381"/>
            <ac:spMk id="32" creationId="{0ED859F0-30E6-291D-08BF-749A9A58A9D6}"/>
          </ac:spMkLst>
        </pc:spChg>
        <pc:spChg chg="ord">
          <ac:chgData name="Theis Ziegler" userId="1d0357a8-3efe-41fa-839c-7601d995f2eb" providerId="ADAL" clId="{DF415A0B-A0B9-4C60-9114-93ED0130F608}" dt="2026-03-04T13:10:45.423" v="3871" actId="13244"/>
          <ac:spMkLst>
            <pc:docMk/>
            <pc:sldMk cId="1533710581" sldId="381"/>
            <ac:spMk id="33" creationId="{7B573A6D-34E7-89D2-8CCC-6D1A8FA8D2B9}"/>
          </ac:spMkLst>
        </pc:spChg>
        <pc:spChg chg="ord">
          <ac:chgData name="Theis Ziegler" userId="1d0357a8-3efe-41fa-839c-7601d995f2eb" providerId="ADAL" clId="{DF415A0B-A0B9-4C60-9114-93ED0130F608}" dt="2026-03-04T13:10:32.909" v="3868" actId="13244"/>
          <ac:spMkLst>
            <pc:docMk/>
            <pc:sldMk cId="1533710581" sldId="381"/>
            <ac:spMk id="59" creationId="{90B5341E-4BEC-C5A1-D234-D524E575AFC3}"/>
          </ac:spMkLst>
        </pc:spChg>
        <pc:spChg chg="ord">
          <ac:chgData name="Theis Ziegler" userId="1d0357a8-3efe-41fa-839c-7601d995f2eb" providerId="ADAL" clId="{DF415A0B-A0B9-4C60-9114-93ED0130F608}" dt="2026-03-04T13:10:36.208" v="3869" actId="13244"/>
          <ac:spMkLst>
            <pc:docMk/>
            <pc:sldMk cId="1533710581" sldId="381"/>
            <ac:spMk id="89" creationId="{2BA3C1FF-CECC-7F90-3C50-D81D9D42CB9B}"/>
          </ac:spMkLst>
        </pc:spChg>
        <pc:spChg chg="mod">
          <ac:chgData name="Theis Ziegler" userId="1d0357a8-3efe-41fa-839c-7601d995f2eb" providerId="ADAL" clId="{DF415A0B-A0B9-4C60-9114-93ED0130F608}" dt="2026-03-04T13:09:00.490" v="3855" actId="13244"/>
          <ac:spMkLst>
            <pc:docMk/>
            <pc:sldMk cId="1533710581" sldId="381"/>
            <ac:spMk id="100" creationId="{9187BAE5-B2B9-016D-79F8-6B3FF6636E23}"/>
          </ac:spMkLst>
        </pc:spChg>
        <pc:grpChg chg="mod">
          <ac:chgData name="Theis Ziegler" userId="1d0357a8-3efe-41fa-839c-7601d995f2eb" providerId="ADAL" clId="{DF415A0B-A0B9-4C60-9114-93ED0130F608}" dt="2026-03-04T13:10:01.244" v="3862" actId="962"/>
          <ac:grpSpMkLst>
            <pc:docMk/>
            <pc:sldMk cId="1533710581" sldId="381"/>
            <ac:grpSpMk id="39" creationId="{87C3B523-6A61-838C-4012-9F0ABB7C07B3}"/>
          </ac:grpSpMkLst>
        </pc:grpChg>
        <pc:grpChg chg="mod ord">
          <ac:chgData name="Theis Ziegler" userId="1d0357a8-3efe-41fa-839c-7601d995f2eb" providerId="ADAL" clId="{DF415A0B-A0B9-4C60-9114-93ED0130F608}" dt="2026-03-04T13:10:20.300" v="3866" actId="962"/>
          <ac:grpSpMkLst>
            <pc:docMk/>
            <pc:sldMk cId="1533710581" sldId="381"/>
            <ac:grpSpMk id="41" creationId="{70AD2549-4C39-6563-E5F4-953B78217ED7}"/>
          </ac:grpSpMkLst>
        </pc:grpChg>
      </pc:sldChg>
      <pc:sldChg chg="delSp modSp mod">
        <pc:chgData name="Theis Ziegler" userId="1d0357a8-3efe-41fa-839c-7601d995f2eb" providerId="ADAL" clId="{DF415A0B-A0B9-4C60-9114-93ED0130F608}" dt="2026-03-04T13:11:56.231" v="3878" actId="13244"/>
        <pc:sldMkLst>
          <pc:docMk/>
          <pc:sldMk cId="3210209635" sldId="382"/>
        </pc:sldMkLst>
        <pc:spChg chg="mod">
          <ac:chgData name="Theis Ziegler" userId="1d0357a8-3efe-41fa-839c-7601d995f2eb" providerId="ADAL" clId="{DF415A0B-A0B9-4C60-9114-93ED0130F608}" dt="2026-03-04T13:11:05.751" v="3873" actId="13244"/>
          <ac:spMkLst>
            <pc:docMk/>
            <pc:sldMk cId="3210209635" sldId="382"/>
            <ac:spMk id="10" creationId="{02B81CBE-4381-E893-EF7B-CA968121E173}"/>
          </ac:spMkLst>
        </pc:spChg>
        <pc:spChg chg="mod">
          <ac:chgData name="Theis Ziegler" userId="1d0357a8-3efe-41fa-839c-7601d995f2eb" providerId="ADAL" clId="{DF415A0B-A0B9-4C60-9114-93ED0130F608}" dt="2026-03-04T13:11:07.560" v="3874" actId="13244"/>
          <ac:spMkLst>
            <pc:docMk/>
            <pc:sldMk cId="3210209635" sldId="382"/>
            <ac:spMk id="11" creationId="{41A3FF20-DBA3-E587-7DFF-7FD3533363F6}"/>
          </ac:spMkLst>
        </pc:spChg>
        <pc:spChg chg="ord">
          <ac:chgData name="Theis Ziegler" userId="1d0357a8-3efe-41fa-839c-7601d995f2eb" providerId="ADAL" clId="{DF415A0B-A0B9-4C60-9114-93ED0130F608}" dt="2026-03-04T13:11:33.782" v="3876" actId="13244"/>
          <ac:spMkLst>
            <pc:docMk/>
            <pc:sldMk cId="3210209635" sldId="382"/>
            <ac:spMk id="13" creationId="{C58E7D08-CB0D-E5D3-A466-BB6CDABCC717}"/>
          </ac:spMkLst>
        </pc:spChg>
        <pc:spChg chg="mod">
          <ac:chgData name="Theis Ziegler" userId="1d0357a8-3efe-41fa-839c-7601d995f2eb" providerId="ADAL" clId="{DF415A0B-A0B9-4C60-9114-93ED0130F608}" dt="2026-03-04T13:10:56.070" v="3872" actId="13244"/>
          <ac:spMkLst>
            <pc:docMk/>
            <pc:sldMk cId="3210209635" sldId="382"/>
            <ac:spMk id="19" creationId="{EC7FE091-67CC-0133-8CD9-12027CB2B224}"/>
          </ac:spMkLst>
        </pc:spChg>
        <pc:spChg chg="mod topLvl">
          <ac:chgData name="Theis Ziegler" userId="1d0357a8-3efe-41fa-839c-7601d995f2eb" providerId="ADAL" clId="{DF415A0B-A0B9-4C60-9114-93ED0130F608}" dt="2026-03-04T13:11:28.254" v="3875" actId="165"/>
          <ac:spMkLst>
            <pc:docMk/>
            <pc:sldMk cId="3210209635" sldId="382"/>
            <ac:spMk id="30" creationId="{8ED4F3D7-940F-8BA3-C7BD-CA22630506C8}"/>
          </ac:spMkLst>
        </pc:spChg>
        <pc:spChg chg="mod topLvl">
          <ac:chgData name="Theis Ziegler" userId="1d0357a8-3efe-41fa-839c-7601d995f2eb" providerId="ADAL" clId="{DF415A0B-A0B9-4C60-9114-93ED0130F608}" dt="2026-03-04T13:11:28.254" v="3875" actId="165"/>
          <ac:spMkLst>
            <pc:docMk/>
            <pc:sldMk cId="3210209635" sldId="382"/>
            <ac:spMk id="31" creationId="{D02FA4F1-F4DC-F2F7-654D-57EF682D2669}"/>
          </ac:spMkLst>
        </pc:spChg>
        <pc:spChg chg="mod topLvl">
          <ac:chgData name="Theis Ziegler" userId="1d0357a8-3efe-41fa-839c-7601d995f2eb" providerId="ADAL" clId="{DF415A0B-A0B9-4C60-9114-93ED0130F608}" dt="2026-03-04T13:11:28.254" v="3875" actId="165"/>
          <ac:spMkLst>
            <pc:docMk/>
            <pc:sldMk cId="3210209635" sldId="382"/>
            <ac:spMk id="32" creationId="{12E751A6-8A75-BA9D-C18D-34137758DB9C}"/>
          </ac:spMkLst>
        </pc:spChg>
        <pc:spChg chg="mod topLvl">
          <ac:chgData name="Theis Ziegler" userId="1d0357a8-3efe-41fa-839c-7601d995f2eb" providerId="ADAL" clId="{DF415A0B-A0B9-4C60-9114-93ED0130F608}" dt="2026-03-04T13:11:28.254" v="3875" actId="165"/>
          <ac:spMkLst>
            <pc:docMk/>
            <pc:sldMk cId="3210209635" sldId="382"/>
            <ac:spMk id="33" creationId="{BC640664-F184-935F-1CE6-1C4B7322C1F9}"/>
          </ac:spMkLst>
        </pc:spChg>
        <pc:spChg chg="mod topLvl">
          <ac:chgData name="Theis Ziegler" userId="1d0357a8-3efe-41fa-839c-7601d995f2eb" providerId="ADAL" clId="{DF415A0B-A0B9-4C60-9114-93ED0130F608}" dt="2026-03-04T13:11:28.254" v="3875" actId="165"/>
          <ac:spMkLst>
            <pc:docMk/>
            <pc:sldMk cId="3210209635" sldId="382"/>
            <ac:spMk id="35" creationId="{F60B32A6-FD51-CBF7-DAD5-9568FDFBD923}"/>
          </ac:spMkLst>
        </pc:spChg>
        <pc:spChg chg="mod topLvl">
          <ac:chgData name="Theis Ziegler" userId="1d0357a8-3efe-41fa-839c-7601d995f2eb" providerId="ADAL" clId="{DF415A0B-A0B9-4C60-9114-93ED0130F608}" dt="2026-03-04T13:11:28.254" v="3875" actId="165"/>
          <ac:spMkLst>
            <pc:docMk/>
            <pc:sldMk cId="3210209635" sldId="382"/>
            <ac:spMk id="36" creationId="{BD07F508-784C-3C33-7AA0-4F5003451E7F}"/>
          </ac:spMkLst>
        </pc:spChg>
        <pc:spChg chg="ord">
          <ac:chgData name="Theis Ziegler" userId="1d0357a8-3efe-41fa-839c-7601d995f2eb" providerId="ADAL" clId="{DF415A0B-A0B9-4C60-9114-93ED0130F608}" dt="2026-03-04T13:11:40.766" v="3877" actId="13244"/>
          <ac:spMkLst>
            <pc:docMk/>
            <pc:sldMk cId="3210209635" sldId="382"/>
            <ac:spMk id="37" creationId="{18D666A8-B662-1872-04F6-3DC631827BD2}"/>
          </ac:spMkLst>
        </pc:spChg>
        <pc:spChg chg="ord">
          <ac:chgData name="Theis Ziegler" userId="1d0357a8-3efe-41fa-839c-7601d995f2eb" providerId="ADAL" clId="{DF415A0B-A0B9-4C60-9114-93ED0130F608}" dt="2026-03-04T13:11:56.231" v="3878" actId="13244"/>
          <ac:spMkLst>
            <pc:docMk/>
            <pc:sldMk cId="3210209635" sldId="382"/>
            <ac:spMk id="38" creationId="{C0EEF65D-4042-2F37-C584-9C13D417A95B}"/>
          </ac:spMkLst>
        </pc:spChg>
      </pc:sldChg>
      <pc:sldChg chg="addSp delSp modSp mod">
        <pc:chgData name="Theis Ziegler" userId="1d0357a8-3efe-41fa-839c-7601d995f2eb" providerId="ADAL" clId="{DF415A0B-A0B9-4C60-9114-93ED0130F608}" dt="2026-03-09T13:25:48.670" v="4445" actId="478"/>
        <pc:sldMkLst>
          <pc:docMk/>
          <pc:sldMk cId="2616796994" sldId="383"/>
        </pc:sldMkLst>
        <pc:spChg chg="ord">
          <ac:chgData name="Theis Ziegler" userId="1d0357a8-3efe-41fa-839c-7601d995f2eb" providerId="ADAL" clId="{DF415A0B-A0B9-4C60-9114-93ED0130F608}" dt="2026-03-04T13:12:11.788" v="3879" actId="13244"/>
          <ac:spMkLst>
            <pc:docMk/>
            <pc:sldMk cId="2616796994" sldId="383"/>
            <ac:spMk id="2" creationId="{00288B21-E0A7-58AF-B84E-8251CBA36C0A}"/>
          </ac:spMkLst>
        </pc:spChg>
        <pc:spChg chg="mod">
          <ac:chgData name="Theis Ziegler" userId="1d0357a8-3efe-41fa-839c-7601d995f2eb" providerId="ADAL" clId="{DF415A0B-A0B9-4C60-9114-93ED0130F608}" dt="2026-03-04T13:12:24.291" v="3882" actId="13244"/>
          <ac:spMkLst>
            <pc:docMk/>
            <pc:sldMk cId="2616796994" sldId="383"/>
            <ac:spMk id="10" creationId="{1EC3FE1C-BF24-26A8-7A67-9354D5ACA436}"/>
          </ac:spMkLst>
        </pc:spChg>
        <pc:spChg chg="mod">
          <ac:chgData name="Theis Ziegler" userId="1d0357a8-3efe-41fa-839c-7601d995f2eb" providerId="ADAL" clId="{DF415A0B-A0B9-4C60-9114-93ED0130F608}" dt="2026-03-04T13:12:26.020" v="3883" actId="13244"/>
          <ac:spMkLst>
            <pc:docMk/>
            <pc:sldMk cId="2616796994" sldId="383"/>
            <ac:spMk id="11" creationId="{BB73A96B-98A3-0D70-A7E6-51F32D81A261}"/>
          </ac:spMkLst>
        </pc:spChg>
        <pc:spChg chg="mod">
          <ac:chgData name="Theis Ziegler" userId="1d0357a8-3efe-41fa-839c-7601d995f2eb" providerId="ADAL" clId="{DF415A0B-A0B9-4C60-9114-93ED0130F608}" dt="2026-03-04T13:12:15.522" v="3880" actId="13244"/>
          <ac:spMkLst>
            <pc:docMk/>
            <pc:sldMk cId="2616796994" sldId="383"/>
            <ac:spMk id="13" creationId="{4E95E140-3F21-4C6F-3284-E264A21E3385}"/>
          </ac:spMkLst>
        </pc:spChg>
        <pc:spChg chg="add mod">
          <ac:chgData name="Theis Ziegler" userId="1d0357a8-3efe-41fa-839c-7601d995f2eb" providerId="ADAL" clId="{DF415A0B-A0B9-4C60-9114-93ED0130F608}" dt="2026-03-09T13:25:44.189" v="4444" actId="1038"/>
          <ac:spMkLst>
            <pc:docMk/>
            <pc:sldMk cId="2616796994" sldId="383"/>
            <ac:spMk id="18" creationId="{7D316CB6-9203-E72A-3B12-3C8A88187958}"/>
          </ac:spMkLst>
        </pc:spChg>
        <pc:spChg chg="mod">
          <ac:chgData name="Theis Ziegler" userId="1d0357a8-3efe-41fa-839c-7601d995f2eb" providerId="ADAL" clId="{DF415A0B-A0B9-4C60-9114-93ED0130F608}" dt="2026-03-04T13:12:47.823" v="3884" actId="13244"/>
          <ac:spMkLst>
            <pc:docMk/>
            <pc:sldMk cId="2616796994" sldId="383"/>
            <ac:spMk id="25" creationId="{50EE8A83-75F2-AD55-8D33-DBD954871DDC}"/>
          </ac:spMkLst>
        </pc:spChg>
        <pc:spChg chg="mod">
          <ac:chgData name="Theis Ziegler" userId="1d0357a8-3efe-41fa-839c-7601d995f2eb" providerId="ADAL" clId="{DF415A0B-A0B9-4C60-9114-93ED0130F608}" dt="2026-03-04T13:12:47.823" v="3884" actId="13244"/>
          <ac:spMkLst>
            <pc:docMk/>
            <pc:sldMk cId="2616796994" sldId="383"/>
            <ac:spMk id="26" creationId="{77FFA63C-5049-FB94-45FB-61B8B9DB10CB}"/>
          </ac:spMkLst>
        </pc:spChg>
        <pc:spChg chg="mod">
          <ac:chgData name="Theis Ziegler" userId="1d0357a8-3efe-41fa-839c-7601d995f2eb" providerId="ADAL" clId="{DF415A0B-A0B9-4C60-9114-93ED0130F608}" dt="2026-03-04T13:12:47.823" v="3884" actId="13244"/>
          <ac:spMkLst>
            <pc:docMk/>
            <pc:sldMk cId="2616796994" sldId="383"/>
            <ac:spMk id="32" creationId="{FAB12740-291A-60FB-A382-F3096D40DE26}"/>
          </ac:spMkLst>
        </pc:spChg>
        <pc:spChg chg="mod">
          <ac:chgData name="Theis Ziegler" userId="1d0357a8-3efe-41fa-839c-7601d995f2eb" providerId="ADAL" clId="{DF415A0B-A0B9-4C60-9114-93ED0130F608}" dt="2026-03-04T13:12:47.823" v="3884" actId="13244"/>
          <ac:spMkLst>
            <pc:docMk/>
            <pc:sldMk cId="2616796994" sldId="383"/>
            <ac:spMk id="33" creationId="{451BB89C-8E67-ED0C-9FEC-69EECFBA5AE4}"/>
          </ac:spMkLst>
        </pc:spChg>
        <pc:spChg chg="mod">
          <ac:chgData name="Theis Ziegler" userId="1d0357a8-3efe-41fa-839c-7601d995f2eb" providerId="ADAL" clId="{DF415A0B-A0B9-4C60-9114-93ED0130F608}" dt="2026-03-04T13:12:53.344" v="3885" actId="962"/>
          <ac:spMkLst>
            <pc:docMk/>
            <pc:sldMk cId="2616796994" sldId="383"/>
            <ac:spMk id="107" creationId="{21BFE704-AACC-D4D0-1045-3491FFD1D13E}"/>
          </ac:spMkLst>
        </pc:spChg>
        <pc:spChg chg="ord">
          <ac:chgData name="Theis Ziegler" userId="1d0357a8-3efe-41fa-839c-7601d995f2eb" providerId="ADAL" clId="{DF415A0B-A0B9-4C60-9114-93ED0130F608}" dt="2026-03-04T13:12:56.298" v="3886" actId="13244"/>
          <ac:spMkLst>
            <pc:docMk/>
            <pc:sldMk cId="2616796994" sldId="383"/>
            <ac:spMk id="176" creationId="{12E601E9-965C-E549-2C34-A1135133F9C6}"/>
          </ac:spMkLst>
        </pc:spChg>
        <pc:grpChg chg="mod ord">
          <ac:chgData name="Theis Ziegler" userId="1d0357a8-3efe-41fa-839c-7601d995f2eb" providerId="ADAL" clId="{DF415A0B-A0B9-4C60-9114-93ED0130F608}" dt="2026-03-04T13:14:27.803" v="3890" actId="962"/>
          <ac:grpSpMkLst>
            <pc:docMk/>
            <pc:sldMk cId="2616796994" sldId="383"/>
            <ac:grpSpMk id="113" creationId="{0093D7F3-E8DD-B797-1F98-87CC6CEA8F97}"/>
          </ac:grpSpMkLst>
        </pc:grpChg>
        <pc:grpChg chg="mod ord">
          <ac:chgData name="Theis Ziegler" userId="1d0357a8-3efe-41fa-839c-7601d995f2eb" providerId="ADAL" clId="{DF415A0B-A0B9-4C60-9114-93ED0130F608}" dt="2026-03-04T13:14:53.099" v="3891" actId="962"/>
          <ac:grpSpMkLst>
            <pc:docMk/>
            <pc:sldMk cId="2616796994" sldId="383"/>
            <ac:grpSpMk id="126" creationId="{21BB5E3C-12AB-0E53-0320-CBB017825F6A}"/>
          </ac:grpSpMkLst>
        </pc:grpChg>
        <pc:grpChg chg="mod ord">
          <ac:chgData name="Theis Ziegler" userId="1d0357a8-3efe-41fa-839c-7601d995f2eb" providerId="ADAL" clId="{DF415A0B-A0B9-4C60-9114-93ED0130F608}" dt="2026-03-04T13:15:30.315" v="3894" actId="962"/>
          <ac:grpSpMkLst>
            <pc:docMk/>
            <pc:sldMk cId="2616796994" sldId="383"/>
            <ac:grpSpMk id="136" creationId="{7FD246AE-A2BC-0BE6-5CB2-5D202F488500}"/>
          </ac:grpSpMkLst>
        </pc:grpChg>
        <pc:grpChg chg="mod ord">
          <ac:chgData name="Theis Ziegler" userId="1d0357a8-3efe-41fa-839c-7601d995f2eb" providerId="ADAL" clId="{DF415A0B-A0B9-4C60-9114-93ED0130F608}" dt="2026-03-04T13:15:37.093" v="3895" actId="962"/>
          <ac:grpSpMkLst>
            <pc:docMk/>
            <pc:sldMk cId="2616796994" sldId="383"/>
            <ac:grpSpMk id="146" creationId="{73FB9163-DC9C-42E1-A6AA-39C8E389098E}"/>
          </ac:grpSpMkLst>
        </pc:grpChg>
        <pc:grpChg chg="mod ord">
          <ac:chgData name="Theis Ziegler" userId="1d0357a8-3efe-41fa-839c-7601d995f2eb" providerId="ADAL" clId="{DF415A0B-A0B9-4C60-9114-93ED0130F608}" dt="2026-03-04T13:15:44.067" v="3896" actId="962"/>
          <ac:grpSpMkLst>
            <pc:docMk/>
            <pc:sldMk cId="2616796994" sldId="383"/>
            <ac:grpSpMk id="156" creationId="{695A0BF4-80C9-BE70-EC69-BDC2503CC551}"/>
          </ac:grpSpMkLst>
        </pc:grpChg>
        <pc:grpChg chg="mod ord">
          <ac:chgData name="Theis Ziegler" userId="1d0357a8-3efe-41fa-839c-7601d995f2eb" providerId="ADAL" clId="{DF415A0B-A0B9-4C60-9114-93ED0130F608}" dt="2026-03-04T13:15:07.435" v="3893" actId="962"/>
          <ac:grpSpMkLst>
            <pc:docMk/>
            <pc:sldMk cId="2616796994" sldId="383"/>
            <ac:grpSpMk id="166" creationId="{F10CB247-55AC-2111-7F49-1F697C41C56B}"/>
          </ac:grpSpMkLst>
        </pc:grpChg>
        <pc:picChg chg="mod">
          <ac:chgData name="Theis Ziegler" userId="1d0357a8-3efe-41fa-839c-7601d995f2eb" providerId="ADAL" clId="{DF415A0B-A0B9-4C60-9114-93ED0130F608}" dt="2026-03-04T13:12:19.272" v="3881" actId="962"/>
          <ac:picMkLst>
            <pc:docMk/>
            <pc:sldMk cId="2616796994" sldId="383"/>
            <ac:picMk id="4" creationId="{8F00B16B-FF65-D592-DBA2-33428759DA4C}"/>
          </ac:picMkLst>
        </pc:picChg>
      </pc:sldChg>
      <pc:sldChg chg="addSp modSp mod">
        <pc:chgData name="Theis Ziegler" userId="1d0357a8-3efe-41fa-839c-7601d995f2eb" providerId="ADAL" clId="{DF415A0B-A0B9-4C60-9114-93ED0130F608}" dt="2026-03-04T13:45:34.948" v="4125" actId="962"/>
        <pc:sldMkLst>
          <pc:docMk/>
          <pc:sldMk cId="1002969212" sldId="384"/>
        </pc:sldMkLst>
        <pc:spChg chg="mod">
          <ac:chgData name="Theis Ziegler" userId="1d0357a8-3efe-41fa-839c-7601d995f2eb" providerId="ADAL" clId="{DF415A0B-A0B9-4C60-9114-93ED0130F608}" dt="2026-03-04T13:17:05.537" v="3901" actId="164"/>
          <ac:spMkLst>
            <pc:docMk/>
            <pc:sldMk cId="1002969212" sldId="384"/>
            <ac:spMk id="7" creationId="{32547BEA-5892-974B-A528-5C42BE4BC37F}"/>
          </ac:spMkLst>
        </pc:spChg>
        <pc:spChg chg="mod">
          <ac:chgData name="Theis Ziegler" userId="1d0357a8-3efe-41fa-839c-7601d995f2eb" providerId="ADAL" clId="{DF415A0B-A0B9-4C60-9114-93ED0130F608}" dt="2026-03-04T13:17:05.537" v="3901" actId="164"/>
          <ac:spMkLst>
            <pc:docMk/>
            <pc:sldMk cId="1002969212" sldId="384"/>
            <ac:spMk id="8" creationId="{6DD07359-BF9B-B44C-0B37-A6BABE55D567}"/>
          </ac:spMkLst>
        </pc:spChg>
        <pc:spChg chg="mod">
          <ac:chgData name="Theis Ziegler" userId="1d0357a8-3efe-41fa-839c-7601d995f2eb" providerId="ADAL" clId="{DF415A0B-A0B9-4C60-9114-93ED0130F608}" dt="2026-03-04T13:17:05.537" v="3901" actId="164"/>
          <ac:spMkLst>
            <pc:docMk/>
            <pc:sldMk cId="1002969212" sldId="384"/>
            <ac:spMk id="10" creationId="{24881FCC-D4E4-EB2C-B469-EE9F6F0D1205}"/>
          </ac:spMkLst>
        </pc:spChg>
        <pc:spChg chg="ord">
          <ac:chgData name="Theis Ziegler" userId="1d0357a8-3efe-41fa-839c-7601d995f2eb" providerId="ADAL" clId="{DF415A0B-A0B9-4C60-9114-93ED0130F608}" dt="2026-03-04T13:16:48.753" v="3900" actId="13244"/>
          <ac:spMkLst>
            <pc:docMk/>
            <pc:sldMk cId="1002969212" sldId="384"/>
            <ac:spMk id="11" creationId="{218DAFE0-EDCC-EC84-9D89-3E6907D8A6FD}"/>
          </ac:spMkLst>
        </pc:spChg>
        <pc:spChg chg="ord">
          <ac:chgData name="Theis Ziegler" userId="1d0357a8-3efe-41fa-839c-7601d995f2eb" providerId="ADAL" clId="{DF415A0B-A0B9-4C60-9114-93ED0130F608}" dt="2026-03-04T13:16:43.215" v="3899" actId="13244"/>
          <ac:spMkLst>
            <pc:docMk/>
            <pc:sldMk cId="1002969212" sldId="384"/>
            <ac:spMk id="13" creationId="{7333EF4A-8268-BB0A-0052-68F09F2F2464}"/>
          </ac:spMkLst>
        </pc:spChg>
        <pc:spChg chg="ord">
          <ac:chgData name="Theis Ziegler" userId="1d0357a8-3efe-41fa-839c-7601d995f2eb" providerId="ADAL" clId="{DF415A0B-A0B9-4C60-9114-93ED0130F608}" dt="2026-03-04T13:18:25.742" v="3909" actId="13244"/>
          <ac:spMkLst>
            <pc:docMk/>
            <pc:sldMk cId="1002969212" sldId="384"/>
            <ac:spMk id="14" creationId="{A4528AFE-FC88-BBA0-06D1-3813221F272D}"/>
          </ac:spMkLst>
        </pc:spChg>
        <pc:spChg chg="mod">
          <ac:chgData name="Theis Ziegler" userId="1d0357a8-3efe-41fa-839c-7601d995f2eb" providerId="ADAL" clId="{DF415A0B-A0B9-4C60-9114-93ED0130F608}" dt="2026-03-04T13:17:05.537" v="3901" actId="164"/>
          <ac:spMkLst>
            <pc:docMk/>
            <pc:sldMk cId="1002969212" sldId="384"/>
            <ac:spMk id="16" creationId="{EEB46FBB-EAEC-A046-0CF2-4606111378F5}"/>
          </ac:spMkLst>
        </pc:spChg>
        <pc:spChg chg="mod">
          <ac:chgData name="Theis Ziegler" userId="1d0357a8-3efe-41fa-839c-7601d995f2eb" providerId="ADAL" clId="{DF415A0B-A0B9-4C60-9114-93ED0130F608}" dt="2026-03-04T13:17:05.537" v="3901" actId="164"/>
          <ac:spMkLst>
            <pc:docMk/>
            <pc:sldMk cId="1002969212" sldId="384"/>
            <ac:spMk id="17" creationId="{E3286FDD-C7D1-4543-5C34-6E6671431B73}"/>
          </ac:spMkLst>
        </pc:spChg>
        <pc:spChg chg="mod">
          <ac:chgData name="Theis Ziegler" userId="1d0357a8-3efe-41fa-839c-7601d995f2eb" providerId="ADAL" clId="{DF415A0B-A0B9-4C60-9114-93ED0130F608}" dt="2026-03-04T13:17:05.537" v="3901" actId="164"/>
          <ac:spMkLst>
            <pc:docMk/>
            <pc:sldMk cId="1002969212" sldId="384"/>
            <ac:spMk id="19" creationId="{5D9B6B35-0EDC-B907-543A-1A4CD3996772}"/>
          </ac:spMkLst>
        </pc:spChg>
        <pc:spChg chg="mod">
          <ac:chgData name="Theis Ziegler" userId="1d0357a8-3efe-41fa-839c-7601d995f2eb" providerId="ADAL" clId="{DF415A0B-A0B9-4C60-9114-93ED0130F608}" dt="2026-03-04T13:17:05.537" v="3901" actId="164"/>
          <ac:spMkLst>
            <pc:docMk/>
            <pc:sldMk cId="1002969212" sldId="384"/>
            <ac:spMk id="20" creationId="{0B10D909-E431-EA8D-BDF7-702455186274}"/>
          </ac:spMkLst>
        </pc:spChg>
        <pc:spChg chg="mod">
          <ac:chgData name="Theis Ziegler" userId="1d0357a8-3efe-41fa-839c-7601d995f2eb" providerId="ADAL" clId="{DF415A0B-A0B9-4C60-9114-93ED0130F608}" dt="2026-03-04T13:17:05.537" v="3901" actId="164"/>
          <ac:spMkLst>
            <pc:docMk/>
            <pc:sldMk cId="1002969212" sldId="384"/>
            <ac:spMk id="21" creationId="{C96999B1-6228-A9BA-BBF8-FD14B5734E5B}"/>
          </ac:spMkLst>
        </pc:spChg>
        <pc:spChg chg="mod">
          <ac:chgData name="Theis Ziegler" userId="1d0357a8-3efe-41fa-839c-7601d995f2eb" providerId="ADAL" clId="{DF415A0B-A0B9-4C60-9114-93ED0130F608}" dt="2026-03-04T13:17:05.537" v="3901" actId="164"/>
          <ac:spMkLst>
            <pc:docMk/>
            <pc:sldMk cId="1002969212" sldId="384"/>
            <ac:spMk id="28" creationId="{2CFB61FA-597A-ADD1-5188-14DD50249A48}"/>
          </ac:spMkLst>
        </pc:spChg>
        <pc:spChg chg="ord">
          <ac:chgData name="Theis Ziegler" userId="1d0357a8-3efe-41fa-839c-7601d995f2eb" providerId="ADAL" clId="{DF415A0B-A0B9-4C60-9114-93ED0130F608}" dt="2026-03-04T13:18:46.377" v="3912" actId="13244"/>
          <ac:spMkLst>
            <pc:docMk/>
            <pc:sldMk cId="1002969212" sldId="384"/>
            <ac:spMk id="29" creationId="{94EAE6AE-48DB-2381-10EA-5697B83D008D}"/>
          </ac:spMkLst>
        </pc:spChg>
        <pc:spChg chg="ord">
          <ac:chgData name="Theis Ziegler" userId="1d0357a8-3efe-41fa-839c-7601d995f2eb" providerId="ADAL" clId="{DF415A0B-A0B9-4C60-9114-93ED0130F608}" dt="2026-03-04T13:18:46.377" v="3912" actId="13244"/>
          <ac:spMkLst>
            <pc:docMk/>
            <pc:sldMk cId="1002969212" sldId="384"/>
            <ac:spMk id="32" creationId="{BB189CB9-97B9-05C3-FC9C-C27DF445B9D5}"/>
          </ac:spMkLst>
        </pc:spChg>
        <pc:spChg chg="mod">
          <ac:chgData name="Theis Ziegler" userId="1d0357a8-3efe-41fa-839c-7601d995f2eb" providerId="ADAL" clId="{DF415A0B-A0B9-4C60-9114-93ED0130F608}" dt="2026-03-04T13:17:05.537" v="3901" actId="164"/>
          <ac:spMkLst>
            <pc:docMk/>
            <pc:sldMk cId="1002969212" sldId="384"/>
            <ac:spMk id="46" creationId="{AA784E6C-FC95-DCC7-0969-A307C5AB8D57}"/>
          </ac:spMkLst>
        </pc:spChg>
        <pc:spChg chg="ord">
          <ac:chgData name="Theis Ziegler" userId="1d0357a8-3efe-41fa-839c-7601d995f2eb" providerId="ADAL" clId="{DF415A0B-A0B9-4C60-9114-93ED0130F608}" dt="2026-03-04T13:18:31.642" v="3910" actId="13244"/>
          <ac:spMkLst>
            <pc:docMk/>
            <pc:sldMk cId="1002969212" sldId="384"/>
            <ac:spMk id="59" creationId="{3BA79C88-6AE0-AFAF-7746-25148FC7D5DE}"/>
          </ac:spMkLst>
        </pc:spChg>
        <pc:spChg chg="ord">
          <ac:chgData name="Theis Ziegler" userId="1d0357a8-3efe-41fa-839c-7601d995f2eb" providerId="ADAL" clId="{DF415A0B-A0B9-4C60-9114-93ED0130F608}" dt="2026-03-04T13:18:38.612" v="3911" actId="13244"/>
          <ac:spMkLst>
            <pc:docMk/>
            <pc:sldMk cId="1002969212" sldId="384"/>
            <ac:spMk id="89" creationId="{4A8F1C21-E22F-3C02-D466-05E2BAD582D4}"/>
          </ac:spMkLst>
        </pc:spChg>
        <pc:spChg chg="mod">
          <ac:chgData name="Theis Ziegler" userId="1d0357a8-3efe-41fa-839c-7601d995f2eb" providerId="ADAL" clId="{DF415A0B-A0B9-4C60-9114-93ED0130F608}" dt="2026-03-04T13:16:37.068" v="3898" actId="13244"/>
          <ac:spMkLst>
            <pc:docMk/>
            <pc:sldMk cId="1002969212" sldId="384"/>
            <ac:spMk id="93" creationId="{BB7C3CDB-930B-2C55-697E-5B0ACD3EBDA7}"/>
          </ac:spMkLst>
        </pc:spChg>
        <pc:grpChg chg="mod">
          <ac:chgData name="Theis Ziegler" userId="1d0357a8-3efe-41fa-839c-7601d995f2eb" providerId="ADAL" clId="{DF415A0B-A0B9-4C60-9114-93ED0130F608}" dt="2026-03-04T13:45:34.948" v="4125" actId="962"/>
          <ac:grpSpMkLst>
            <pc:docMk/>
            <pc:sldMk cId="1002969212" sldId="384"/>
            <ac:grpSpMk id="12" creationId="{56211EF0-3B39-BCFF-C6B7-50CB1AF12668}"/>
          </ac:grpSpMkLst>
        </pc:grpChg>
        <pc:grpChg chg="mod ord">
          <ac:chgData name="Theis Ziegler" userId="1d0357a8-3efe-41fa-839c-7601d995f2eb" providerId="ADAL" clId="{DF415A0B-A0B9-4C60-9114-93ED0130F608}" dt="2026-03-04T13:18:20.961" v="3908" actId="962"/>
          <ac:grpSpMkLst>
            <pc:docMk/>
            <pc:sldMk cId="1002969212" sldId="384"/>
            <ac:grpSpMk id="94" creationId="{A73B6ED4-8318-1018-D3F1-68D61651A53C}"/>
          </ac:grpSpMkLst>
        </pc:grpChg>
      </pc:sldChg>
      <pc:sldChg chg="delSp modSp mod">
        <pc:chgData name="Theis Ziegler" userId="1d0357a8-3efe-41fa-839c-7601d995f2eb" providerId="ADAL" clId="{DF415A0B-A0B9-4C60-9114-93ED0130F608}" dt="2026-03-04T13:20:18.440" v="3924" actId="13244"/>
        <pc:sldMkLst>
          <pc:docMk/>
          <pc:sldMk cId="817712059" sldId="385"/>
        </pc:sldMkLst>
        <pc:spChg chg="mod">
          <ac:chgData name="Theis Ziegler" userId="1d0357a8-3efe-41fa-839c-7601d995f2eb" providerId="ADAL" clId="{DF415A0B-A0B9-4C60-9114-93ED0130F608}" dt="2026-03-04T13:19:18.653" v="3914" actId="13244"/>
          <ac:spMkLst>
            <pc:docMk/>
            <pc:sldMk cId="817712059" sldId="385"/>
            <ac:spMk id="10" creationId="{FED8D115-B2F2-C4F4-5652-135586C4CAFB}"/>
          </ac:spMkLst>
        </pc:spChg>
        <pc:spChg chg="mod">
          <ac:chgData name="Theis Ziegler" userId="1d0357a8-3efe-41fa-839c-7601d995f2eb" providerId="ADAL" clId="{DF415A0B-A0B9-4C60-9114-93ED0130F608}" dt="2026-03-04T13:19:19.981" v="3915" actId="13244"/>
          <ac:spMkLst>
            <pc:docMk/>
            <pc:sldMk cId="817712059" sldId="385"/>
            <ac:spMk id="11" creationId="{97591C93-FB88-2A78-7CB0-A5DFFBA7DFCB}"/>
          </ac:spMkLst>
        </pc:spChg>
        <pc:spChg chg="mod topLvl">
          <ac:chgData name="Theis Ziegler" userId="1d0357a8-3efe-41fa-839c-7601d995f2eb" providerId="ADAL" clId="{DF415A0B-A0B9-4C60-9114-93ED0130F608}" dt="2026-03-04T13:19:38.916" v="3918" actId="962"/>
          <ac:spMkLst>
            <pc:docMk/>
            <pc:sldMk cId="817712059" sldId="385"/>
            <ac:spMk id="13" creationId="{0624FEEF-21F4-9B56-4993-6343AB6FE9A9}"/>
          </ac:spMkLst>
        </pc:spChg>
        <pc:spChg chg="mod ord topLvl">
          <ac:chgData name="Theis Ziegler" userId="1d0357a8-3efe-41fa-839c-7601d995f2eb" providerId="ADAL" clId="{DF415A0B-A0B9-4C60-9114-93ED0130F608}" dt="2026-03-04T13:20:18.440" v="3924" actId="13244"/>
          <ac:spMkLst>
            <pc:docMk/>
            <pc:sldMk cId="817712059" sldId="385"/>
            <ac:spMk id="18" creationId="{525F91DD-ED27-1737-5358-7DB8C24977D1}"/>
          </ac:spMkLst>
        </pc:spChg>
        <pc:spChg chg="mod topLvl">
          <ac:chgData name="Theis Ziegler" userId="1d0357a8-3efe-41fa-839c-7601d995f2eb" providerId="ADAL" clId="{DF415A0B-A0B9-4C60-9114-93ED0130F608}" dt="2026-03-04T13:19:38.916" v="3918" actId="962"/>
          <ac:spMkLst>
            <pc:docMk/>
            <pc:sldMk cId="817712059" sldId="385"/>
            <ac:spMk id="20" creationId="{80C4DEFC-8EDC-045B-28B8-B27C060CBF2B}"/>
          </ac:spMkLst>
        </pc:spChg>
        <pc:spChg chg="mod ord topLvl">
          <ac:chgData name="Theis Ziegler" userId="1d0357a8-3efe-41fa-839c-7601d995f2eb" providerId="ADAL" clId="{DF415A0B-A0B9-4C60-9114-93ED0130F608}" dt="2026-03-04T13:20:18.440" v="3924" actId="13244"/>
          <ac:spMkLst>
            <pc:docMk/>
            <pc:sldMk cId="817712059" sldId="385"/>
            <ac:spMk id="21" creationId="{AE88BDC9-254D-50E7-7F6F-3BBB93B3D831}"/>
          </ac:spMkLst>
        </pc:spChg>
        <pc:spChg chg="mod topLvl">
          <ac:chgData name="Theis Ziegler" userId="1d0357a8-3efe-41fa-839c-7601d995f2eb" providerId="ADAL" clId="{DF415A0B-A0B9-4C60-9114-93ED0130F608}" dt="2026-03-04T13:19:38.916" v="3918" actId="962"/>
          <ac:spMkLst>
            <pc:docMk/>
            <pc:sldMk cId="817712059" sldId="385"/>
            <ac:spMk id="23" creationId="{169B13A7-BE55-B7F7-561D-0875849225E0}"/>
          </ac:spMkLst>
        </pc:spChg>
        <pc:spChg chg="mod ord topLvl">
          <ac:chgData name="Theis Ziegler" userId="1d0357a8-3efe-41fa-839c-7601d995f2eb" providerId="ADAL" clId="{DF415A0B-A0B9-4C60-9114-93ED0130F608}" dt="2026-03-04T13:20:18.440" v="3924" actId="13244"/>
          <ac:spMkLst>
            <pc:docMk/>
            <pc:sldMk cId="817712059" sldId="385"/>
            <ac:spMk id="24" creationId="{E451E37D-3F3D-5C2D-C6FD-93E2CCE18F96}"/>
          </ac:spMkLst>
        </pc:spChg>
        <pc:spChg chg="mod topLvl">
          <ac:chgData name="Theis Ziegler" userId="1d0357a8-3efe-41fa-839c-7601d995f2eb" providerId="ADAL" clId="{DF415A0B-A0B9-4C60-9114-93ED0130F608}" dt="2026-03-04T13:19:38.916" v="3918" actId="962"/>
          <ac:spMkLst>
            <pc:docMk/>
            <pc:sldMk cId="817712059" sldId="385"/>
            <ac:spMk id="26" creationId="{2279D7F1-F76D-3AEE-18BA-4EA365D19273}"/>
          </ac:spMkLst>
        </pc:spChg>
        <pc:spChg chg="mod ord topLvl">
          <ac:chgData name="Theis Ziegler" userId="1d0357a8-3efe-41fa-839c-7601d995f2eb" providerId="ADAL" clId="{DF415A0B-A0B9-4C60-9114-93ED0130F608}" dt="2026-03-04T13:20:18.440" v="3924" actId="13244"/>
          <ac:spMkLst>
            <pc:docMk/>
            <pc:sldMk cId="817712059" sldId="385"/>
            <ac:spMk id="27" creationId="{0EB6396C-763D-7E3F-6C9F-BF9F67593686}"/>
          </ac:spMkLst>
        </pc:spChg>
        <pc:spChg chg="ord">
          <ac:chgData name="Theis Ziegler" userId="1d0357a8-3efe-41fa-839c-7601d995f2eb" providerId="ADAL" clId="{DF415A0B-A0B9-4C60-9114-93ED0130F608}" dt="2026-03-04T13:19:27.092" v="3916" actId="13244"/>
          <ac:spMkLst>
            <pc:docMk/>
            <pc:sldMk cId="817712059" sldId="385"/>
            <ac:spMk id="29" creationId="{B36A79E5-E756-5D6A-FADE-BF274BD640C3}"/>
          </ac:spMkLst>
        </pc:spChg>
        <pc:spChg chg="mod">
          <ac:chgData name="Theis Ziegler" userId="1d0357a8-3efe-41fa-839c-7601d995f2eb" providerId="ADAL" clId="{DF415A0B-A0B9-4C60-9114-93ED0130F608}" dt="2026-03-04T13:19:09.722" v="3913" actId="13244"/>
          <ac:spMkLst>
            <pc:docMk/>
            <pc:sldMk cId="817712059" sldId="385"/>
            <ac:spMk id="40" creationId="{B654E543-BD39-110F-BB55-A06D0C4A73A8}"/>
          </ac:spMkLst>
        </pc:spChg>
        <pc:picChg chg="mod topLvl">
          <ac:chgData name="Theis Ziegler" userId="1d0357a8-3efe-41fa-839c-7601d995f2eb" providerId="ADAL" clId="{DF415A0B-A0B9-4C60-9114-93ED0130F608}" dt="2026-03-04T13:19:38.916" v="3918" actId="962"/>
          <ac:picMkLst>
            <pc:docMk/>
            <pc:sldMk cId="817712059" sldId="385"/>
            <ac:picMk id="22" creationId="{11BF7B19-9903-0B39-F0AF-AABBDF973CC6}"/>
          </ac:picMkLst>
        </pc:picChg>
        <pc:picChg chg="mod topLvl">
          <ac:chgData name="Theis Ziegler" userId="1d0357a8-3efe-41fa-839c-7601d995f2eb" providerId="ADAL" clId="{DF415A0B-A0B9-4C60-9114-93ED0130F608}" dt="2026-03-04T13:19:38.916" v="3918" actId="962"/>
          <ac:picMkLst>
            <pc:docMk/>
            <pc:sldMk cId="817712059" sldId="385"/>
            <ac:picMk id="28" creationId="{11B93DDD-8092-6498-C87B-C3A88046CF96}"/>
          </ac:picMkLst>
        </pc:picChg>
      </pc:sldChg>
      <pc:sldChg chg="addSp delSp modSp mod">
        <pc:chgData name="Theis Ziegler" userId="1d0357a8-3efe-41fa-839c-7601d995f2eb" providerId="ADAL" clId="{DF415A0B-A0B9-4C60-9114-93ED0130F608}" dt="2026-03-09T13:26:15.740" v="4462" actId="478"/>
        <pc:sldMkLst>
          <pc:docMk/>
          <pc:sldMk cId="1843923550" sldId="386"/>
        </pc:sldMkLst>
        <pc:spChg chg="mod">
          <ac:chgData name="Theis Ziegler" userId="1d0357a8-3efe-41fa-839c-7601d995f2eb" providerId="ADAL" clId="{DF415A0B-A0B9-4C60-9114-93ED0130F608}" dt="2026-03-04T13:20:58.411" v="3930" actId="1076"/>
          <ac:spMkLst>
            <pc:docMk/>
            <pc:sldMk cId="1843923550" sldId="386"/>
            <ac:spMk id="2" creationId="{690D01DF-7930-8560-770F-A2583710B81C}"/>
          </ac:spMkLst>
        </pc:spChg>
        <pc:spChg chg="mod">
          <ac:chgData name="Theis Ziegler" userId="1d0357a8-3efe-41fa-839c-7601d995f2eb" providerId="ADAL" clId="{DF415A0B-A0B9-4C60-9114-93ED0130F608}" dt="2026-03-04T13:20:39.562" v="3926" actId="13244"/>
          <ac:spMkLst>
            <pc:docMk/>
            <pc:sldMk cId="1843923550" sldId="386"/>
            <ac:spMk id="10" creationId="{756E1541-55B5-F66D-86CE-8045B02084BA}"/>
          </ac:spMkLst>
        </pc:spChg>
        <pc:spChg chg="mod">
          <ac:chgData name="Theis Ziegler" userId="1d0357a8-3efe-41fa-839c-7601d995f2eb" providerId="ADAL" clId="{DF415A0B-A0B9-4C60-9114-93ED0130F608}" dt="2026-03-04T13:20:40.875" v="3927" actId="13244"/>
          <ac:spMkLst>
            <pc:docMk/>
            <pc:sldMk cId="1843923550" sldId="386"/>
            <ac:spMk id="11" creationId="{7CC993D1-6B53-5DC4-33F9-10B573040D09}"/>
          </ac:spMkLst>
        </pc:spChg>
        <pc:spChg chg="add mod">
          <ac:chgData name="Theis Ziegler" userId="1d0357a8-3efe-41fa-839c-7601d995f2eb" providerId="ADAL" clId="{DF415A0B-A0B9-4C60-9114-93ED0130F608}" dt="2026-03-09T13:26:12.691" v="4461" actId="1037"/>
          <ac:spMkLst>
            <pc:docMk/>
            <pc:sldMk cId="1843923550" sldId="386"/>
            <ac:spMk id="13" creationId="{53CF84BB-BAA9-BD80-F0D1-B69200D6AD8E}"/>
          </ac:spMkLst>
        </pc:spChg>
        <pc:spChg chg="mod">
          <ac:chgData name="Theis Ziegler" userId="1d0357a8-3efe-41fa-839c-7601d995f2eb" providerId="ADAL" clId="{DF415A0B-A0B9-4C60-9114-93ED0130F608}" dt="2026-03-04T13:21:37.197" v="3934" actId="13244"/>
          <ac:spMkLst>
            <pc:docMk/>
            <pc:sldMk cId="1843923550" sldId="386"/>
            <ac:spMk id="21" creationId="{879F6695-085A-A1E5-CEC1-3A45BD1062D7}"/>
          </ac:spMkLst>
        </pc:spChg>
        <pc:spChg chg="mod topLvl">
          <ac:chgData name="Theis Ziegler" userId="1d0357a8-3efe-41fa-839c-7601d995f2eb" providerId="ADAL" clId="{DF415A0B-A0B9-4C60-9114-93ED0130F608}" dt="2026-03-04T13:21:37.197" v="3934" actId="13244"/>
          <ac:spMkLst>
            <pc:docMk/>
            <pc:sldMk cId="1843923550" sldId="386"/>
            <ac:spMk id="22" creationId="{1E61A223-9CE6-C49E-E12F-EE00983868B0}"/>
          </ac:spMkLst>
        </pc:spChg>
        <pc:spChg chg="mod topLvl">
          <ac:chgData name="Theis Ziegler" userId="1d0357a8-3efe-41fa-839c-7601d995f2eb" providerId="ADAL" clId="{DF415A0B-A0B9-4C60-9114-93ED0130F608}" dt="2026-03-04T13:21:37.197" v="3934" actId="13244"/>
          <ac:spMkLst>
            <pc:docMk/>
            <pc:sldMk cId="1843923550" sldId="386"/>
            <ac:spMk id="37" creationId="{96F98290-CA22-95B6-1610-F40274B62946}"/>
          </ac:spMkLst>
        </pc:spChg>
        <pc:spChg chg="mod topLvl">
          <ac:chgData name="Theis Ziegler" userId="1d0357a8-3efe-41fa-839c-7601d995f2eb" providerId="ADAL" clId="{DF415A0B-A0B9-4C60-9114-93ED0130F608}" dt="2026-03-04T13:21:37.197" v="3934" actId="13244"/>
          <ac:spMkLst>
            <pc:docMk/>
            <pc:sldMk cId="1843923550" sldId="386"/>
            <ac:spMk id="38" creationId="{9259F9FE-E607-650B-5621-DB30A50F3ABA}"/>
          </ac:spMkLst>
        </pc:spChg>
        <pc:spChg chg="mod topLvl">
          <ac:chgData name="Theis Ziegler" userId="1d0357a8-3efe-41fa-839c-7601d995f2eb" providerId="ADAL" clId="{DF415A0B-A0B9-4C60-9114-93ED0130F608}" dt="2026-03-04T13:21:05.135" v="3933" actId="962"/>
          <ac:spMkLst>
            <pc:docMk/>
            <pc:sldMk cId="1843923550" sldId="386"/>
            <ac:spMk id="122" creationId="{1E2EE70F-20DF-66E0-F3B0-F3989388ED1E}"/>
          </ac:spMkLst>
        </pc:spChg>
        <pc:spChg chg="mod topLvl">
          <ac:chgData name="Theis Ziegler" userId="1d0357a8-3efe-41fa-839c-7601d995f2eb" providerId="ADAL" clId="{DF415A0B-A0B9-4C60-9114-93ED0130F608}" dt="2026-03-04T13:21:05.135" v="3933" actId="962"/>
          <ac:spMkLst>
            <pc:docMk/>
            <pc:sldMk cId="1843923550" sldId="386"/>
            <ac:spMk id="123" creationId="{C2363AB8-B42D-20AB-C148-5C7FC8F3A69F}"/>
          </ac:spMkLst>
        </pc:spChg>
        <pc:spChg chg="mod topLvl">
          <ac:chgData name="Theis Ziegler" userId="1d0357a8-3efe-41fa-839c-7601d995f2eb" providerId="ADAL" clId="{DF415A0B-A0B9-4C60-9114-93ED0130F608}" dt="2026-03-04T13:21:05.135" v="3933" actId="962"/>
          <ac:spMkLst>
            <pc:docMk/>
            <pc:sldMk cId="1843923550" sldId="386"/>
            <ac:spMk id="124" creationId="{0AC7C6E1-6987-16A0-DE3C-44339A93EB8B}"/>
          </ac:spMkLst>
        </pc:spChg>
        <pc:spChg chg="mod">
          <ac:chgData name="Theis Ziegler" userId="1d0357a8-3efe-41fa-839c-7601d995f2eb" providerId="ADAL" clId="{DF415A0B-A0B9-4C60-9114-93ED0130F608}" dt="2026-03-04T13:20:31.914" v="3925" actId="13244"/>
          <ac:spMkLst>
            <pc:docMk/>
            <pc:sldMk cId="1843923550" sldId="386"/>
            <ac:spMk id="143" creationId="{63FEADA2-014C-4E7B-BA92-8D2A4998D9F0}"/>
          </ac:spMkLst>
        </pc:spChg>
        <pc:spChg chg="mod">
          <ac:chgData name="Theis Ziegler" userId="1d0357a8-3efe-41fa-839c-7601d995f2eb" providerId="ADAL" clId="{DF415A0B-A0B9-4C60-9114-93ED0130F608}" dt="2026-03-04T13:21:40.574" v="3935" actId="962"/>
          <ac:spMkLst>
            <pc:docMk/>
            <pc:sldMk cId="1843923550" sldId="386"/>
            <ac:spMk id="146" creationId="{8C83C39A-2BB7-F7A7-3B1D-7436756CFBB5}"/>
          </ac:spMkLst>
        </pc:spChg>
        <pc:spChg chg="ord">
          <ac:chgData name="Theis Ziegler" userId="1d0357a8-3efe-41fa-839c-7601d995f2eb" providerId="ADAL" clId="{DF415A0B-A0B9-4C60-9114-93ED0130F608}" dt="2026-03-04T13:21:42.969" v="3936" actId="13244"/>
          <ac:spMkLst>
            <pc:docMk/>
            <pc:sldMk cId="1843923550" sldId="386"/>
            <ac:spMk id="213" creationId="{2F5705DB-CD0A-E271-EAF7-BF1D16E18AC2}"/>
          </ac:spMkLst>
        </pc:spChg>
        <pc:grpChg chg="mod ord">
          <ac:chgData name="Theis Ziegler" userId="1d0357a8-3efe-41fa-839c-7601d995f2eb" providerId="ADAL" clId="{DF415A0B-A0B9-4C60-9114-93ED0130F608}" dt="2026-03-04T13:22:24.122" v="3940" actId="962"/>
          <ac:grpSpMkLst>
            <pc:docMk/>
            <pc:sldMk cId="1843923550" sldId="386"/>
            <ac:grpSpMk id="150" creationId="{03713ADE-6E39-8619-E482-05B104688132}"/>
          </ac:grpSpMkLst>
        </pc:grpChg>
        <pc:grpChg chg="mod ord">
          <ac:chgData name="Theis Ziegler" userId="1d0357a8-3efe-41fa-839c-7601d995f2eb" providerId="ADAL" clId="{DF415A0B-A0B9-4C60-9114-93ED0130F608}" dt="2026-03-04T13:22:44.057" v="3941" actId="962"/>
          <ac:grpSpMkLst>
            <pc:docMk/>
            <pc:sldMk cId="1843923550" sldId="386"/>
            <ac:grpSpMk id="163" creationId="{D48FF1B4-D774-2722-018C-F218D00BC13D}"/>
          </ac:grpSpMkLst>
        </pc:grpChg>
        <pc:grpChg chg="mod ord">
          <ac:chgData name="Theis Ziegler" userId="1d0357a8-3efe-41fa-839c-7601d995f2eb" providerId="ADAL" clId="{DF415A0B-A0B9-4C60-9114-93ED0130F608}" dt="2026-03-04T13:23:19.813" v="3944" actId="962"/>
          <ac:grpSpMkLst>
            <pc:docMk/>
            <pc:sldMk cId="1843923550" sldId="386"/>
            <ac:grpSpMk id="173" creationId="{C266A341-8B3C-5B5D-9656-BB1940E8E541}"/>
          </ac:grpSpMkLst>
        </pc:grpChg>
        <pc:grpChg chg="mod ord">
          <ac:chgData name="Theis Ziegler" userId="1d0357a8-3efe-41fa-839c-7601d995f2eb" providerId="ADAL" clId="{DF415A0B-A0B9-4C60-9114-93ED0130F608}" dt="2026-03-04T13:23:29.814" v="3945" actId="962"/>
          <ac:grpSpMkLst>
            <pc:docMk/>
            <pc:sldMk cId="1843923550" sldId="386"/>
            <ac:grpSpMk id="183" creationId="{2E40F206-F94E-ACDA-3C70-1B9D46C22977}"/>
          </ac:grpSpMkLst>
        </pc:grpChg>
        <pc:grpChg chg="mod ord">
          <ac:chgData name="Theis Ziegler" userId="1d0357a8-3efe-41fa-839c-7601d995f2eb" providerId="ADAL" clId="{DF415A0B-A0B9-4C60-9114-93ED0130F608}" dt="2026-03-04T13:23:39.756" v="3946" actId="962"/>
          <ac:grpSpMkLst>
            <pc:docMk/>
            <pc:sldMk cId="1843923550" sldId="386"/>
            <ac:grpSpMk id="193" creationId="{8F7C04F7-D7DF-81CC-119E-86C01FD507DA}"/>
          </ac:grpSpMkLst>
        </pc:grpChg>
        <pc:grpChg chg="mod ord">
          <ac:chgData name="Theis Ziegler" userId="1d0357a8-3efe-41fa-839c-7601d995f2eb" providerId="ADAL" clId="{DF415A0B-A0B9-4C60-9114-93ED0130F608}" dt="2026-03-04T13:23:00.607" v="3943" actId="962"/>
          <ac:grpSpMkLst>
            <pc:docMk/>
            <pc:sldMk cId="1843923550" sldId="386"/>
            <ac:grpSpMk id="203" creationId="{8DFAFCDD-AC20-7249-49A3-8BDE0FA40132}"/>
          </ac:grpSpMkLst>
        </pc:grpChg>
      </pc:sldChg>
      <pc:sldChg chg="delSp modSp mod">
        <pc:chgData name="Theis Ziegler" userId="1d0357a8-3efe-41fa-839c-7601d995f2eb" providerId="ADAL" clId="{DF415A0B-A0B9-4C60-9114-93ED0130F608}" dt="2026-03-04T13:26:07.729" v="3970" actId="962"/>
        <pc:sldMkLst>
          <pc:docMk/>
          <pc:sldMk cId="3048245345" sldId="387"/>
        </pc:sldMkLst>
        <pc:spChg chg="mod">
          <ac:chgData name="Theis Ziegler" userId="1d0357a8-3efe-41fa-839c-7601d995f2eb" providerId="ADAL" clId="{DF415A0B-A0B9-4C60-9114-93ED0130F608}" dt="2026-03-04T13:25:51.542" v="3965" actId="13244"/>
          <ac:spMkLst>
            <pc:docMk/>
            <pc:sldMk cId="3048245345" sldId="387"/>
            <ac:spMk id="10" creationId="{79CF780A-734D-6A71-1E69-6CC1824CDCFA}"/>
          </ac:spMkLst>
        </pc:spChg>
        <pc:spChg chg="mod">
          <ac:chgData name="Theis Ziegler" userId="1d0357a8-3efe-41fa-839c-7601d995f2eb" providerId="ADAL" clId="{DF415A0B-A0B9-4C60-9114-93ED0130F608}" dt="2026-03-04T13:25:53.284" v="3966" actId="13244"/>
          <ac:spMkLst>
            <pc:docMk/>
            <pc:sldMk cId="3048245345" sldId="387"/>
            <ac:spMk id="11" creationId="{15622FAC-3B94-2BED-6E48-C9959418557B}"/>
          </ac:spMkLst>
        </pc:spChg>
        <pc:spChg chg="mod">
          <ac:chgData name="Theis Ziegler" userId="1d0357a8-3efe-41fa-839c-7601d995f2eb" providerId="ADAL" clId="{DF415A0B-A0B9-4C60-9114-93ED0130F608}" dt="2026-03-04T13:26:03.974" v="3968" actId="962"/>
          <ac:spMkLst>
            <pc:docMk/>
            <pc:sldMk cId="3048245345" sldId="387"/>
            <ac:spMk id="13" creationId="{C04EB7ED-05FD-DDD0-98DE-7F4B0DF8D735}"/>
          </ac:spMkLst>
        </pc:spChg>
        <pc:spChg chg="mod">
          <ac:chgData name="Theis Ziegler" userId="1d0357a8-3efe-41fa-839c-7601d995f2eb" providerId="ADAL" clId="{DF415A0B-A0B9-4C60-9114-93ED0130F608}" dt="2026-03-04T13:26:01.584" v="3967" actId="165"/>
          <ac:spMkLst>
            <pc:docMk/>
            <pc:sldMk cId="3048245345" sldId="387"/>
            <ac:spMk id="21" creationId="{A38B15F5-288C-83D3-1070-5271ECD9DBBF}"/>
          </ac:spMkLst>
        </pc:spChg>
        <pc:spChg chg="mod">
          <ac:chgData name="Theis Ziegler" userId="1d0357a8-3efe-41fa-839c-7601d995f2eb" providerId="ADAL" clId="{DF415A0B-A0B9-4C60-9114-93ED0130F608}" dt="2026-03-04T13:26:01.584" v="3967" actId="165"/>
          <ac:spMkLst>
            <pc:docMk/>
            <pc:sldMk cId="3048245345" sldId="387"/>
            <ac:spMk id="22" creationId="{723A02D6-5C2E-D970-E4BC-6FCC2F584786}"/>
          </ac:spMkLst>
        </pc:spChg>
        <pc:spChg chg="mod">
          <ac:chgData name="Theis Ziegler" userId="1d0357a8-3efe-41fa-839c-7601d995f2eb" providerId="ADAL" clId="{DF415A0B-A0B9-4C60-9114-93ED0130F608}" dt="2026-03-04T13:25:44.283" v="3964" actId="13244"/>
          <ac:spMkLst>
            <pc:docMk/>
            <pc:sldMk cId="3048245345" sldId="387"/>
            <ac:spMk id="27" creationId="{B5A9342D-7B0F-0C83-9072-DC01F9918284}"/>
          </ac:spMkLst>
        </pc:spChg>
        <pc:spChg chg="mod">
          <ac:chgData name="Theis Ziegler" userId="1d0357a8-3efe-41fa-839c-7601d995f2eb" providerId="ADAL" clId="{DF415A0B-A0B9-4C60-9114-93ED0130F608}" dt="2026-03-04T13:26:03.974" v="3968" actId="962"/>
          <ac:spMkLst>
            <pc:docMk/>
            <pc:sldMk cId="3048245345" sldId="387"/>
            <ac:spMk id="66" creationId="{B7D0E076-ADE5-1069-92D8-4D4FE7C864D9}"/>
          </ac:spMkLst>
        </pc:spChg>
        <pc:spChg chg="mod">
          <ac:chgData name="Theis Ziegler" userId="1d0357a8-3efe-41fa-839c-7601d995f2eb" providerId="ADAL" clId="{DF415A0B-A0B9-4C60-9114-93ED0130F608}" dt="2026-03-04T13:26:03.974" v="3968" actId="962"/>
          <ac:spMkLst>
            <pc:docMk/>
            <pc:sldMk cId="3048245345" sldId="387"/>
            <ac:spMk id="93" creationId="{CCA09A81-6817-5186-4629-5B74899E649F}"/>
          </ac:spMkLst>
        </pc:spChg>
        <pc:spChg chg="mod">
          <ac:chgData name="Theis Ziegler" userId="1d0357a8-3efe-41fa-839c-7601d995f2eb" providerId="ADAL" clId="{DF415A0B-A0B9-4C60-9114-93ED0130F608}" dt="2026-03-04T13:26:03.974" v="3968" actId="962"/>
          <ac:spMkLst>
            <pc:docMk/>
            <pc:sldMk cId="3048245345" sldId="387"/>
            <ac:spMk id="96" creationId="{A7B80A5B-F80D-9BA7-92AC-001DB4F3794E}"/>
          </ac:spMkLst>
        </pc:spChg>
        <pc:spChg chg="mod">
          <ac:chgData name="Theis Ziegler" userId="1d0357a8-3efe-41fa-839c-7601d995f2eb" providerId="ADAL" clId="{DF415A0B-A0B9-4C60-9114-93ED0130F608}" dt="2026-03-04T13:26:03.974" v="3968" actId="962"/>
          <ac:spMkLst>
            <pc:docMk/>
            <pc:sldMk cId="3048245345" sldId="387"/>
            <ac:spMk id="122" creationId="{FCA2B2F1-268B-4248-4A5C-8EA5BAB7FB82}"/>
          </ac:spMkLst>
        </pc:spChg>
        <pc:spChg chg="mod">
          <ac:chgData name="Theis Ziegler" userId="1d0357a8-3efe-41fa-839c-7601d995f2eb" providerId="ADAL" clId="{DF415A0B-A0B9-4C60-9114-93ED0130F608}" dt="2026-03-04T13:26:01.584" v="3967" actId="165"/>
          <ac:spMkLst>
            <pc:docMk/>
            <pc:sldMk cId="3048245345" sldId="387"/>
            <ac:spMk id="141" creationId="{68E8963A-9FC0-AC23-8EAE-4F6769E21557}"/>
          </ac:spMkLst>
        </pc:spChg>
        <pc:spChg chg="mod">
          <ac:chgData name="Theis Ziegler" userId="1d0357a8-3efe-41fa-839c-7601d995f2eb" providerId="ADAL" clId="{DF415A0B-A0B9-4C60-9114-93ED0130F608}" dt="2026-03-04T13:26:01.584" v="3967" actId="165"/>
          <ac:spMkLst>
            <pc:docMk/>
            <pc:sldMk cId="3048245345" sldId="387"/>
            <ac:spMk id="151" creationId="{A0BF0965-6A13-575B-AF25-03394A3017B4}"/>
          </ac:spMkLst>
        </pc:spChg>
        <pc:spChg chg="mod">
          <ac:chgData name="Theis Ziegler" userId="1d0357a8-3efe-41fa-839c-7601d995f2eb" providerId="ADAL" clId="{DF415A0B-A0B9-4C60-9114-93ED0130F608}" dt="2026-03-04T13:26:01.584" v="3967" actId="165"/>
          <ac:spMkLst>
            <pc:docMk/>
            <pc:sldMk cId="3048245345" sldId="387"/>
            <ac:spMk id="154" creationId="{821FDEBE-CAE7-9E3D-2388-3C86104E46A0}"/>
          </ac:spMkLst>
        </pc:spChg>
        <pc:spChg chg="mod">
          <ac:chgData name="Theis Ziegler" userId="1d0357a8-3efe-41fa-839c-7601d995f2eb" providerId="ADAL" clId="{DF415A0B-A0B9-4C60-9114-93ED0130F608}" dt="2026-03-04T13:26:01.584" v="3967" actId="165"/>
          <ac:spMkLst>
            <pc:docMk/>
            <pc:sldMk cId="3048245345" sldId="387"/>
            <ac:spMk id="164" creationId="{88AD4908-1CCB-D025-A73F-99BE8A8DDFC6}"/>
          </ac:spMkLst>
        </pc:spChg>
        <pc:spChg chg="mod">
          <ac:chgData name="Theis Ziegler" userId="1d0357a8-3efe-41fa-839c-7601d995f2eb" providerId="ADAL" clId="{DF415A0B-A0B9-4C60-9114-93ED0130F608}" dt="2026-03-04T13:26:01.584" v="3967" actId="165"/>
          <ac:spMkLst>
            <pc:docMk/>
            <pc:sldMk cId="3048245345" sldId="387"/>
            <ac:spMk id="195" creationId="{F2D6823E-F962-05A8-42E9-87CE978A645A}"/>
          </ac:spMkLst>
        </pc:spChg>
        <pc:spChg chg="mod">
          <ac:chgData name="Theis Ziegler" userId="1d0357a8-3efe-41fa-839c-7601d995f2eb" providerId="ADAL" clId="{DF415A0B-A0B9-4C60-9114-93ED0130F608}" dt="2026-03-04T13:26:03.974" v="3968" actId="962"/>
          <ac:spMkLst>
            <pc:docMk/>
            <pc:sldMk cId="3048245345" sldId="387"/>
            <ac:spMk id="213" creationId="{66696653-6DD8-88A4-6968-90B25E848170}"/>
          </ac:spMkLst>
        </pc:spChg>
        <pc:spChg chg="mod">
          <ac:chgData name="Theis Ziegler" userId="1d0357a8-3efe-41fa-839c-7601d995f2eb" providerId="ADAL" clId="{DF415A0B-A0B9-4C60-9114-93ED0130F608}" dt="2026-03-04T13:26:01.584" v="3967" actId="165"/>
          <ac:spMkLst>
            <pc:docMk/>
            <pc:sldMk cId="3048245345" sldId="387"/>
            <ac:spMk id="281" creationId="{9A5BF726-BE6B-4576-F93D-FCC636AFC80C}"/>
          </ac:spMkLst>
        </pc:spChg>
        <pc:spChg chg="mod">
          <ac:chgData name="Theis Ziegler" userId="1d0357a8-3efe-41fa-839c-7601d995f2eb" providerId="ADAL" clId="{DF415A0B-A0B9-4C60-9114-93ED0130F608}" dt="2026-03-04T13:26:07.729" v="3970" actId="962"/>
          <ac:spMkLst>
            <pc:docMk/>
            <pc:sldMk cId="3048245345" sldId="387"/>
            <ac:spMk id="291" creationId="{B362ABD1-9C4F-7539-BA5C-75182B929B05}"/>
          </ac:spMkLst>
        </pc:spChg>
        <pc:spChg chg="mod topLvl">
          <ac:chgData name="Theis Ziegler" userId="1d0357a8-3efe-41fa-839c-7601d995f2eb" providerId="ADAL" clId="{DF415A0B-A0B9-4C60-9114-93ED0130F608}" dt="2026-03-04T13:26:03.974" v="3968" actId="962"/>
          <ac:spMkLst>
            <pc:docMk/>
            <pc:sldMk cId="3048245345" sldId="387"/>
            <ac:spMk id="294" creationId="{6F7F83A9-D41F-F60D-743D-52748DE91B77}"/>
          </ac:spMkLst>
        </pc:spChg>
        <pc:spChg chg="mod">
          <ac:chgData name="Theis Ziegler" userId="1d0357a8-3efe-41fa-839c-7601d995f2eb" providerId="ADAL" clId="{DF415A0B-A0B9-4C60-9114-93ED0130F608}" dt="2026-03-04T13:26:01.584" v="3967" actId="165"/>
          <ac:spMkLst>
            <pc:docMk/>
            <pc:sldMk cId="3048245345" sldId="387"/>
            <ac:spMk id="303" creationId="{BA014A01-E3D5-2DEB-8C36-BFECA8E4B7B9}"/>
          </ac:spMkLst>
        </pc:spChg>
        <pc:picChg chg="mod">
          <ac:chgData name="Theis Ziegler" userId="1d0357a8-3efe-41fa-839c-7601d995f2eb" providerId="ADAL" clId="{DF415A0B-A0B9-4C60-9114-93ED0130F608}" dt="2026-03-04T13:26:03.974" v="3968" actId="962"/>
          <ac:picMkLst>
            <pc:docMk/>
            <pc:sldMk cId="3048245345" sldId="387"/>
            <ac:picMk id="14" creationId="{6AFA56AC-1F45-9B88-B4D0-3A04A9BE6430}"/>
          </ac:picMkLst>
        </pc:picChg>
        <pc:picChg chg="mod">
          <ac:chgData name="Theis Ziegler" userId="1d0357a8-3efe-41fa-839c-7601d995f2eb" providerId="ADAL" clId="{DF415A0B-A0B9-4C60-9114-93ED0130F608}" dt="2026-03-04T13:26:03.974" v="3968" actId="962"/>
          <ac:picMkLst>
            <pc:docMk/>
            <pc:sldMk cId="3048245345" sldId="387"/>
            <ac:picMk id="123" creationId="{22ED4F53-D0AF-CB6F-087D-FEB88439BBC0}"/>
          </ac:picMkLst>
        </pc:picChg>
      </pc:sldChg>
      <pc:sldChg chg="modSp mod">
        <pc:chgData name="Theis Ziegler" userId="1d0357a8-3efe-41fa-839c-7601d995f2eb" providerId="ADAL" clId="{DF415A0B-A0B9-4C60-9114-93ED0130F608}" dt="2026-03-04T13:31:47.067" v="4010" actId="13244"/>
        <pc:sldMkLst>
          <pc:docMk/>
          <pc:sldMk cId="159228985" sldId="388"/>
        </pc:sldMkLst>
        <pc:spChg chg="ord">
          <ac:chgData name="Theis Ziegler" userId="1d0357a8-3efe-41fa-839c-7601d995f2eb" providerId="ADAL" clId="{DF415A0B-A0B9-4C60-9114-93ED0130F608}" dt="2026-03-04T13:29:50.787" v="3998" actId="13244"/>
          <ac:spMkLst>
            <pc:docMk/>
            <pc:sldMk cId="159228985" sldId="388"/>
            <ac:spMk id="11" creationId="{349CA85D-BA0D-5336-7FA0-9D44A51482F1}"/>
          </ac:spMkLst>
        </pc:spChg>
        <pc:spChg chg="ord">
          <ac:chgData name="Theis Ziegler" userId="1d0357a8-3efe-41fa-839c-7601d995f2eb" providerId="ADAL" clId="{DF415A0B-A0B9-4C60-9114-93ED0130F608}" dt="2026-03-04T13:29:47.530" v="3997" actId="13244"/>
          <ac:spMkLst>
            <pc:docMk/>
            <pc:sldMk cId="159228985" sldId="388"/>
            <ac:spMk id="13" creationId="{E427DC7E-D96F-6FDE-94FE-3D0786EF9387}"/>
          </ac:spMkLst>
        </pc:spChg>
        <pc:spChg chg="ord">
          <ac:chgData name="Theis Ziegler" userId="1d0357a8-3efe-41fa-839c-7601d995f2eb" providerId="ADAL" clId="{DF415A0B-A0B9-4C60-9114-93ED0130F608}" dt="2026-03-04T13:31:32.859" v="4008" actId="13244"/>
          <ac:spMkLst>
            <pc:docMk/>
            <pc:sldMk cId="159228985" sldId="388"/>
            <ac:spMk id="14" creationId="{B92F2C44-8F22-2F2E-450C-F0358BF027E7}"/>
          </ac:spMkLst>
        </pc:spChg>
        <pc:spChg chg="ord">
          <ac:chgData name="Theis Ziegler" userId="1d0357a8-3efe-41fa-839c-7601d995f2eb" providerId="ADAL" clId="{DF415A0B-A0B9-4C60-9114-93ED0130F608}" dt="2026-03-04T13:31:47.067" v="4010" actId="13244"/>
          <ac:spMkLst>
            <pc:docMk/>
            <pc:sldMk cId="159228985" sldId="388"/>
            <ac:spMk id="29" creationId="{4698A27B-37A5-6CAD-534D-A6A6A556EC55}"/>
          </ac:spMkLst>
        </pc:spChg>
        <pc:spChg chg="ord">
          <ac:chgData name="Theis Ziegler" userId="1d0357a8-3efe-41fa-839c-7601d995f2eb" providerId="ADAL" clId="{DF415A0B-A0B9-4C60-9114-93ED0130F608}" dt="2026-03-04T13:31:47.067" v="4010" actId="13244"/>
          <ac:spMkLst>
            <pc:docMk/>
            <pc:sldMk cId="159228985" sldId="388"/>
            <ac:spMk id="32" creationId="{6552E382-C03F-82D0-6693-9FC8A89BA527}"/>
          </ac:spMkLst>
        </pc:spChg>
        <pc:spChg chg="ord">
          <ac:chgData name="Theis Ziegler" userId="1d0357a8-3efe-41fa-839c-7601d995f2eb" providerId="ADAL" clId="{DF415A0B-A0B9-4C60-9114-93ED0130F608}" dt="2026-03-04T13:31:37.870" v="4009" actId="13244"/>
          <ac:spMkLst>
            <pc:docMk/>
            <pc:sldMk cId="159228985" sldId="388"/>
            <ac:spMk id="59" creationId="{21A5E3D1-BA2D-0022-3171-3B3CA1DD3223}"/>
          </ac:spMkLst>
        </pc:spChg>
        <pc:spChg chg="mod">
          <ac:chgData name="Theis Ziegler" userId="1d0357a8-3efe-41fa-839c-7601d995f2eb" providerId="ADAL" clId="{DF415A0B-A0B9-4C60-9114-93ED0130F608}" dt="2026-03-04T13:29:42.131" v="3996" actId="13244"/>
          <ac:spMkLst>
            <pc:docMk/>
            <pc:sldMk cId="159228985" sldId="388"/>
            <ac:spMk id="108" creationId="{1302FA0F-F32A-9785-3A41-A2547F239208}"/>
          </ac:spMkLst>
        </pc:spChg>
        <pc:grpChg chg="mod ord">
          <ac:chgData name="Theis Ziegler" userId="1d0357a8-3efe-41fa-839c-7601d995f2eb" providerId="ADAL" clId="{DF415A0B-A0B9-4C60-9114-93ED0130F608}" dt="2026-03-04T13:31:26.943" v="4007" actId="962"/>
          <ac:grpSpMkLst>
            <pc:docMk/>
            <pc:sldMk cId="159228985" sldId="388"/>
            <ac:grpSpMk id="71" creationId="{69EC34EF-70F2-813B-8380-A5EF77E64AD5}"/>
          </ac:grpSpMkLst>
        </pc:grpChg>
        <pc:grpChg chg="mod">
          <ac:chgData name="Theis Ziegler" userId="1d0357a8-3efe-41fa-839c-7601d995f2eb" providerId="ADAL" clId="{DF415A0B-A0B9-4C60-9114-93ED0130F608}" dt="2026-03-04T13:31:00.819" v="4003" actId="962"/>
          <ac:grpSpMkLst>
            <pc:docMk/>
            <pc:sldMk cId="159228985" sldId="388"/>
            <ac:grpSpMk id="145" creationId="{AB1DF9D6-6D5E-0939-E626-E3197E6E25F0}"/>
          </ac:grpSpMkLst>
        </pc:grpChg>
      </pc:sldChg>
      <pc:sldChg chg="modSp">
        <pc:chgData name="Theis Ziegler" userId="1d0357a8-3efe-41fa-839c-7601d995f2eb" providerId="ADAL" clId="{DF415A0B-A0B9-4C60-9114-93ED0130F608}" dt="2026-03-04T13:32:02.527" v="4013" actId="13244"/>
        <pc:sldMkLst>
          <pc:docMk/>
          <pc:sldMk cId="2520901692" sldId="389"/>
        </pc:sldMkLst>
        <pc:spChg chg="mod">
          <ac:chgData name="Theis Ziegler" userId="1d0357a8-3efe-41fa-839c-7601d995f2eb" providerId="ADAL" clId="{DF415A0B-A0B9-4C60-9114-93ED0130F608}" dt="2026-03-04T13:32:00.452" v="4012" actId="13244"/>
          <ac:spMkLst>
            <pc:docMk/>
            <pc:sldMk cId="2520901692" sldId="389"/>
            <ac:spMk id="10" creationId="{D74780E0-CC45-E981-233D-D60DDB6DD104}"/>
          </ac:spMkLst>
        </pc:spChg>
        <pc:spChg chg="mod">
          <ac:chgData name="Theis Ziegler" userId="1d0357a8-3efe-41fa-839c-7601d995f2eb" providerId="ADAL" clId="{DF415A0B-A0B9-4C60-9114-93ED0130F608}" dt="2026-03-04T13:32:02.527" v="4013" actId="13244"/>
          <ac:spMkLst>
            <pc:docMk/>
            <pc:sldMk cId="2520901692" sldId="389"/>
            <ac:spMk id="11" creationId="{2E9D0261-C554-4173-D51F-E52D2581732B}"/>
          </ac:spMkLst>
        </pc:spChg>
        <pc:spChg chg="mod">
          <ac:chgData name="Theis Ziegler" userId="1d0357a8-3efe-41fa-839c-7601d995f2eb" providerId="ADAL" clId="{DF415A0B-A0B9-4C60-9114-93ED0130F608}" dt="2026-03-04T13:31:55.730" v="4011" actId="13244"/>
          <ac:spMkLst>
            <pc:docMk/>
            <pc:sldMk cId="2520901692" sldId="389"/>
            <ac:spMk id="31" creationId="{52F48CB8-8676-6DAD-5BF0-3025F03F609E}"/>
          </ac:spMkLst>
        </pc:spChg>
      </pc:sldChg>
      <pc:sldChg chg="addSp delSp modSp mod">
        <pc:chgData name="Theis Ziegler" userId="1d0357a8-3efe-41fa-839c-7601d995f2eb" providerId="ADAL" clId="{DF415A0B-A0B9-4C60-9114-93ED0130F608}" dt="2026-03-09T13:27:07.541" v="4479" actId="478"/>
        <pc:sldMkLst>
          <pc:docMk/>
          <pc:sldMk cId="2732093301" sldId="390"/>
        </pc:sldMkLst>
        <pc:spChg chg="mod">
          <ac:chgData name="Theis Ziegler" userId="1d0357a8-3efe-41fa-839c-7601d995f2eb" providerId="ADAL" clId="{DF415A0B-A0B9-4C60-9114-93ED0130F608}" dt="2026-03-04T13:32:30.875" v="4015" actId="13244"/>
          <ac:spMkLst>
            <pc:docMk/>
            <pc:sldMk cId="2732093301" sldId="390"/>
            <ac:spMk id="10" creationId="{C6C86E5C-1E12-14F8-D0CA-71F09AA868D0}"/>
          </ac:spMkLst>
        </pc:spChg>
        <pc:spChg chg="mod">
          <ac:chgData name="Theis Ziegler" userId="1d0357a8-3efe-41fa-839c-7601d995f2eb" providerId="ADAL" clId="{DF415A0B-A0B9-4C60-9114-93ED0130F608}" dt="2026-03-04T13:32:32.288" v="4016" actId="13244"/>
          <ac:spMkLst>
            <pc:docMk/>
            <pc:sldMk cId="2732093301" sldId="390"/>
            <ac:spMk id="11" creationId="{6B9BC3A4-4AAE-B3C3-164C-16E9CFC4C1BF}"/>
          </ac:spMkLst>
        </pc:spChg>
        <pc:spChg chg="add mod">
          <ac:chgData name="Theis Ziegler" userId="1d0357a8-3efe-41fa-839c-7601d995f2eb" providerId="ADAL" clId="{DF415A0B-A0B9-4C60-9114-93ED0130F608}" dt="2026-03-09T13:27:04.308" v="4478" actId="1076"/>
          <ac:spMkLst>
            <pc:docMk/>
            <pc:sldMk cId="2732093301" sldId="390"/>
            <ac:spMk id="16" creationId="{52964BD2-7A7C-AD48-9758-3ABADB6F0CAD}"/>
          </ac:spMkLst>
        </pc:spChg>
        <pc:spChg chg="mod">
          <ac:chgData name="Theis Ziegler" userId="1d0357a8-3efe-41fa-839c-7601d995f2eb" providerId="ADAL" clId="{DF415A0B-A0B9-4C60-9114-93ED0130F608}" dt="2026-03-04T13:32:20.584" v="4014" actId="13244"/>
          <ac:spMkLst>
            <pc:docMk/>
            <pc:sldMk cId="2732093301" sldId="390"/>
            <ac:spMk id="26" creationId="{ABA00677-FFD8-2204-6EEA-A1F357CD13F6}"/>
          </ac:spMkLst>
        </pc:spChg>
        <pc:spChg chg="ord">
          <ac:chgData name="Theis Ziegler" userId="1d0357a8-3efe-41fa-839c-7601d995f2eb" providerId="ADAL" clId="{DF415A0B-A0B9-4C60-9114-93ED0130F608}" dt="2026-03-04T13:33:14.168" v="4021" actId="13244"/>
          <ac:spMkLst>
            <pc:docMk/>
            <pc:sldMk cId="2732093301" sldId="390"/>
            <ac:spMk id="29" creationId="{23FB3847-2DAC-DE10-8B58-D5B847CD2990}"/>
          </ac:spMkLst>
        </pc:spChg>
        <pc:spChg chg="mod">
          <ac:chgData name="Theis Ziegler" userId="1d0357a8-3efe-41fa-839c-7601d995f2eb" providerId="ADAL" clId="{DF415A0B-A0B9-4C60-9114-93ED0130F608}" dt="2026-03-04T13:33:14.717" v="4022" actId="962"/>
          <ac:spMkLst>
            <pc:docMk/>
            <pc:sldMk cId="2732093301" sldId="390"/>
            <ac:spMk id="40" creationId="{10053863-5F15-A6A5-F5A4-424B9CA10479}"/>
          </ac:spMkLst>
        </pc:spChg>
        <pc:spChg chg="mod">
          <ac:chgData name="Theis Ziegler" userId="1d0357a8-3efe-41fa-839c-7601d995f2eb" providerId="ADAL" clId="{DF415A0B-A0B9-4C60-9114-93ED0130F608}" dt="2026-03-04T13:33:04.970" v="4019" actId="13244"/>
          <ac:spMkLst>
            <pc:docMk/>
            <pc:sldMk cId="2732093301" sldId="390"/>
            <ac:spMk id="220" creationId="{C42E5510-841D-CDA9-04B7-EE33544A6013}"/>
          </ac:spMkLst>
        </pc:spChg>
        <pc:spChg chg="mod topLvl">
          <ac:chgData name="Theis Ziegler" userId="1d0357a8-3efe-41fa-839c-7601d995f2eb" providerId="ADAL" clId="{DF415A0B-A0B9-4C60-9114-93ED0130F608}" dt="2026-03-04T13:33:04.970" v="4019" actId="13244"/>
          <ac:spMkLst>
            <pc:docMk/>
            <pc:sldMk cId="2732093301" sldId="390"/>
            <ac:spMk id="222" creationId="{4AB2C95A-BCC7-0089-E78C-CD138E4E4B43}"/>
          </ac:spMkLst>
        </pc:spChg>
        <pc:spChg chg="mod topLvl">
          <ac:chgData name="Theis Ziegler" userId="1d0357a8-3efe-41fa-839c-7601d995f2eb" providerId="ADAL" clId="{DF415A0B-A0B9-4C60-9114-93ED0130F608}" dt="2026-03-04T13:32:47.889" v="4018" actId="962"/>
          <ac:spMkLst>
            <pc:docMk/>
            <pc:sldMk cId="2732093301" sldId="390"/>
            <ac:spMk id="223" creationId="{5C99F447-5108-4CF1-E6EF-4C9FD34DC737}"/>
          </ac:spMkLst>
        </pc:spChg>
        <pc:spChg chg="mod topLvl">
          <ac:chgData name="Theis Ziegler" userId="1d0357a8-3efe-41fa-839c-7601d995f2eb" providerId="ADAL" clId="{DF415A0B-A0B9-4C60-9114-93ED0130F608}" dt="2026-03-04T13:33:04.970" v="4019" actId="13244"/>
          <ac:spMkLst>
            <pc:docMk/>
            <pc:sldMk cId="2732093301" sldId="390"/>
            <ac:spMk id="225" creationId="{EA7BACA2-3904-B758-F799-601C3D4055E2}"/>
          </ac:spMkLst>
        </pc:spChg>
        <pc:spChg chg="mod topLvl">
          <ac:chgData name="Theis Ziegler" userId="1d0357a8-3efe-41fa-839c-7601d995f2eb" providerId="ADAL" clId="{DF415A0B-A0B9-4C60-9114-93ED0130F608}" dt="2026-03-04T13:32:47.889" v="4018" actId="962"/>
          <ac:spMkLst>
            <pc:docMk/>
            <pc:sldMk cId="2732093301" sldId="390"/>
            <ac:spMk id="226" creationId="{172D4848-B276-8678-A922-503567F245ED}"/>
          </ac:spMkLst>
        </pc:spChg>
        <pc:spChg chg="mod topLvl">
          <ac:chgData name="Theis Ziegler" userId="1d0357a8-3efe-41fa-839c-7601d995f2eb" providerId="ADAL" clId="{DF415A0B-A0B9-4C60-9114-93ED0130F608}" dt="2026-03-04T13:33:04.970" v="4019" actId="13244"/>
          <ac:spMkLst>
            <pc:docMk/>
            <pc:sldMk cId="2732093301" sldId="390"/>
            <ac:spMk id="228" creationId="{08B9DFC5-47F4-34ED-3B7D-97821CAD9056}"/>
          </ac:spMkLst>
        </pc:spChg>
        <pc:grpChg chg="mod ord">
          <ac:chgData name="Theis Ziegler" userId="1d0357a8-3efe-41fa-839c-7601d995f2eb" providerId="ADAL" clId="{DF415A0B-A0B9-4C60-9114-93ED0130F608}" dt="2026-03-04T13:33:57.328" v="4025" actId="962"/>
          <ac:grpSpMkLst>
            <pc:docMk/>
            <pc:sldMk cId="2732093301" sldId="390"/>
            <ac:grpSpMk id="55" creationId="{83CDB282-79AC-513C-733C-CDA02E4D6687}"/>
          </ac:grpSpMkLst>
        </pc:grpChg>
        <pc:grpChg chg="mod ord">
          <ac:chgData name="Theis Ziegler" userId="1d0357a8-3efe-41fa-839c-7601d995f2eb" providerId="ADAL" clId="{DF415A0B-A0B9-4C60-9114-93ED0130F608}" dt="2026-03-04T13:34:15.928" v="4026" actId="962"/>
          <ac:grpSpMkLst>
            <pc:docMk/>
            <pc:sldMk cId="2732093301" sldId="390"/>
            <ac:grpSpMk id="131" creationId="{42A1DAD8-F045-1AE4-22C0-7FD7CB1FC233}"/>
          </ac:grpSpMkLst>
        </pc:grpChg>
        <pc:grpChg chg="mod ord">
          <ac:chgData name="Theis Ziegler" userId="1d0357a8-3efe-41fa-839c-7601d995f2eb" providerId="ADAL" clId="{DF415A0B-A0B9-4C60-9114-93ED0130F608}" dt="2026-03-04T13:35:07.006" v="4031" actId="962"/>
          <ac:grpSpMkLst>
            <pc:docMk/>
            <pc:sldMk cId="2732093301" sldId="390"/>
            <ac:grpSpMk id="151" creationId="{9D1D5AB3-68B7-41D4-D229-DE75A05CDA20}"/>
          </ac:grpSpMkLst>
        </pc:grpChg>
        <pc:grpChg chg="mod ord">
          <ac:chgData name="Theis Ziegler" userId="1d0357a8-3efe-41fa-839c-7601d995f2eb" providerId="ADAL" clId="{DF415A0B-A0B9-4C60-9114-93ED0130F608}" dt="2026-03-04T13:35:16.220" v="4032" actId="962"/>
          <ac:grpSpMkLst>
            <pc:docMk/>
            <pc:sldMk cId="2732093301" sldId="390"/>
            <ac:grpSpMk id="161" creationId="{8F0E340B-E16A-AB29-A311-C641B4A6D633}"/>
          </ac:grpSpMkLst>
        </pc:grpChg>
        <pc:grpChg chg="mod ord">
          <ac:chgData name="Theis Ziegler" userId="1d0357a8-3efe-41fa-839c-7601d995f2eb" providerId="ADAL" clId="{DF415A0B-A0B9-4C60-9114-93ED0130F608}" dt="2026-03-04T13:35:25.716" v="4033" actId="962"/>
          <ac:grpSpMkLst>
            <pc:docMk/>
            <pc:sldMk cId="2732093301" sldId="390"/>
            <ac:grpSpMk id="171" creationId="{D44B11EC-E63C-759A-B969-63C0CA6E0B42}"/>
          </ac:grpSpMkLst>
        </pc:grpChg>
        <pc:grpChg chg="mod ord">
          <ac:chgData name="Theis Ziegler" userId="1d0357a8-3efe-41fa-839c-7601d995f2eb" providerId="ADAL" clId="{DF415A0B-A0B9-4C60-9114-93ED0130F608}" dt="2026-03-04T13:34:37.750" v="4029" actId="962"/>
          <ac:grpSpMkLst>
            <pc:docMk/>
            <pc:sldMk cId="2732093301" sldId="390"/>
            <ac:grpSpMk id="231" creationId="{7CD501D7-2030-A6A2-1FE0-612D0AD6074A}"/>
          </ac:grpSpMkLst>
        </pc:grpChg>
        <pc:picChg chg="mod topLvl">
          <ac:chgData name="Theis Ziegler" userId="1d0357a8-3efe-41fa-839c-7601d995f2eb" providerId="ADAL" clId="{DF415A0B-A0B9-4C60-9114-93ED0130F608}" dt="2026-03-04T13:32:47.889" v="4018" actId="962"/>
          <ac:picMkLst>
            <pc:docMk/>
            <pc:sldMk cId="2732093301" sldId="390"/>
            <ac:picMk id="22" creationId="{AE7449FF-644F-2008-C922-243E4F10EE85}"/>
          </ac:picMkLst>
        </pc:picChg>
      </pc:sldChg>
      <pc:sldChg chg="modSp mod">
        <pc:chgData name="Theis Ziegler" userId="1d0357a8-3efe-41fa-839c-7601d995f2eb" providerId="ADAL" clId="{DF415A0B-A0B9-4C60-9114-93ED0130F608}" dt="2026-03-04T13:53:12.962" v="4177" actId="962"/>
        <pc:sldMkLst>
          <pc:docMk/>
          <pc:sldMk cId="1518015674" sldId="394"/>
        </pc:sldMkLst>
        <pc:spChg chg="mod">
          <ac:chgData name="Theis Ziegler" userId="1d0357a8-3efe-41fa-839c-7601d995f2eb" providerId="ADAL" clId="{DF415A0B-A0B9-4C60-9114-93ED0130F608}" dt="2026-03-04T13:46:03.707" v="4128" actId="1076"/>
          <ac:spMkLst>
            <pc:docMk/>
            <pc:sldMk cId="1518015674" sldId="394"/>
            <ac:spMk id="2" creationId="{0305F85F-5550-BD2A-CE06-0EEF91948CA4}"/>
          </ac:spMkLst>
        </pc:spChg>
        <pc:spChg chg="ord">
          <ac:chgData name="Theis Ziegler" userId="1d0357a8-3efe-41fa-839c-7601d995f2eb" providerId="ADAL" clId="{DF415A0B-A0B9-4C60-9114-93ED0130F608}" dt="2026-03-04T13:45:06.825" v="4121" actId="13244"/>
          <ac:spMkLst>
            <pc:docMk/>
            <pc:sldMk cId="1518015674" sldId="394"/>
            <ac:spMk id="11" creationId="{3BC0B73B-64EB-BADD-0BD9-B4A53A56B94B}"/>
          </ac:spMkLst>
        </pc:spChg>
        <pc:spChg chg="ord">
          <ac:chgData name="Theis Ziegler" userId="1d0357a8-3efe-41fa-839c-7601d995f2eb" providerId="ADAL" clId="{DF415A0B-A0B9-4C60-9114-93ED0130F608}" dt="2026-03-04T13:45:01.713" v="4120" actId="13244"/>
          <ac:spMkLst>
            <pc:docMk/>
            <pc:sldMk cId="1518015674" sldId="394"/>
            <ac:spMk id="13" creationId="{8E2EF442-9DC6-8614-715C-9B4D0BE2342E}"/>
          </ac:spMkLst>
        </pc:spChg>
        <pc:spChg chg="ord">
          <ac:chgData name="Theis Ziegler" userId="1d0357a8-3efe-41fa-839c-7601d995f2eb" providerId="ADAL" clId="{DF415A0B-A0B9-4C60-9114-93ED0130F608}" dt="2026-03-04T13:46:37.563" v="4135" actId="13244"/>
          <ac:spMkLst>
            <pc:docMk/>
            <pc:sldMk cId="1518015674" sldId="394"/>
            <ac:spMk id="14" creationId="{EEDE4ADB-D9E4-72C2-D69F-B617BC275336}"/>
          </ac:spMkLst>
        </pc:spChg>
        <pc:spChg chg="ord">
          <ac:chgData name="Theis Ziegler" userId="1d0357a8-3efe-41fa-839c-7601d995f2eb" providerId="ADAL" clId="{DF415A0B-A0B9-4C60-9114-93ED0130F608}" dt="2026-03-04T13:46:44.589" v="4136" actId="13244"/>
          <ac:spMkLst>
            <pc:docMk/>
            <pc:sldMk cId="1518015674" sldId="394"/>
            <ac:spMk id="29" creationId="{7859B1B2-605D-8926-E4F7-714E433D6EBC}"/>
          </ac:spMkLst>
        </pc:spChg>
        <pc:spChg chg="ord">
          <ac:chgData name="Theis Ziegler" userId="1d0357a8-3efe-41fa-839c-7601d995f2eb" providerId="ADAL" clId="{DF415A0B-A0B9-4C60-9114-93ED0130F608}" dt="2026-03-04T13:46:44.589" v="4136" actId="13244"/>
          <ac:spMkLst>
            <pc:docMk/>
            <pc:sldMk cId="1518015674" sldId="394"/>
            <ac:spMk id="32" creationId="{02B05EE5-8885-BCC0-A5D7-54885633D5F9}"/>
          </ac:spMkLst>
        </pc:spChg>
        <pc:spChg chg="ord">
          <ac:chgData name="Theis Ziegler" userId="1d0357a8-3efe-41fa-839c-7601d995f2eb" providerId="ADAL" clId="{DF415A0B-A0B9-4C60-9114-93ED0130F608}" dt="2026-03-04T13:46:47.542" v="4137" actId="13244"/>
          <ac:spMkLst>
            <pc:docMk/>
            <pc:sldMk cId="1518015674" sldId="394"/>
            <ac:spMk id="38" creationId="{EA980E02-F65E-56C0-13C6-B0A69947E855}"/>
          </ac:spMkLst>
        </pc:spChg>
        <pc:spChg chg="ord">
          <ac:chgData name="Theis Ziegler" userId="1d0357a8-3efe-41fa-839c-7601d995f2eb" providerId="ADAL" clId="{DF415A0B-A0B9-4C60-9114-93ED0130F608}" dt="2026-03-04T13:46:31.991" v="4133" actId="13244"/>
          <ac:spMkLst>
            <pc:docMk/>
            <pc:sldMk cId="1518015674" sldId="394"/>
            <ac:spMk id="59" creationId="{B209D16A-9613-EF6A-BFFF-16DA0DC24C6A}"/>
          </ac:spMkLst>
        </pc:spChg>
        <pc:spChg chg="ord">
          <ac:chgData name="Theis Ziegler" userId="1d0357a8-3efe-41fa-839c-7601d995f2eb" providerId="ADAL" clId="{DF415A0B-A0B9-4C60-9114-93ED0130F608}" dt="2026-03-04T13:46:34.117" v="4134" actId="13244"/>
          <ac:spMkLst>
            <pc:docMk/>
            <pc:sldMk cId="1518015674" sldId="394"/>
            <ac:spMk id="60" creationId="{1A0FDC3F-CB97-ABC9-A37E-8CDB95703096}"/>
          </ac:spMkLst>
        </pc:spChg>
        <pc:spChg chg="mod">
          <ac:chgData name="Theis Ziegler" userId="1d0357a8-3efe-41fa-839c-7601d995f2eb" providerId="ADAL" clId="{DF415A0B-A0B9-4C60-9114-93ED0130F608}" dt="2026-03-04T13:44:55.175" v="4119" actId="13244"/>
          <ac:spMkLst>
            <pc:docMk/>
            <pc:sldMk cId="1518015674" sldId="394"/>
            <ac:spMk id="108" creationId="{F438F210-DF13-EA4C-00E7-A9F7F3234ECF}"/>
          </ac:spMkLst>
        </pc:spChg>
        <pc:grpChg chg="mod ord">
          <ac:chgData name="Theis Ziegler" userId="1d0357a8-3efe-41fa-839c-7601d995f2eb" providerId="ADAL" clId="{DF415A0B-A0B9-4C60-9114-93ED0130F608}" dt="2026-03-04T13:46:24.665" v="4132" actId="962"/>
          <ac:grpSpMkLst>
            <pc:docMk/>
            <pc:sldMk cId="1518015674" sldId="394"/>
            <ac:grpSpMk id="71" creationId="{545E69C9-1916-F559-E4BA-ECC1A3ACE502}"/>
          </ac:grpSpMkLst>
        </pc:grpChg>
        <pc:grpChg chg="mod">
          <ac:chgData name="Theis Ziegler" userId="1d0357a8-3efe-41fa-839c-7601d995f2eb" providerId="ADAL" clId="{DF415A0B-A0B9-4C60-9114-93ED0130F608}" dt="2026-03-04T13:53:12.962" v="4177" actId="962"/>
          <ac:grpSpMkLst>
            <pc:docMk/>
            <pc:sldMk cId="1518015674" sldId="394"/>
            <ac:grpSpMk id="145" creationId="{65F98BED-47F8-84A5-BCD5-EA02746D9A50}"/>
          </ac:grpSpMkLst>
        </pc:grpChg>
      </pc:sldChg>
      <pc:sldChg chg="modSp mod">
        <pc:chgData name="Theis Ziegler" userId="1d0357a8-3efe-41fa-839c-7601d995f2eb" providerId="ADAL" clId="{DF415A0B-A0B9-4C60-9114-93ED0130F608}" dt="2026-03-04T13:47:23.154" v="4141" actId="13244"/>
        <pc:sldMkLst>
          <pc:docMk/>
          <pc:sldMk cId="3547106805" sldId="395"/>
        </pc:sldMkLst>
        <pc:spChg chg="mod">
          <ac:chgData name="Theis Ziegler" userId="1d0357a8-3efe-41fa-839c-7601d995f2eb" providerId="ADAL" clId="{DF415A0B-A0B9-4C60-9114-93ED0130F608}" dt="2026-03-04T13:47:06.036" v="4139" actId="13244"/>
          <ac:spMkLst>
            <pc:docMk/>
            <pc:sldMk cId="3547106805" sldId="395"/>
            <ac:spMk id="10" creationId="{81E47768-DC64-00DD-7EC3-35C0F3AF54ED}"/>
          </ac:spMkLst>
        </pc:spChg>
        <pc:spChg chg="mod">
          <ac:chgData name="Theis Ziegler" userId="1d0357a8-3efe-41fa-839c-7601d995f2eb" providerId="ADAL" clId="{DF415A0B-A0B9-4C60-9114-93ED0130F608}" dt="2026-03-04T13:47:07.444" v="4140" actId="13244"/>
          <ac:spMkLst>
            <pc:docMk/>
            <pc:sldMk cId="3547106805" sldId="395"/>
            <ac:spMk id="11" creationId="{78F1C6F6-BD3D-140E-701F-D097A861421C}"/>
          </ac:spMkLst>
        </pc:spChg>
        <pc:spChg chg="mod">
          <ac:chgData name="Theis Ziegler" userId="1d0357a8-3efe-41fa-839c-7601d995f2eb" providerId="ADAL" clId="{DF415A0B-A0B9-4C60-9114-93ED0130F608}" dt="2026-03-04T13:46:59.313" v="4138" actId="13244"/>
          <ac:spMkLst>
            <pc:docMk/>
            <pc:sldMk cId="3547106805" sldId="395"/>
            <ac:spMk id="15" creationId="{957302DF-B261-02BC-33A9-87B26F31DA5E}"/>
          </ac:spMkLst>
        </pc:spChg>
        <pc:spChg chg="ord">
          <ac:chgData name="Theis Ziegler" userId="1d0357a8-3efe-41fa-839c-7601d995f2eb" providerId="ADAL" clId="{DF415A0B-A0B9-4C60-9114-93ED0130F608}" dt="2026-03-04T13:47:23.154" v="4141" actId="13244"/>
          <ac:spMkLst>
            <pc:docMk/>
            <pc:sldMk cId="3547106805" sldId="395"/>
            <ac:spMk id="47" creationId="{FA9C49FC-C8CE-1956-F760-A8166F7F39C1}"/>
          </ac:spMkLst>
        </pc:spChg>
      </pc:sldChg>
      <pc:sldChg chg="addSp delSp modSp mod">
        <pc:chgData name="Theis Ziegler" userId="1d0357a8-3efe-41fa-839c-7601d995f2eb" providerId="ADAL" clId="{DF415A0B-A0B9-4C60-9114-93ED0130F608}" dt="2026-03-09T13:28:13.087" v="4499" actId="478"/>
        <pc:sldMkLst>
          <pc:docMk/>
          <pc:sldMk cId="2969694590" sldId="396"/>
        </pc:sldMkLst>
        <pc:spChg chg="mod">
          <ac:chgData name="Theis Ziegler" userId="1d0357a8-3efe-41fa-839c-7601d995f2eb" providerId="ADAL" clId="{DF415A0B-A0B9-4C60-9114-93ED0130F608}" dt="2026-03-04T13:47:44.808" v="4143" actId="13244"/>
          <ac:spMkLst>
            <pc:docMk/>
            <pc:sldMk cId="2969694590" sldId="396"/>
            <ac:spMk id="10" creationId="{9E238A4B-0E4F-9006-0CFB-CA3099FD330B}"/>
          </ac:spMkLst>
        </pc:spChg>
        <pc:spChg chg="mod">
          <ac:chgData name="Theis Ziegler" userId="1d0357a8-3efe-41fa-839c-7601d995f2eb" providerId="ADAL" clId="{DF415A0B-A0B9-4C60-9114-93ED0130F608}" dt="2026-03-04T13:47:46.484" v="4144" actId="13244"/>
          <ac:spMkLst>
            <pc:docMk/>
            <pc:sldMk cId="2969694590" sldId="396"/>
            <ac:spMk id="11" creationId="{BD6674CA-5FF3-46FD-7490-6B9B864BF7EE}"/>
          </ac:spMkLst>
        </pc:spChg>
        <pc:spChg chg="mod">
          <ac:chgData name="Theis Ziegler" userId="1d0357a8-3efe-41fa-839c-7601d995f2eb" providerId="ADAL" clId="{DF415A0B-A0B9-4C60-9114-93ED0130F608}" dt="2026-03-04T13:47:39.851" v="4142" actId="13244"/>
          <ac:spMkLst>
            <pc:docMk/>
            <pc:sldMk cId="2969694590" sldId="396"/>
            <ac:spMk id="16" creationId="{F894A381-E61A-BA8F-2B1E-63137E380027}"/>
          </ac:spMkLst>
        </pc:spChg>
        <pc:spChg chg="add mod">
          <ac:chgData name="Theis Ziegler" userId="1d0357a8-3efe-41fa-839c-7601d995f2eb" providerId="ADAL" clId="{DF415A0B-A0B9-4C60-9114-93ED0130F608}" dt="2026-03-09T13:28:09.683" v="4498" actId="14100"/>
          <ac:spMkLst>
            <pc:docMk/>
            <pc:sldMk cId="2969694590" sldId="396"/>
            <ac:spMk id="18" creationId="{BE315CA0-2725-BD57-4108-126FD120129C}"/>
          </ac:spMkLst>
        </pc:spChg>
        <pc:spChg chg="ord">
          <ac:chgData name="Theis Ziegler" userId="1d0357a8-3efe-41fa-839c-7601d995f2eb" providerId="ADAL" clId="{DF415A0B-A0B9-4C60-9114-93ED0130F608}" dt="2026-03-04T13:51:40.516" v="4166" actId="13244"/>
          <ac:spMkLst>
            <pc:docMk/>
            <pc:sldMk cId="2969694590" sldId="396"/>
            <ac:spMk id="29" creationId="{52E88957-E201-3878-6ED0-2E0DDDCED24F}"/>
          </ac:spMkLst>
        </pc:spChg>
        <pc:spChg chg="mod">
          <ac:chgData name="Theis Ziegler" userId="1d0357a8-3efe-41fa-839c-7601d995f2eb" providerId="ADAL" clId="{DF415A0B-A0B9-4C60-9114-93ED0130F608}" dt="2026-03-04T13:47:52.958" v="4145" actId="962"/>
          <ac:spMkLst>
            <pc:docMk/>
            <pc:sldMk cId="2969694590" sldId="396"/>
            <ac:spMk id="40" creationId="{2F82CDCF-9D75-661D-AAFB-8904F13B7921}"/>
          </ac:spMkLst>
        </pc:spChg>
        <pc:spChg chg="mod">
          <ac:chgData name="Theis Ziegler" userId="1d0357a8-3efe-41fa-839c-7601d995f2eb" providerId="ADAL" clId="{DF415A0B-A0B9-4C60-9114-93ED0130F608}" dt="2026-03-04T13:48:59.926" v="4153" actId="164"/>
          <ac:spMkLst>
            <pc:docMk/>
            <pc:sldMk cId="2969694590" sldId="396"/>
            <ac:spMk id="173" creationId="{18CEABCE-93A3-9292-4E76-7B4E051E0567}"/>
          </ac:spMkLst>
        </pc:spChg>
        <pc:spChg chg="mod ord topLvl">
          <ac:chgData name="Theis Ziegler" userId="1d0357a8-3efe-41fa-839c-7601d995f2eb" providerId="ADAL" clId="{DF415A0B-A0B9-4C60-9114-93ED0130F608}" dt="2026-03-04T13:48:32.658" v="4150" actId="13244"/>
          <ac:spMkLst>
            <pc:docMk/>
            <pc:sldMk cId="2969694590" sldId="396"/>
            <ac:spMk id="225" creationId="{96DBCAD2-F619-22C2-045F-81739D7FE9DA}"/>
          </ac:spMkLst>
        </pc:spChg>
        <pc:spChg chg="mod topLvl">
          <ac:chgData name="Theis Ziegler" userId="1d0357a8-3efe-41fa-839c-7601d995f2eb" providerId="ADAL" clId="{DF415A0B-A0B9-4C60-9114-93ED0130F608}" dt="2026-03-04T13:48:24.827" v="4149" actId="962"/>
          <ac:spMkLst>
            <pc:docMk/>
            <pc:sldMk cId="2969694590" sldId="396"/>
            <ac:spMk id="226" creationId="{A0523718-9FF6-F2B1-3624-E66AD62F3D0F}"/>
          </ac:spMkLst>
        </pc:spChg>
        <pc:grpChg chg="add mod ord">
          <ac:chgData name="Theis Ziegler" userId="1d0357a8-3efe-41fa-839c-7601d995f2eb" providerId="ADAL" clId="{DF415A0B-A0B9-4C60-9114-93ED0130F608}" dt="2026-03-04T13:51:36.297" v="4165" actId="962"/>
          <ac:grpSpMkLst>
            <pc:docMk/>
            <pc:sldMk cId="2969694590" sldId="396"/>
            <ac:grpSpMk id="4" creationId="{E2650BF6-8E92-01CC-4FB1-7F20654B8CD3}"/>
          </ac:grpSpMkLst>
        </pc:grpChg>
        <pc:grpChg chg="mod ord">
          <ac:chgData name="Theis Ziegler" userId="1d0357a8-3efe-41fa-839c-7601d995f2eb" providerId="ADAL" clId="{DF415A0B-A0B9-4C60-9114-93ED0130F608}" dt="2026-03-04T13:49:51.257" v="4158" actId="962"/>
          <ac:grpSpMkLst>
            <pc:docMk/>
            <pc:sldMk cId="2969694590" sldId="396"/>
            <ac:grpSpMk id="56" creationId="{2FC1678E-27F1-FD08-B215-CE513BE64193}"/>
          </ac:grpSpMkLst>
        </pc:grpChg>
        <pc:grpChg chg="mod ord">
          <ac:chgData name="Theis Ziegler" userId="1d0357a8-3efe-41fa-839c-7601d995f2eb" providerId="ADAL" clId="{DF415A0B-A0B9-4C60-9114-93ED0130F608}" dt="2026-03-04T13:50:04.047" v="4159" actId="962"/>
          <ac:grpSpMkLst>
            <pc:docMk/>
            <pc:sldMk cId="2969694590" sldId="396"/>
            <ac:grpSpMk id="132" creationId="{21DEAD16-7B50-C6F7-54C2-56B815F1922B}"/>
          </ac:grpSpMkLst>
        </pc:grpChg>
        <pc:grpChg chg="mod ord">
          <ac:chgData name="Theis Ziegler" userId="1d0357a8-3efe-41fa-839c-7601d995f2eb" providerId="ADAL" clId="{DF415A0B-A0B9-4C60-9114-93ED0130F608}" dt="2026-03-04T13:50:51.756" v="4163" actId="962"/>
          <ac:grpSpMkLst>
            <pc:docMk/>
            <pc:sldMk cId="2969694590" sldId="396"/>
            <ac:grpSpMk id="152" creationId="{A547F92E-C081-FA15-8B03-8911024053B6}"/>
          </ac:grpSpMkLst>
        </pc:grpChg>
        <pc:grpChg chg="mod ord">
          <ac:chgData name="Theis Ziegler" userId="1d0357a8-3efe-41fa-839c-7601d995f2eb" providerId="ADAL" clId="{DF415A0B-A0B9-4C60-9114-93ED0130F608}" dt="2026-03-04T13:51:15.933" v="4164" actId="962"/>
          <ac:grpSpMkLst>
            <pc:docMk/>
            <pc:sldMk cId="2969694590" sldId="396"/>
            <ac:grpSpMk id="162" creationId="{8F057426-A98A-0EB7-17BE-5251F1A1100F}"/>
          </ac:grpSpMkLst>
        </pc:grpChg>
        <pc:grpChg chg="mod">
          <ac:chgData name="Theis Ziegler" userId="1d0357a8-3efe-41fa-839c-7601d995f2eb" providerId="ADAL" clId="{DF415A0B-A0B9-4C60-9114-93ED0130F608}" dt="2026-03-04T13:48:59.926" v="4153" actId="164"/>
          <ac:grpSpMkLst>
            <pc:docMk/>
            <pc:sldMk cId="2969694590" sldId="396"/>
            <ac:grpSpMk id="172" creationId="{CC964F7A-B38C-0C1C-1EE7-6C9C3A4F73D7}"/>
          </ac:grpSpMkLst>
        </pc:grpChg>
        <pc:grpChg chg="mod ord">
          <ac:chgData name="Theis Ziegler" userId="1d0357a8-3efe-41fa-839c-7601d995f2eb" providerId="ADAL" clId="{DF415A0B-A0B9-4C60-9114-93ED0130F608}" dt="2026-03-04T13:50:17.382" v="4161" actId="962"/>
          <ac:grpSpMkLst>
            <pc:docMk/>
            <pc:sldMk cId="2969694590" sldId="396"/>
            <ac:grpSpMk id="232" creationId="{31AC5906-6256-3F76-CC06-3D79A2E8189C}"/>
          </ac:grpSpMkLst>
        </pc:grpChg>
      </pc:sldChg>
      <pc:sldChg chg="modSp mod">
        <pc:chgData name="Theis Ziegler" userId="1d0357a8-3efe-41fa-839c-7601d995f2eb" providerId="ADAL" clId="{DF415A0B-A0B9-4C60-9114-93ED0130F608}" dt="2026-03-04T11:33:51.027" v="3549" actId="13244"/>
        <pc:sldMkLst>
          <pc:docMk/>
          <pc:sldMk cId="3568375464" sldId="2147473233"/>
        </pc:sldMkLst>
        <pc:spChg chg="ord">
          <ac:chgData name="Theis Ziegler" userId="1d0357a8-3efe-41fa-839c-7601d995f2eb" providerId="ADAL" clId="{DF415A0B-A0B9-4C60-9114-93ED0130F608}" dt="2026-03-04T11:32:46.741" v="3537" actId="13244"/>
          <ac:spMkLst>
            <pc:docMk/>
            <pc:sldMk cId="3568375464" sldId="2147473233"/>
            <ac:spMk id="2" creationId="{ABBBBD85-A29B-B54F-0BE4-D57D5DFF24C0}"/>
          </ac:spMkLst>
        </pc:spChg>
        <pc:spChg chg="mod">
          <ac:chgData name="Theis Ziegler" userId="1d0357a8-3efe-41fa-839c-7601d995f2eb" providerId="ADAL" clId="{DF415A0B-A0B9-4C60-9114-93ED0130F608}" dt="2026-03-04T11:32:51.569" v="3538" actId="13244"/>
          <ac:spMkLst>
            <pc:docMk/>
            <pc:sldMk cId="3568375464" sldId="2147473233"/>
            <ac:spMk id="10" creationId="{BF22D97D-476B-1B73-AF4F-D6CA43B085C4}"/>
          </ac:spMkLst>
        </pc:spChg>
        <pc:spChg chg="mod">
          <ac:chgData name="Theis Ziegler" userId="1d0357a8-3efe-41fa-839c-7601d995f2eb" providerId="ADAL" clId="{DF415A0B-A0B9-4C60-9114-93ED0130F608}" dt="2026-03-04T11:32:55.938" v="3539" actId="13244"/>
          <ac:spMkLst>
            <pc:docMk/>
            <pc:sldMk cId="3568375464" sldId="2147473233"/>
            <ac:spMk id="11" creationId="{A0F998CB-9ACB-A54F-BA24-CDC2E49BC2F6}"/>
          </ac:spMkLst>
        </pc:spChg>
        <pc:spChg chg="ord">
          <ac:chgData name="Theis Ziegler" userId="1d0357a8-3efe-41fa-839c-7601d995f2eb" providerId="ADAL" clId="{DF415A0B-A0B9-4C60-9114-93ED0130F608}" dt="2026-03-04T11:33:09.813" v="3541" actId="13244"/>
          <ac:spMkLst>
            <pc:docMk/>
            <pc:sldMk cId="3568375464" sldId="2147473233"/>
            <ac:spMk id="13" creationId="{EB3AE03D-AC15-491B-8A47-660562F40729}"/>
          </ac:spMkLst>
        </pc:spChg>
        <pc:spChg chg="mod">
          <ac:chgData name="Theis Ziegler" userId="1d0357a8-3efe-41fa-839c-7601d995f2eb" providerId="ADAL" clId="{DF415A0B-A0B9-4C60-9114-93ED0130F608}" dt="2026-03-04T11:32:44.066" v="3536" actId="13244"/>
          <ac:spMkLst>
            <pc:docMk/>
            <pc:sldMk cId="3568375464" sldId="2147473233"/>
            <ac:spMk id="26" creationId="{C436FCC9-DE7A-EDD0-EE3B-CE2E54DFD278}"/>
          </ac:spMkLst>
        </pc:spChg>
        <pc:spChg chg="ord">
          <ac:chgData name="Theis Ziegler" userId="1d0357a8-3efe-41fa-839c-7601d995f2eb" providerId="ADAL" clId="{DF415A0B-A0B9-4C60-9114-93ED0130F608}" dt="2026-03-04T11:33:39.189" v="3544" actId="13244"/>
          <ac:spMkLst>
            <pc:docMk/>
            <pc:sldMk cId="3568375464" sldId="2147473233"/>
            <ac:spMk id="32" creationId="{D4DA7660-38A1-A711-D379-07DBC8896268}"/>
          </ac:spMkLst>
        </pc:spChg>
        <pc:spChg chg="ord">
          <ac:chgData name="Theis Ziegler" userId="1d0357a8-3efe-41fa-839c-7601d995f2eb" providerId="ADAL" clId="{DF415A0B-A0B9-4C60-9114-93ED0130F608}" dt="2026-03-04T11:33:41.958" v="3545" actId="13244"/>
          <ac:spMkLst>
            <pc:docMk/>
            <pc:sldMk cId="3568375464" sldId="2147473233"/>
            <ac:spMk id="35" creationId="{AD1F1BAC-4047-BDB2-DA3D-982360AD1543}"/>
          </ac:spMkLst>
        </pc:spChg>
        <pc:spChg chg="ord">
          <ac:chgData name="Theis Ziegler" userId="1d0357a8-3efe-41fa-839c-7601d995f2eb" providerId="ADAL" clId="{DF415A0B-A0B9-4C60-9114-93ED0130F608}" dt="2026-03-04T11:33:44.223" v="3546" actId="13244"/>
          <ac:spMkLst>
            <pc:docMk/>
            <pc:sldMk cId="3568375464" sldId="2147473233"/>
            <ac:spMk id="38" creationId="{A988749E-048C-5232-88FB-C70DA5002AC9}"/>
          </ac:spMkLst>
        </pc:spChg>
        <pc:spChg chg="ord">
          <ac:chgData name="Theis Ziegler" userId="1d0357a8-3efe-41fa-839c-7601d995f2eb" providerId="ADAL" clId="{DF415A0B-A0B9-4C60-9114-93ED0130F608}" dt="2026-03-04T11:33:46.099" v="3547" actId="13244"/>
          <ac:spMkLst>
            <pc:docMk/>
            <pc:sldMk cId="3568375464" sldId="2147473233"/>
            <ac:spMk id="41" creationId="{B285A842-70B1-E892-4677-4C6C757A0482}"/>
          </ac:spMkLst>
        </pc:spChg>
        <pc:spChg chg="ord">
          <ac:chgData name="Theis Ziegler" userId="1d0357a8-3efe-41fa-839c-7601d995f2eb" providerId="ADAL" clId="{DF415A0B-A0B9-4C60-9114-93ED0130F608}" dt="2026-03-04T11:33:51.027" v="3549" actId="13244"/>
          <ac:spMkLst>
            <pc:docMk/>
            <pc:sldMk cId="3568375464" sldId="2147473233"/>
            <ac:spMk id="47" creationId="{5F119DD8-FC32-E9DF-7376-6AF953799215}"/>
          </ac:spMkLst>
        </pc:spChg>
        <pc:spChg chg="ord">
          <ac:chgData name="Theis Ziegler" userId="1d0357a8-3efe-41fa-839c-7601d995f2eb" providerId="ADAL" clId="{DF415A0B-A0B9-4C60-9114-93ED0130F608}" dt="2026-03-04T11:33:32.583" v="3543" actId="13244"/>
          <ac:spMkLst>
            <pc:docMk/>
            <pc:sldMk cId="3568375464" sldId="2147473233"/>
            <ac:spMk id="55" creationId="{8A2A0BDD-42BA-2673-3E42-C84DC42AE092}"/>
          </ac:spMkLst>
        </pc:spChg>
        <pc:spChg chg="ord">
          <ac:chgData name="Theis Ziegler" userId="1d0357a8-3efe-41fa-839c-7601d995f2eb" providerId="ADAL" clId="{DF415A0B-A0B9-4C60-9114-93ED0130F608}" dt="2026-03-04T11:33:32.583" v="3543" actId="13244"/>
          <ac:spMkLst>
            <pc:docMk/>
            <pc:sldMk cId="3568375464" sldId="2147473233"/>
            <ac:spMk id="56" creationId="{11AEA091-2466-C47D-875D-57F08A27DB90}"/>
          </ac:spMkLst>
        </pc:spChg>
        <pc:spChg chg="ord">
          <ac:chgData name="Theis Ziegler" userId="1d0357a8-3efe-41fa-839c-7601d995f2eb" providerId="ADAL" clId="{DF415A0B-A0B9-4C60-9114-93ED0130F608}" dt="2026-03-04T11:33:32.583" v="3543" actId="13244"/>
          <ac:spMkLst>
            <pc:docMk/>
            <pc:sldMk cId="3568375464" sldId="2147473233"/>
            <ac:spMk id="57" creationId="{4672536B-9FAC-7299-BA73-F213E2ACEBE7}"/>
          </ac:spMkLst>
        </pc:spChg>
        <pc:spChg chg="ord">
          <ac:chgData name="Theis Ziegler" userId="1d0357a8-3efe-41fa-839c-7601d995f2eb" providerId="ADAL" clId="{DF415A0B-A0B9-4C60-9114-93ED0130F608}" dt="2026-03-04T11:33:32.583" v="3543" actId="13244"/>
          <ac:spMkLst>
            <pc:docMk/>
            <pc:sldMk cId="3568375464" sldId="2147473233"/>
            <ac:spMk id="58" creationId="{E71F47C5-59A3-D38D-7ABA-851D582F7283}"/>
          </ac:spMkLst>
        </pc:spChg>
        <pc:spChg chg="ord">
          <ac:chgData name="Theis Ziegler" userId="1d0357a8-3efe-41fa-839c-7601d995f2eb" providerId="ADAL" clId="{DF415A0B-A0B9-4C60-9114-93ED0130F608}" dt="2026-03-04T11:33:32.583" v="3543" actId="13244"/>
          <ac:spMkLst>
            <pc:docMk/>
            <pc:sldMk cId="3568375464" sldId="2147473233"/>
            <ac:spMk id="59" creationId="{3091815A-CEFC-51FD-C299-1C11CFC324F8}"/>
          </ac:spMkLst>
        </pc:spChg>
        <pc:spChg chg="ord">
          <ac:chgData name="Theis Ziegler" userId="1d0357a8-3efe-41fa-839c-7601d995f2eb" providerId="ADAL" clId="{DF415A0B-A0B9-4C60-9114-93ED0130F608}" dt="2026-03-04T11:33:03.087" v="3540" actId="13244"/>
          <ac:spMkLst>
            <pc:docMk/>
            <pc:sldMk cId="3568375464" sldId="2147473233"/>
            <ac:spMk id="62" creationId="{FABB57F5-D66C-54FC-2931-F4B63B1052AC}"/>
          </ac:spMkLst>
        </pc:spChg>
      </pc:sldChg>
      <pc:sldChg chg="addSp delSp modSp mod">
        <pc:chgData name="Theis Ziegler" userId="1d0357a8-3efe-41fa-839c-7601d995f2eb" providerId="ADAL" clId="{DF415A0B-A0B9-4C60-9114-93ED0130F608}" dt="2026-03-09T13:21:18.169" v="4301" actId="14100"/>
        <pc:sldMkLst>
          <pc:docMk/>
          <pc:sldMk cId="1386420137" sldId="2147473234"/>
        </pc:sldMkLst>
        <pc:spChg chg="ord">
          <ac:chgData name="Theis Ziegler" userId="1d0357a8-3efe-41fa-839c-7601d995f2eb" providerId="ADAL" clId="{DF415A0B-A0B9-4C60-9114-93ED0130F608}" dt="2026-03-04T11:34:08.105" v="3551" actId="13244"/>
          <ac:spMkLst>
            <pc:docMk/>
            <pc:sldMk cId="1386420137" sldId="2147473234"/>
            <ac:spMk id="2" creationId="{32FFEB23-01D8-9EF1-125B-145E4164C064}"/>
          </ac:spMkLst>
        </pc:spChg>
        <pc:spChg chg="mod">
          <ac:chgData name="Theis Ziegler" userId="1d0357a8-3efe-41fa-839c-7601d995f2eb" providerId="ADAL" clId="{DF415A0B-A0B9-4C60-9114-93ED0130F608}" dt="2026-03-04T11:34:15.689" v="3552" actId="13244"/>
          <ac:spMkLst>
            <pc:docMk/>
            <pc:sldMk cId="1386420137" sldId="2147473234"/>
            <ac:spMk id="10" creationId="{0670613D-2295-3E54-D2E8-3F4E0A94968C}"/>
          </ac:spMkLst>
        </pc:spChg>
        <pc:spChg chg="mod">
          <ac:chgData name="Theis Ziegler" userId="1d0357a8-3efe-41fa-839c-7601d995f2eb" providerId="ADAL" clId="{DF415A0B-A0B9-4C60-9114-93ED0130F608}" dt="2026-03-04T11:34:17.995" v="3553" actId="13244"/>
          <ac:spMkLst>
            <pc:docMk/>
            <pc:sldMk cId="1386420137" sldId="2147473234"/>
            <ac:spMk id="11" creationId="{0F177CD3-7F0E-CEE9-79B8-60CBCADF86C9}"/>
          </ac:spMkLst>
        </pc:spChg>
        <pc:spChg chg="add mod">
          <ac:chgData name="Theis Ziegler" userId="1d0357a8-3efe-41fa-839c-7601d995f2eb" providerId="ADAL" clId="{DF415A0B-A0B9-4C60-9114-93ED0130F608}" dt="2026-03-09T13:21:18.169" v="4301" actId="14100"/>
          <ac:spMkLst>
            <pc:docMk/>
            <pc:sldMk cId="1386420137" sldId="2147473234"/>
            <ac:spMk id="13" creationId="{091AF2EF-DF62-1384-4864-33BD58DF521C}"/>
          </ac:spMkLst>
        </pc:spChg>
        <pc:spChg chg="mod">
          <ac:chgData name="Theis Ziegler" userId="1d0357a8-3efe-41fa-839c-7601d995f2eb" providerId="ADAL" clId="{DF415A0B-A0B9-4C60-9114-93ED0130F608}" dt="2026-03-04T11:34:05.448" v="3550" actId="13244"/>
          <ac:spMkLst>
            <pc:docMk/>
            <pc:sldMk cId="1386420137" sldId="2147473234"/>
            <ac:spMk id="20" creationId="{C04A7D05-D999-DDAD-2F84-20C1ABE3F36D}"/>
          </ac:spMkLst>
        </pc:spChg>
        <pc:spChg chg="mod">
          <ac:chgData name="Theis Ziegler" userId="1d0357a8-3efe-41fa-839c-7601d995f2eb" providerId="ADAL" clId="{DF415A0B-A0B9-4C60-9114-93ED0130F608}" dt="2026-03-04T11:34:33.094" v="3554" actId="13244"/>
          <ac:spMkLst>
            <pc:docMk/>
            <pc:sldMk cId="1386420137" sldId="2147473234"/>
            <ac:spMk id="78" creationId="{EECC0B84-756E-9AE8-5449-CD9E4086F958}"/>
          </ac:spMkLst>
        </pc:spChg>
        <pc:spChg chg="mod">
          <ac:chgData name="Theis Ziegler" userId="1d0357a8-3efe-41fa-839c-7601d995f2eb" providerId="ADAL" clId="{DF415A0B-A0B9-4C60-9114-93ED0130F608}" dt="2026-03-04T11:34:33.094" v="3554" actId="13244"/>
          <ac:spMkLst>
            <pc:docMk/>
            <pc:sldMk cId="1386420137" sldId="2147473234"/>
            <ac:spMk id="106" creationId="{F85B59EF-007D-F256-6AD6-0A427AFCC781}"/>
          </ac:spMkLst>
        </pc:spChg>
        <pc:spChg chg="mod">
          <ac:chgData name="Theis Ziegler" userId="1d0357a8-3efe-41fa-839c-7601d995f2eb" providerId="ADAL" clId="{DF415A0B-A0B9-4C60-9114-93ED0130F608}" dt="2026-03-04T11:35:02.407" v="3556" actId="962"/>
          <ac:spMkLst>
            <pc:docMk/>
            <pc:sldMk cId="1386420137" sldId="2147473234"/>
            <ac:spMk id="107" creationId="{CB98FB55-ED5A-1241-56B3-FD2FC49AEA8A}"/>
          </ac:spMkLst>
        </pc:spChg>
        <pc:spChg chg="ord">
          <ac:chgData name="Theis Ziegler" userId="1d0357a8-3efe-41fa-839c-7601d995f2eb" providerId="ADAL" clId="{DF415A0B-A0B9-4C60-9114-93ED0130F608}" dt="2026-03-04T11:34:47.255" v="3555" actId="13244"/>
          <ac:spMkLst>
            <pc:docMk/>
            <pc:sldMk cId="1386420137" sldId="2147473234"/>
            <ac:spMk id="176" creationId="{C73B68E7-CDC9-18D9-6CC6-6130B4B6E70B}"/>
          </ac:spMkLst>
        </pc:spChg>
        <pc:grpChg chg="mod ord">
          <ac:chgData name="Theis Ziegler" userId="1d0357a8-3efe-41fa-839c-7601d995f2eb" providerId="ADAL" clId="{DF415A0B-A0B9-4C60-9114-93ED0130F608}" dt="2026-03-04T11:43:26.911" v="3607" actId="962"/>
          <ac:grpSpMkLst>
            <pc:docMk/>
            <pc:sldMk cId="1386420137" sldId="2147473234"/>
            <ac:grpSpMk id="113" creationId="{8B037889-6BF4-FE54-ED43-EDCE4505B541}"/>
          </ac:grpSpMkLst>
        </pc:grpChg>
        <pc:grpChg chg="mod ord">
          <ac:chgData name="Theis Ziegler" userId="1d0357a8-3efe-41fa-839c-7601d995f2eb" providerId="ADAL" clId="{DF415A0B-A0B9-4C60-9114-93ED0130F608}" dt="2026-03-04T11:36:08.604" v="3562" actId="962"/>
          <ac:grpSpMkLst>
            <pc:docMk/>
            <pc:sldMk cId="1386420137" sldId="2147473234"/>
            <ac:grpSpMk id="126" creationId="{488654C4-DE00-7847-53EA-1B5DA196F3A4}"/>
          </ac:grpSpMkLst>
        </pc:grpChg>
        <pc:grpChg chg="mod ord">
          <ac:chgData name="Theis Ziegler" userId="1d0357a8-3efe-41fa-839c-7601d995f2eb" providerId="ADAL" clId="{DF415A0B-A0B9-4C60-9114-93ED0130F608}" dt="2026-03-04T11:37:24.624" v="3570" actId="962"/>
          <ac:grpSpMkLst>
            <pc:docMk/>
            <pc:sldMk cId="1386420137" sldId="2147473234"/>
            <ac:grpSpMk id="136" creationId="{FBF39143-5FCF-6D0E-1CA3-10798D9122CF}"/>
          </ac:grpSpMkLst>
        </pc:grpChg>
        <pc:grpChg chg="mod ord">
          <ac:chgData name="Theis Ziegler" userId="1d0357a8-3efe-41fa-839c-7601d995f2eb" providerId="ADAL" clId="{DF415A0B-A0B9-4C60-9114-93ED0130F608}" dt="2026-03-04T11:37:47.575" v="3571" actId="962"/>
          <ac:grpSpMkLst>
            <pc:docMk/>
            <pc:sldMk cId="1386420137" sldId="2147473234"/>
            <ac:grpSpMk id="146" creationId="{DF72750E-6D2B-DDE6-0EF5-CC38FC09EBC9}"/>
          </ac:grpSpMkLst>
        </pc:grpChg>
        <pc:grpChg chg="mod ord">
          <ac:chgData name="Theis Ziegler" userId="1d0357a8-3efe-41fa-839c-7601d995f2eb" providerId="ADAL" clId="{DF415A0B-A0B9-4C60-9114-93ED0130F608}" dt="2026-03-04T11:38:07.144" v="3572" actId="962"/>
          <ac:grpSpMkLst>
            <pc:docMk/>
            <pc:sldMk cId="1386420137" sldId="2147473234"/>
            <ac:grpSpMk id="156" creationId="{25561904-FFA3-529E-30EC-2BCCC6EEBAA9}"/>
          </ac:grpSpMkLst>
        </pc:grpChg>
        <pc:grpChg chg="mod ord">
          <ac:chgData name="Theis Ziegler" userId="1d0357a8-3efe-41fa-839c-7601d995f2eb" providerId="ADAL" clId="{DF415A0B-A0B9-4C60-9114-93ED0130F608}" dt="2026-03-04T11:37:03.718" v="3569" actId="962"/>
          <ac:grpSpMkLst>
            <pc:docMk/>
            <pc:sldMk cId="1386420137" sldId="2147473234"/>
            <ac:grpSpMk id="166" creationId="{CB2E65F4-5A29-D6F1-3635-5D37C6A32F31}"/>
          </ac:grpSpMkLst>
        </pc:grpChg>
      </pc:sldChg>
      <pc:sldChg chg="modSp mod">
        <pc:chgData name="Theis Ziegler" userId="1d0357a8-3efe-41fa-839c-7601d995f2eb" providerId="ADAL" clId="{DF415A0B-A0B9-4C60-9114-93ED0130F608}" dt="2026-03-04T13:25:35.294" v="3963" actId="13244"/>
        <pc:sldMkLst>
          <pc:docMk/>
          <pc:sldMk cId="580969683" sldId="2147473235"/>
        </pc:sldMkLst>
        <pc:spChg chg="ord">
          <ac:chgData name="Theis Ziegler" userId="1d0357a8-3efe-41fa-839c-7601d995f2eb" providerId="ADAL" clId="{DF415A0B-A0B9-4C60-9114-93ED0130F608}" dt="2026-03-04T13:24:22.451" v="3950" actId="13244"/>
          <ac:spMkLst>
            <pc:docMk/>
            <pc:sldMk cId="580969683" sldId="2147473235"/>
            <ac:spMk id="11" creationId="{7E38B9AA-23AD-D504-E902-CA520C5420AC}"/>
          </ac:spMkLst>
        </pc:spChg>
        <pc:spChg chg="ord">
          <ac:chgData name="Theis Ziegler" userId="1d0357a8-3efe-41fa-839c-7601d995f2eb" providerId="ADAL" clId="{DF415A0B-A0B9-4C60-9114-93ED0130F608}" dt="2026-03-04T13:24:18.581" v="3949" actId="13244"/>
          <ac:spMkLst>
            <pc:docMk/>
            <pc:sldMk cId="580969683" sldId="2147473235"/>
            <ac:spMk id="13" creationId="{B4B21E5E-1C2D-CF34-BD5B-085FCD5A0BD1}"/>
          </ac:spMkLst>
        </pc:spChg>
        <pc:spChg chg="ord">
          <ac:chgData name="Theis Ziegler" userId="1d0357a8-3efe-41fa-839c-7601d995f2eb" providerId="ADAL" clId="{DF415A0B-A0B9-4C60-9114-93ED0130F608}" dt="2026-03-04T13:25:19.428" v="3960" actId="13244"/>
          <ac:spMkLst>
            <pc:docMk/>
            <pc:sldMk cId="580969683" sldId="2147473235"/>
            <ac:spMk id="14" creationId="{10041863-389A-CFB8-E552-2164974E3E9B}"/>
          </ac:spMkLst>
        </pc:spChg>
        <pc:spChg chg="ord">
          <ac:chgData name="Theis Ziegler" userId="1d0357a8-3efe-41fa-839c-7601d995f2eb" providerId="ADAL" clId="{DF415A0B-A0B9-4C60-9114-93ED0130F608}" dt="2026-03-04T13:25:35.294" v="3963" actId="13244"/>
          <ac:spMkLst>
            <pc:docMk/>
            <pc:sldMk cId="580969683" sldId="2147473235"/>
            <ac:spMk id="29" creationId="{A317436C-CDFB-79E5-2BDE-C480F554DFD5}"/>
          </ac:spMkLst>
        </pc:spChg>
        <pc:spChg chg="ord">
          <ac:chgData name="Theis Ziegler" userId="1d0357a8-3efe-41fa-839c-7601d995f2eb" providerId="ADAL" clId="{DF415A0B-A0B9-4C60-9114-93ED0130F608}" dt="2026-03-04T13:25:35.294" v="3963" actId="13244"/>
          <ac:spMkLst>
            <pc:docMk/>
            <pc:sldMk cId="580969683" sldId="2147473235"/>
            <ac:spMk id="32" creationId="{8B7F8D2D-899D-184F-435B-E77F7EFA30D8}"/>
          </ac:spMkLst>
        </pc:spChg>
        <pc:spChg chg="ord">
          <ac:chgData name="Theis Ziegler" userId="1d0357a8-3efe-41fa-839c-7601d995f2eb" providerId="ADAL" clId="{DF415A0B-A0B9-4C60-9114-93ED0130F608}" dt="2026-03-04T13:25:28.195" v="3961" actId="13244"/>
          <ac:spMkLst>
            <pc:docMk/>
            <pc:sldMk cId="580969683" sldId="2147473235"/>
            <ac:spMk id="59" creationId="{A0159760-9B67-A2EC-5FB9-F9F04B3076F1}"/>
          </ac:spMkLst>
        </pc:spChg>
        <pc:spChg chg="ord">
          <ac:chgData name="Theis Ziegler" userId="1d0357a8-3efe-41fa-839c-7601d995f2eb" providerId="ADAL" clId="{DF415A0B-A0B9-4C60-9114-93ED0130F608}" dt="2026-03-04T13:25:29.802" v="3962" actId="13244"/>
          <ac:spMkLst>
            <pc:docMk/>
            <pc:sldMk cId="580969683" sldId="2147473235"/>
            <ac:spMk id="60" creationId="{8117CB84-8DCA-5853-4244-D23205D32090}"/>
          </ac:spMkLst>
        </pc:spChg>
        <pc:spChg chg="mod">
          <ac:chgData name="Theis Ziegler" userId="1d0357a8-3efe-41fa-839c-7601d995f2eb" providerId="ADAL" clId="{DF415A0B-A0B9-4C60-9114-93ED0130F608}" dt="2026-03-04T13:24:12.623" v="3948" actId="13244"/>
          <ac:spMkLst>
            <pc:docMk/>
            <pc:sldMk cId="580969683" sldId="2147473235"/>
            <ac:spMk id="126" creationId="{C553065B-6D16-4314-AC63-8EA6A8B68461}"/>
          </ac:spMkLst>
        </pc:spChg>
        <pc:grpChg chg="mod">
          <ac:chgData name="Theis Ziegler" userId="1d0357a8-3efe-41fa-839c-7601d995f2eb" providerId="ADAL" clId="{DF415A0B-A0B9-4C60-9114-93ED0130F608}" dt="2026-03-04T13:24:58.088" v="3955" actId="962"/>
          <ac:grpSpMkLst>
            <pc:docMk/>
            <pc:sldMk cId="580969683" sldId="2147473235"/>
            <ac:grpSpMk id="127" creationId="{A081DDF8-B63F-82B2-8223-166247505863}"/>
          </ac:grpSpMkLst>
        </pc:grpChg>
        <pc:grpChg chg="mod ord">
          <ac:chgData name="Theis Ziegler" userId="1d0357a8-3efe-41fa-839c-7601d995f2eb" providerId="ADAL" clId="{DF415A0B-A0B9-4C60-9114-93ED0130F608}" dt="2026-03-04T13:25:16.167" v="3959" actId="962"/>
          <ac:grpSpMkLst>
            <pc:docMk/>
            <pc:sldMk cId="580969683" sldId="2147473235"/>
            <ac:grpSpMk id="142" creationId="{44ED4A56-76F9-A5F7-BB0C-2533233F7AEA}"/>
          </ac:grpSpMkLst>
        </pc:grpChg>
      </pc:sldChg>
      <pc:sldChg chg="addSp delSp modSp mod">
        <pc:chgData name="Theis Ziegler" userId="1d0357a8-3efe-41fa-839c-7601d995f2eb" providerId="ADAL" clId="{DF415A0B-A0B9-4C60-9114-93ED0130F608}" dt="2026-03-09T13:26:44.379" v="4474" actId="478"/>
        <pc:sldMkLst>
          <pc:docMk/>
          <pc:sldMk cId="2044346718" sldId="2147473236"/>
        </pc:sldMkLst>
        <pc:spChg chg="mod">
          <ac:chgData name="Theis Ziegler" userId="1d0357a8-3efe-41fa-839c-7601d995f2eb" providerId="ADAL" clId="{DF415A0B-A0B9-4C60-9114-93ED0130F608}" dt="2026-03-04T13:26:53.980" v="3976" actId="1076"/>
          <ac:spMkLst>
            <pc:docMk/>
            <pc:sldMk cId="2044346718" sldId="2147473236"/>
            <ac:spMk id="2" creationId="{9673E0C1-0B7A-96E1-146B-463801768BDD}"/>
          </ac:spMkLst>
        </pc:spChg>
        <pc:spChg chg="mod">
          <ac:chgData name="Theis Ziegler" userId="1d0357a8-3efe-41fa-839c-7601d995f2eb" providerId="ADAL" clId="{DF415A0B-A0B9-4C60-9114-93ED0130F608}" dt="2026-03-04T13:26:37.818" v="3972" actId="13244"/>
          <ac:spMkLst>
            <pc:docMk/>
            <pc:sldMk cId="2044346718" sldId="2147473236"/>
            <ac:spMk id="10" creationId="{3295F1A1-8C17-C248-874E-CDCA14DA68BD}"/>
          </ac:spMkLst>
        </pc:spChg>
        <pc:spChg chg="mod">
          <ac:chgData name="Theis Ziegler" userId="1d0357a8-3efe-41fa-839c-7601d995f2eb" providerId="ADAL" clId="{DF415A0B-A0B9-4C60-9114-93ED0130F608}" dt="2026-03-04T13:26:41.615" v="3973" actId="13244"/>
          <ac:spMkLst>
            <pc:docMk/>
            <pc:sldMk cId="2044346718" sldId="2147473236"/>
            <ac:spMk id="11" creationId="{D0BC5B00-4E31-9E5E-CC94-8AA2B9737C58}"/>
          </ac:spMkLst>
        </pc:spChg>
        <pc:spChg chg="add mod">
          <ac:chgData name="Theis Ziegler" userId="1d0357a8-3efe-41fa-839c-7601d995f2eb" providerId="ADAL" clId="{DF415A0B-A0B9-4C60-9114-93ED0130F608}" dt="2026-03-09T13:26:40.458" v="4473" actId="14100"/>
          <ac:spMkLst>
            <pc:docMk/>
            <pc:sldMk cId="2044346718" sldId="2147473236"/>
            <ac:spMk id="13" creationId="{4C04BFB9-D71C-32F1-1666-580FD09FD355}"/>
          </ac:spMkLst>
        </pc:spChg>
        <pc:spChg chg="mod">
          <ac:chgData name="Theis Ziegler" userId="1d0357a8-3efe-41fa-839c-7601d995f2eb" providerId="ADAL" clId="{DF415A0B-A0B9-4C60-9114-93ED0130F608}" dt="2026-03-04T13:27:04.262" v="3978" actId="13244"/>
          <ac:spMkLst>
            <pc:docMk/>
            <pc:sldMk cId="2044346718" sldId="2147473236"/>
            <ac:spMk id="134" creationId="{E24252AF-4498-F3E6-5F37-AADC3C31F596}"/>
          </ac:spMkLst>
        </pc:spChg>
        <pc:spChg chg="mod topLvl">
          <ac:chgData name="Theis Ziegler" userId="1d0357a8-3efe-41fa-839c-7601d995f2eb" providerId="ADAL" clId="{DF415A0B-A0B9-4C60-9114-93ED0130F608}" dt="2026-03-04T13:27:04.262" v="3978" actId="13244"/>
          <ac:spMkLst>
            <pc:docMk/>
            <pc:sldMk cId="2044346718" sldId="2147473236"/>
            <ac:spMk id="198" creationId="{7920FA32-0724-C418-B24E-FCF6B0B8EDCB}"/>
          </ac:spMkLst>
        </pc:spChg>
        <pc:spChg chg="mod topLvl">
          <ac:chgData name="Theis Ziegler" userId="1d0357a8-3efe-41fa-839c-7601d995f2eb" providerId="ADAL" clId="{DF415A0B-A0B9-4C60-9114-93ED0130F608}" dt="2026-03-04T13:26:57.336" v="3977" actId="962"/>
          <ac:spMkLst>
            <pc:docMk/>
            <pc:sldMk cId="2044346718" sldId="2147473236"/>
            <ac:spMk id="199" creationId="{28213378-1ED8-FBA5-C77B-254E70ACDB1F}"/>
          </ac:spMkLst>
        </pc:spChg>
        <pc:spChg chg="mod topLvl">
          <ac:chgData name="Theis Ziegler" userId="1d0357a8-3efe-41fa-839c-7601d995f2eb" providerId="ADAL" clId="{DF415A0B-A0B9-4C60-9114-93ED0130F608}" dt="2026-03-04T13:27:04.262" v="3978" actId="13244"/>
          <ac:spMkLst>
            <pc:docMk/>
            <pc:sldMk cId="2044346718" sldId="2147473236"/>
            <ac:spMk id="201" creationId="{97B2B794-0AC0-7602-5DB5-4DDE315A2118}"/>
          </ac:spMkLst>
        </pc:spChg>
        <pc:spChg chg="mod topLvl">
          <ac:chgData name="Theis Ziegler" userId="1d0357a8-3efe-41fa-839c-7601d995f2eb" providerId="ADAL" clId="{DF415A0B-A0B9-4C60-9114-93ED0130F608}" dt="2026-03-04T13:26:57.336" v="3977" actId="962"/>
          <ac:spMkLst>
            <pc:docMk/>
            <pc:sldMk cId="2044346718" sldId="2147473236"/>
            <ac:spMk id="202" creationId="{D4DAC079-4372-85F9-57AB-62370D39550A}"/>
          </ac:spMkLst>
        </pc:spChg>
        <pc:spChg chg="mod topLvl">
          <ac:chgData name="Theis Ziegler" userId="1d0357a8-3efe-41fa-839c-7601d995f2eb" providerId="ADAL" clId="{DF415A0B-A0B9-4C60-9114-93ED0130F608}" dt="2026-03-04T13:27:04.262" v="3978" actId="13244"/>
          <ac:spMkLst>
            <pc:docMk/>
            <pc:sldMk cId="2044346718" sldId="2147473236"/>
            <ac:spMk id="204" creationId="{67622047-A156-4945-3896-EE2213ECEC83}"/>
          </ac:spMkLst>
        </pc:spChg>
        <pc:spChg chg="mod topLvl">
          <ac:chgData name="Theis Ziegler" userId="1d0357a8-3efe-41fa-839c-7601d995f2eb" providerId="ADAL" clId="{DF415A0B-A0B9-4C60-9114-93ED0130F608}" dt="2026-03-04T13:26:57.336" v="3977" actId="962"/>
          <ac:spMkLst>
            <pc:docMk/>
            <pc:sldMk cId="2044346718" sldId="2147473236"/>
            <ac:spMk id="205" creationId="{979AC6D4-F6C8-1EFD-A2E2-48689918173A}"/>
          </ac:spMkLst>
        </pc:spChg>
        <pc:spChg chg="mod">
          <ac:chgData name="Theis Ziegler" userId="1d0357a8-3efe-41fa-839c-7601d995f2eb" providerId="ADAL" clId="{DF415A0B-A0B9-4C60-9114-93ED0130F608}" dt="2026-03-04T13:26:28.698" v="3971" actId="13244"/>
          <ac:spMkLst>
            <pc:docMk/>
            <pc:sldMk cId="2044346718" sldId="2147473236"/>
            <ac:spMk id="213" creationId="{FFA4C710-2493-EC44-BB0E-90515B253A0B}"/>
          </ac:spMkLst>
        </pc:spChg>
        <pc:spChg chg="mod">
          <ac:chgData name="Theis Ziegler" userId="1d0357a8-3efe-41fa-839c-7601d995f2eb" providerId="ADAL" clId="{DF415A0B-A0B9-4C60-9114-93ED0130F608}" dt="2026-03-04T13:27:07.189" v="3979" actId="962"/>
          <ac:spMkLst>
            <pc:docMk/>
            <pc:sldMk cId="2044346718" sldId="2147473236"/>
            <ac:spMk id="219" creationId="{D814A8BA-05B0-3BAD-7DDE-ABE1872784D1}"/>
          </ac:spMkLst>
        </pc:spChg>
        <pc:spChg chg="ord">
          <ac:chgData name="Theis Ziegler" userId="1d0357a8-3efe-41fa-839c-7601d995f2eb" providerId="ADAL" clId="{DF415A0B-A0B9-4C60-9114-93ED0130F608}" dt="2026-03-04T13:27:09.909" v="3980" actId="13244"/>
          <ac:spMkLst>
            <pc:docMk/>
            <pc:sldMk cId="2044346718" sldId="2147473236"/>
            <ac:spMk id="286" creationId="{FC383A56-71F9-9065-7A49-A0D31DA2ADFD}"/>
          </ac:spMkLst>
        </pc:spChg>
        <pc:grpChg chg="mod ord">
          <ac:chgData name="Theis Ziegler" userId="1d0357a8-3efe-41fa-839c-7601d995f2eb" providerId="ADAL" clId="{DF415A0B-A0B9-4C60-9114-93ED0130F608}" dt="2026-03-04T13:28:16.123" v="3986" actId="962"/>
          <ac:grpSpMkLst>
            <pc:docMk/>
            <pc:sldMk cId="2044346718" sldId="2147473236"/>
            <ac:grpSpMk id="223" creationId="{EBA50E84-AB1A-7E30-FDB4-B6F75234514F}"/>
          </ac:grpSpMkLst>
        </pc:grpChg>
        <pc:grpChg chg="mod ord">
          <ac:chgData name="Theis Ziegler" userId="1d0357a8-3efe-41fa-839c-7601d995f2eb" providerId="ADAL" clId="{DF415A0B-A0B9-4C60-9114-93ED0130F608}" dt="2026-03-04T13:28:00.079" v="3985" actId="962"/>
          <ac:grpSpMkLst>
            <pc:docMk/>
            <pc:sldMk cId="2044346718" sldId="2147473236"/>
            <ac:grpSpMk id="236" creationId="{90269F06-42F8-CEFA-2BC3-5C1917995C5F}"/>
          </ac:grpSpMkLst>
        </pc:grpChg>
        <pc:grpChg chg="mod ord">
          <ac:chgData name="Theis Ziegler" userId="1d0357a8-3efe-41fa-839c-7601d995f2eb" providerId="ADAL" clId="{DF415A0B-A0B9-4C60-9114-93ED0130F608}" dt="2026-03-04T13:28:49.350" v="3991" actId="962"/>
          <ac:grpSpMkLst>
            <pc:docMk/>
            <pc:sldMk cId="2044346718" sldId="2147473236"/>
            <ac:grpSpMk id="246" creationId="{A3F6E938-C9DE-80CA-0B11-E6B270EDDB13}"/>
          </ac:grpSpMkLst>
        </pc:grpChg>
        <pc:grpChg chg="mod ord">
          <ac:chgData name="Theis Ziegler" userId="1d0357a8-3efe-41fa-839c-7601d995f2eb" providerId="ADAL" clId="{DF415A0B-A0B9-4C60-9114-93ED0130F608}" dt="2026-03-04T13:29:01.740" v="3993" actId="962"/>
          <ac:grpSpMkLst>
            <pc:docMk/>
            <pc:sldMk cId="2044346718" sldId="2147473236"/>
            <ac:grpSpMk id="256" creationId="{35E0D2AD-4EB3-8C44-E3BF-D36D9FEC4453}"/>
          </ac:grpSpMkLst>
        </pc:grpChg>
        <pc:grpChg chg="mod ord">
          <ac:chgData name="Theis Ziegler" userId="1d0357a8-3efe-41fa-839c-7601d995f2eb" providerId="ADAL" clId="{DF415A0B-A0B9-4C60-9114-93ED0130F608}" dt="2026-03-04T13:29:09.441" v="3994" actId="962"/>
          <ac:grpSpMkLst>
            <pc:docMk/>
            <pc:sldMk cId="2044346718" sldId="2147473236"/>
            <ac:grpSpMk id="266" creationId="{73EA3C06-ACE8-533D-69A8-DE14AB6D76E8}"/>
          </ac:grpSpMkLst>
        </pc:grpChg>
        <pc:grpChg chg="mod ord">
          <ac:chgData name="Theis Ziegler" userId="1d0357a8-3efe-41fa-839c-7601d995f2eb" providerId="ADAL" clId="{DF415A0B-A0B9-4C60-9114-93ED0130F608}" dt="2026-03-04T13:28:30.141" v="3989" actId="13244"/>
          <ac:grpSpMkLst>
            <pc:docMk/>
            <pc:sldMk cId="2044346718" sldId="2147473236"/>
            <ac:grpSpMk id="276" creationId="{BBAD8654-4412-78F0-5D01-A5E66B7ADAE0}"/>
          </ac:grpSpMkLst>
        </pc:grpChg>
      </pc:sldChg>
      <pc:sldChg chg="modSp mod">
        <pc:chgData name="Theis Ziegler" userId="1d0357a8-3efe-41fa-839c-7601d995f2eb" providerId="ADAL" clId="{DF415A0B-A0B9-4C60-9114-93ED0130F608}" dt="2026-03-04T11:54:52.202" v="3675" actId="962"/>
        <pc:sldMkLst>
          <pc:docMk/>
          <pc:sldMk cId="171795858" sldId="2147473500"/>
        </pc:sldMkLst>
        <pc:spChg chg="ord">
          <ac:chgData name="Theis Ziegler" userId="1d0357a8-3efe-41fa-839c-7601d995f2eb" providerId="ADAL" clId="{DF415A0B-A0B9-4C60-9114-93ED0130F608}" dt="2026-03-04T11:46:51.737" v="3623" actId="13244"/>
          <ac:spMkLst>
            <pc:docMk/>
            <pc:sldMk cId="171795858" sldId="2147473500"/>
            <ac:spMk id="2" creationId="{8DD2F7CD-F5ED-CC1F-6BAF-501B918378E9}"/>
          </ac:spMkLst>
        </pc:spChg>
        <pc:spChg chg="ord">
          <ac:chgData name="Theis Ziegler" userId="1d0357a8-3efe-41fa-839c-7601d995f2eb" providerId="ADAL" clId="{DF415A0B-A0B9-4C60-9114-93ED0130F608}" dt="2026-03-04T11:48:52.078" v="3638" actId="13244"/>
          <ac:spMkLst>
            <pc:docMk/>
            <pc:sldMk cId="171795858" sldId="2147473500"/>
            <ac:spMk id="5" creationId="{06B3ED60-7D35-A952-CEC0-D15C9075B570}"/>
          </ac:spMkLst>
        </pc:spChg>
        <pc:spChg chg="ord">
          <ac:chgData name="Theis Ziegler" userId="1d0357a8-3efe-41fa-839c-7601d995f2eb" providerId="ADAL" clId="{DF415A0B-A0B9-4C60-9114-93ED0130F608}" dt="2026-03-04T11:47:05.574" v="3625" actId="13244"/>
          <ac:spMkLst>
            <pc:docMk/>
            <pc:sldMk cId="171795858" sldId="2147473500"/>
            <ac:spMk id="11" creationId="{B5CFC858-ECBF-A71A-89BB-9E5A2E7CB417}"/>
          </ac:spMkLst>
        </pc:spChg>
        <pc:spChg chg="ord">
          <ac:chgData name="Theis Ziegler" userId="1d0357a8-3efe-41fa-839c-7601d995f2eb" providerId="ADAL" clId="{DF415A0B-A0B9-4C60-9114-93ED0130F608}" dt="2026-03-04T11:46:59.164" v="3624" actId="13244"/>
          <ac:spMkLst>
            <pc:docMk/>
            <pc:sldMk cId="171795858" sldId="2147473500"/>
            <ac:spMk id="13" creationId="{03E2AD9D-DE9B-E538-DD4D-734B18FC54AC}"/>
          </ac:spMkLst>
        </pc:spChg>
        <pc:spChg chg="ord">
          <ac:chgData name="Theis Ziegler" userId="1d0357a8-3efe-41fa-839c-7601d995f2eb" providerId="ADAL" clId="{DF415A0B-A0B9-4C60-9114-93ED0130F608}" dt="2026-03-04T11:48:15.646" v="3635" actId="13244"/>
          <ac:spMkLst>
            <pc:docMk/>
            <pc:sldMk cId="171795858" sldId="2147473500"/>
            <ac:spMk id="14" creationId="{3DFFC4E6-647F-C5E7-4D81-DFE0B475B193}"/>
          </ac:spMkLst>
        </pc:spChg>
        <pc:spChg chg="ord">
          <ac:chgData name="Theis Ziegler" userId="1d0357a8-3efe-41fa-839c-7601d995f2eb" providerId="ADAL" clId="{DF415A0B-A0B9-4C60-9114-93ED0130F608}" dt="2026-03-04T11:49:00.209" v="3639" actId="13244"/>
          <ac:spMkLst>
            <pc:docMk/>
            <pc:sldMk cId="171795858" sldId="2147473500"/>
            <ac:spMk id="29" creationId="{B607420F-11D6-DC6B-739A-EA8BE29DD866}"/>
          </ac:spMkLst>
        </pc:spChg>
        <pc:spChg chg="ord">
          <ac:chgData name="Theis Ziegler" userId="1d0357a8-3efe-41fa-839c-7601d995f2eb" providerId="ADAL" clId="{DF415A0B-A0B9-4C60-9114-93ED0130F608}" dt="2026-03-04T11:49:00.209" v="3639" actId="13244"/>
          <ac:spMkLst>
            <pc:docMk/>
            <pc:sldMk cId="171795858" sldId="2147473500"/>
            <ac:spMk id="32" creationId="{8755F7BB-BD69-9A78-909E-35E280AC68B0}"/>
          </ac:spMkLst>
        </pc:spChg>
        <pc:spChg chg="ord">
          <ac:chgData name="Theis Ziegler" userId="1d0357a8-3efe-41fa-839c-7601d995f2eb" providerId="ADAL" clId="{DF415A0B-A0B9-4C60-9114-93ED0130F608}" dt="2026-03-04T11:48:22.829" v="3636" actId="13244"/>
          <ac:spMkLst>
            <pc:docMk/>
            <pc:sldMk cId="171795858" sldId="2147473500"/>
            <ac:spMk id="59" creationId="{2CD811F2-FA9E-A525-1008-4F73DA228938}"/>
          </ac:spMkLst>
        </pc:spChg>
        <pc:spChg chg="ord">
          <ac:chgData name="Theis Ziegler" userId="1d0357a8-3efe-41fa-839c-7601d995f2eb" providerId="ADAL" clId="{DF415A0B-A0B9-4C60-9114-93ED0130F608}" dt="2026-03-04T11:48:25.267" v="3637" actId="13244"/>
          <ac:spMkLst>
            <pc:docMk/>
            <pc:sldMk cId="171795858" sldId="2147473500"/>
            <ac:spMk id="60" creationId="{EF070A51-852A-A84A-43A1-B32A87B0802E}"/>
          </ac:spMkLst>
        </pc:spChg>
        <pc:spChg chg="mod">
          <ac:chgData name="Theis Ziegler" userId="1d0357a8-3efe-41fa-839c-7601d995f2eb" providerId="ADAL" clId="{DF415A0B-A0B9-4C60-9114-93ED0130F608}" dt="2026-03-04T11:46:49.284" v="3622" actId="13244"/>
          <ac:spMkLst>
            <pc:docMk/>
            <pc:sldMk cId="171795858" sldId="2147473500"/>
            <ac:spMk id="126" creationId="{4E53ABB1-1115-0014-A975-4DC5CCE70258}"/>
          </ac:spMkLst>
        </pc:spChg>
        <pc:grpChg chg="mod">
          <ac:chgData name="Theis Ziegler" userId="1d0357a8-3efe-41fa-839c-7601d995f2eb" providerId="ADAL" clId="{DF415A0B-A0B9-4C60-9114-93ED0130F608}" dt="2026-03-04T11:54:52.202" v="3675" actId="962"/>
          <ac:grpSpMkLst>
            <pc:docMk/>
            <pc:sldMk cId="171795858" sldId="2147473500"/>
            <ac:grpSpMk id="127" creationId="{4ECBA3B4-02B6-392F-A389-B500BC461EF4}"/>
          </ac:grpSpMkLst>
        </pc:grpChg>
        <pc:grpChg chg="mod ord">
          <ac:chgData name="Theis Ziegler" userId="1d0357a8-3efe-41fa-839c-7601d995f2eb" providerId="ADAL" clId="{DF415A0B-A0B9-4C60-9114-93ED0130F608}" dt="2026-03-04T11:48:08.563" v="3634" actId="962"/>
          <ac:grpSpMkLst>
            <pc:docMk/>
            <pc:sldMk cId="171795858" sldId="2147473500"/>
            <ac:grpSpMk id="142" creationId="{D334B4E1-B6E5-A8EE-F013-EF4AC01DF04F}"/>
          </ac:grpSpMkLst>
        </pc:grpChg>
      </pc:sldChg>
      <pc:sldChg chg="modSp mod">
        <pc:chgData name="Theis Ziegler" userId="1d0357a8-3efe-41fa-839c-7601d995f2eb" providerId="ADAL" clId="{DF415A0B-A0B9-4C60-9114-93ED0130F608}" dt="2026-03-04T11:50:08.326" v="3647" actId="962"/>
        <pc:sldMkLst>
          <pc:docMk/>
          <pc:sldMk cId="544752820" sldId="2147473501"/>
        </pc:sldMkLst>
        <pc:spChg chg="ord">
          <ac:chgData name="Theis Ziegler" userId="1d0357a8-3efe-41fa-839c-7601d995f2eb" providerId="ADAL" clId="{DF415A0B-A0B9-4C60-9114-93ED0130F608}" dt="2026-03-04T11:49:17.595" v="3641" actId="13244"/>
          <ac:spMkLst>
            <pc:docMk/>
            <pc:sldMk cId="544752820" sldId="2147473501"/>
            <ac:spMk id="2" creationId="{AA880949-7D77-B08F-D2AB-757A405346C7}"/>
          </ac:spMkLst>
        </pc:spChg>
        <pc:spChg chg="mod">
          <ac:chgData name="Theis Ziegler" userId="1d0357a8-3efe-41fa-839c-7601d995f2eb" providerId="ADAL" clId="{DF415A0B-A0B9-4C60-9114-93ED0130F608}" dt="2026-03-04T11:49:22.692" v="3642" actId="13244"/>
          <ac:spMkLst>
            <pc:docMk/>
            <pc:sldMk cId="544752820" sldId="2147473501"/>
            <ac:spMk id="10" creationId="{96B4CD3D-BA00-8A50-91EB-C6AF3DDB9D92}"/>
          </ac:spMkLst>
        </pc:spChg>
        <pc:spChg chg="mod">
          <ac:chgData name="Theis Ziegler" userId="1d0357a8-3efe-41fa-839c-7601d995f2eb" providerId="ADAL" clId="{DF415A0B-A0B9-4C60-9114-93ED0130F608}" dt="2026-03-04T11:49:27.056" v="3643" actId="13244"/>
          <ac:spMkLst>
            <pc:docMk/>
            <pc:sldMk cId="544752820" sldId="2147473501"/>
            <ac:spMk id="11" creationId="{2509443F-E4EB-A034-861C-B1D53AC63B74}"/>
          </ac:spMkLst>
        </pc:spChg>
        <pc:spChg chg="mod">
          <ac:chgData name="Theis Ziegler" userId="1d0357a8-3efe-41fa-839c-7601d995f2eb" providerId="ADAL" clId="{DF415A0B-A0B9-4C60-9114-93ED0130F608}" dt="2026-03-04T11:49:15.235" v="3640" actId="13244"/>
          <ac:spMkLst>
            <pc:docMk/>
            <pc:sldMk cId="544752820" sldId="2147473501"/>
            <ac:spMk id="16" creationId="{12CEC1A8-4C7A-9874-FB93-D4524083AFE8}"/>
          </ac:spMkLst>
        </pc:spChg>
        <pc:grpChg chg="mod">
          <ac:chgData name="Theis Ziegler" userId="1d0357a8-3efe-41fa-839c-7601d995f2eb" providerId="ADAL" clId="{DF415A0B-A0B9-4C60-9114-93ED0130F608}" dt="2026-03-04T11:50:08.326" v="3647" actId="962"/>
          <ac:grpSpMkLst>
            <pc:docMk/>
            <pc:sldMk cId="544752820" sldId="2147473501"/>
            <ac:grpSpMk id="5179" creationId="{B1529212-32A6-D2E0-B23C-168B9F26F430}"/>
          </ac:grpSpMkLst>
        </pc:grpChg>
      </pc:sldChg>
      <pc:sldChg chg="addSp delSp modSp mod">
        <pc:chgData name="Theis Ziegler" userId="1d0357a8-3efe-41fa-839c-7601d995f2eb" providerId="ADAL" clId="{DF415A0B-A0B9-4C60-9114-93ED0130F608}" dt="2026-03-09T13:22:51.307" v="4374" actId="1038"/>
        <pc:sldMkLst>
          <pc:docMk/>
          <pc:sldMk cId="2301654635" sldId="2147473502"/>
        </pc:sldMkLst>
        <pc:spChg chg="ord">
          <ac:chgData name="Theis Ziegler" userId="1d0357a8-3efe-41fa-839c-7601d995f2eb" providerId="ADAL" clId="{DF415A0B-A0B9-4C60-9114-93ED0130F608}" dt="2026-03-04T11:50:20.457" v="3649" actId="13244"/>
          <ac:spMkLst>
            <pc:docMk/>
            <pc:sldMk cId="2301654635" sldId="2147473502"/>
            <ac:spMk id="2" creationId="{D2FF3FD5-A32F-F4DB-076C-3AAEC869C94E}"/>
          </ac:spMkLst>
        </pc:spChg>
        <pc:spChg chg="mod">
          <ac:chgData name="Theis Ziegler" userId="1d0357a8-3efe-41fa-839c-7601d995f2eb" providerId="ADAL" clId="{DF415A0B-A0B9-4C60-9114-93ED0130F608}" dt="2026-03-04T11:50:17.643" v="3648" actId="13244"/>
          <ac:spMkLst>
            <pc:docMk/>
            <pc:sldMk cId="2301654635" sldId="2147473502"/>
            <ac:spMk id="4" creationId="{1437F420-9C67-9C0B-50D1-B754EF75F271}"/>
          </ac:spMkLst>
        </pc:spChg>
        <pc:spChg chg="mod">
          <ac:chgData name="Theis Ziegler" userId="1d0357a8-3efe-41fa-839c-7601d995f2eb" providerId="ADAL" clId="{DF415A0B-A0B9-4C60-9114-93ED0130F608}" dt="2026-03-04T11:50:28.916" v="3650" actId="13244"/>
          <ac:spMkLst>
            <pc:docMk/>
            <pc:sldMk cId="2301654635" sldId="2147473502"/>
            <ac:spMk id="10" creationId="{A751B6A9-7E11-D6F4-CE14-73E8D851EFBF}"/>
          </ac:spMkLst>
        </pc:spChg>
        <pc:spChg chg="mod">
          <ac:chgData name="Theis Ziegler" userId="1d0357a8-3efe-41fa-839c-7601d995f2eb" providerId="ADAL" clId="{DF415A0B-A0B9-4C60-9114-93ED0130F608}" dt="2026-03-04T11:50:30.521" v="3651" actId="13244"/>
          <ac:spMkLst>
            <pc:docMk/>
            <pc:sldMk cId="2301654635" sldId="2147473502"/>
            <ac:spMk id="11" creationId="{D8CD78CF-F43C-6366-1FE7-32B4BB9D0C51}"/>
          </ac:spMkLst>
        </pc:spChg>
        <pc:spChg chg="mod">
          <ac:chgData name="Theis Ziegler" userId="1d0357a8-3efe-41fa-839c-7601d995f2eb" providerId="ADAL" clId="{DF415A0B-A0B9-4C60-9114-93ED0130F608}" dt="2026-03-04T12:04:08.725" v="3724" actId="962"/>
          <ac:spMkLst>
            <pc:docMk/>
            <pc:sldMk cId="2301654635" sldId="2147473502"/>
            <ac:spMk id="14" creationId="{98DCDD22-10F4-1DA7-18E8-8124672CCE23}"/>
          </ac:spMkLst>
        </pc:spChg>
        <pc:spChg chg="add mod">
          <ac:chgData name="Theis Ziegler" userId="1d0357a8-3efe-41fa-839c-7601d995f2eb" providerId="ADAL" clId="{DF415A0B-A0B9-4C60-9114-93ED0130F608}" dt="2026-03-09T13:22:51.307" v="4374" actId="1038"/>
          <ac:spMkLst>
            <pc:docMk/>
            <pc:sldMk cId="2301654635" sldId="2147473502"/>
            <ac:spMk id="18" creationId="{13091C25-6F51-2C59-B0C0-D1D097C9E226}"/>
          </ac:spMkLst>
        </pc:spChg>
        <pc:spChg chg="ord">
          <ac:chgData name="Theis Ziegler" userId="1d0357a8-3efe-41fa-839c-7601d995f2eb" providerId="ADAL" clId="{DF415A0B-A0B9-4C60-9114-93ED0130F608}" dt="2026-03-04T11:50:46.951" v="3652" actId="13244"/>
          <ac:spMkLst>
            <pc:docMk/>
            <pc:sldMk cId="2301654635" sldId="2147473502"/>
            <ac:spMk id="204" creationId="{AAA75B8E-40D0-EC2B-8E60-8EB36E12B1EE}"/>
          </ac:spMkLst>
        </pc:spChg>
        <pc:spChg chg="ord">
          <ac:chgData name="Theis Ziegler" userId="1d0357a8-3efe-41fa-839c-7601d995f2eb" providerId="ADAL" clId="{DF415A0B-A0B9-4C60-9114-93ED0130F608}" dt="2026-03-04T11:51:00.823" v="3654" actId="13244"/>
          <ac:spMkLst>
            <pc:docMk/>
            <pc:sldMk cId="2301654635" sldId="2147473502"/>
            <ac:spMk id="217" creationId="{1767C8F8-999F-2944-4CE2-DC90A54A4A25}"/>
          </ac:spMkLst>
        </pc:spChg>
        <pc:spChg chg="mod">
          <ac:chgData name="Theis Ziegler" userId="1d0357a8-3efe-41fa-839c-7601d995f2eb" providerId="ADAL" clId="{DF415A0B-A0B9-4C60-9114-93ED0130F608}" dt="2026-03-04T11:50:54.507" v="3653" actId="13244"/>
          <ac:spMkLst>
            <pc:docMk/>
            <pc:sldMk cId="2301654635" sldId="2147473502"/>
            <ac:spMk id="218" creationId="{8347A2B1-9618-889A-656F-A67C3E2ADDE0}"/>
          </ac:spMkLst>
        </pc:spChg>
        <pc:spChg chg="mod">
          <ac:chgData name="Theis Ziegler" userId="1d0357a8-3efe-41fa-839c-7601d995f2eb" providerId="ADAL" clId="{DF415A0B-A0B9-4C60-9114-93ED0130F608}" dt="2026-03-04T11:51:08.323" v="3656" actId="962"/>
          <ac:spMkLst>
            <pc:docMk/>
            <pc:sldMk cId="2301654635" sldId="2147473502"/>
            <ac:spMk id="219" creationId="{A0F99A9C-AE51-12FF-12B5-B16F2CF3260A}"/>
          </ac:spMkLst>
        </pc:spChg>
        <pc:spChg chg="ord">
          <ac:chgData name="Theis Ziegler" userId="1d0357a8-3efe-41fa-839c-7601d995f2eb" providerId="ADAL" clId="{DF415A0B-A0B9-4C60-9114-93ED0130F608}" dt="2026-03-04T11:51:04.211" v="3655" actId="13244"/>
          <ac:spMkLst>
            <pc:docMk/>
            <pc:sldMk cId="2301654635" sldId="2147473502"/>
            <ac:spMk id="286" creationId="{AD791838-E4F0-CF15-2310-0149BD070B14}"/>
          </ac:spMkLst>
        </pc:spChg>
        <pc:grpChg chg="mod ord">
          <ac:chgData name="Theis Ziegler" userId="1d0357a8-3efe-41fa-839c-7601d995f2eb" providerId="ADAL" clId="{DF415A0B-A0B9-4C60-9114-93ED0130F608}" dt="2026-03-04T11:51:49.756" v="3659" actId="962"/>
          <ac:grpSpMkLst>
            <pc:docMk/>
            <pc:sldMk cId="2301654635" sldId="2147473502"/>
            <ac:grpSpMk id="223" creationId="{1D31E0C3-5DC0-1175-550B-2554D15C321F}"/>
          </ac:grpSpMkLst>
        </pc:grpChg>
        <pc:grpChg chg="mod ord">
          <ac:chgData name="Theis Ziegler" userId="1d0357a8-3efe-41fa-839c-7601d995f2eb" providerId="ADAL" clId="{DF415A0B-A0B9-4C60-9114-93ED0130F608}" dt="2026-03-04T11:52:21.171" v="3660" actId="962"/>
          <ac:grpSpMkLst>
            <pc:docMk/>
            <pc:sldMk cId="2301654635" sldId="2147473502"/>
            <ac:grpSpMk id="236" creationId="{FA437525-F0AA-A82C-89B1-B1246F9917C4}"/>
          </ac:grpSpMkLst>
        </pc:grpChg>
        <pc:grpChg chg="mod ord">
          <ac:chgData name="Theis Ziegler" userId="1d0357a8-3efe-41fa-839c-7601d995f2eb" providerId="ADAL" clId="{DF415A0B-A0B9-4C60-9114-93ED0130F608}" dt="2026-03-04T11:53:07.712" v="3664" actId="962"/>
          <ac:grpSpMkLst>
            <pc:docMk/>
            <pc:sldMk cId="2301654635" sldId="2147473502"/>
            <ac:grpSpMk id="246" creationId="{C84FD15B-7D03-D2C5-1441-351BA10F7A8C}"/>
          </ac:grpSpMkLst>
        </pc:grpChg>
        <pc:grpChg chg="mod ord">
          <ac:chgData name="Theis Ziegler" userId="1d0357a8-3efe-41fa-839c-7601d995f2eb" providerId="ADAL" clId="{DF415A0B-A0B9-4C60-9114-93ED0130F608}" dt="2026-03-04T11:53:26.944" v="3665" actId="962"/>
          <ac:grpSpMkLst>
            <pc:docMk/>
            <pc:sldMk cId="2301654635" sldId="2147473502"/>
            <ac:grpSpMk id="256" creationId="{5ED1EFE0-8BA5-113F-8FB5-7AFAEEFF2C03}"/>
          </ac:grpSpMkLst>
        </pc:grpChg>
        <pc:grpChg chg="mod ord">
          <ac:chgData name="Theis Ziegler" userId="1d0357a8-3efe-41fa-839c-7601d995f2eb" providerId="ADAL" clId="{DF415A0B-A0B9-4C60-9114-93ED0130F608}" dt="2026-03-04T11:53:47.527" v="3666" actId="962"/>
          <ac:grpSpMkLst>
            <pc:docMk/>
            <pc:sldMk cId="2301654635" sldId="2147473502"/>
            <ac:grpSpMk id="266" creationId="{79BB3505-BBBC-6CF7-3BC8-EDCCDF33713C}"/>
          </ac:grpSpMkLst>
        </pc:grpChg>
        <pc:grpChg chg="mod ord">
          <ac:chgData name="Theis Ziegler" userId="1d0357a8-3efe-41fa-839c-7601d995f2eb" providerId="ADAL" clId="{DF415A0B-A0B9-4C60-9114-93ED0130F608}" dt="2026-03-04T11:52:50.469" v="3663" actId="962"/>
          <ac:grpSpMkLst>
            <pc:docMk/>
            <pc:sldMk cId="2301654635" sldId="2147473502"/>
            <ac:grpSpMk id="276" creationId="{30790FBA-5E05-3630-BC8E-3BAC4679A6BA}"/>
          </ac:grpSpMkLst>
        </pc:grpChg>
      </pc:sldChg>
      <pc:sldChg chg="modSp mod">
        <pc:chgData name="Theis Ziegler" userId="1d0357a8-3efe-41fa-839c-7601d995f2eb" providerId="ADAL" clId="{DF415A0B-A0B9-4C60-9114-93ED0130F608}" dt="2026-03-04T10:28:49.288" v="3454" actId="13244"/>
        <pc:sldMkLst>
          <pc:docMk/>
          <pc:sldMk cId="3758245205" sldId="2147473506"/>
        </pc:sldMkLst>
        <pc:spChg chg="ord">
          <ac:chgData name="Theis Ziegler" userId="1d0357a8-3efe-41fa-839c-7601d995f2eb" providerId="ADAL" clId="{DF415A0B-A0B9-4C60-9114-93ED0130F608}" dt="2026-03-04T10:28:49.288" v="3454" actId="13244"/>
          <ac:spMkLst>
            <pc:docMk/>
            <pc:sldMk cId="3758245205" sldId="2147473506"/>
            <ac:spMk id="51" creationId="{7EEECF5C-9280-69BB-692E-D32663D5E549}"/>
          </ac:spMkLst>
        </pc:spChg>
      </pc:sldChg>
      <pc:sldChg chg="delSp modSp mod">
        <pc:chgData name="Theis Ziegler" userId="1d0357a8-3efe-41fa-839c-7601d995f2eb" providerId="ADAL" clId="{DF415A0B-A0B9-4C60-9114-93ED0130F608}" dt="2026-03-04T11:58:16.817" v="3703" actId="13244"/>
        <pc:sldMkLst>
          <pc:docMk/>
          <pc:sldMk cId="1410449997" sldId="2147473508"/>
        </pc:sldMkLst>
        <pc:spChg chg="mod">
          <ac:chgData name="Theis Ziegler" userId="1d0357a8-3efe-41fa-839c-7601d995f2eb" providerId="ADAL" clId="{DF415A0B-A0B9-4C60-9114-93ED0130F608}" dt="2026-03-04T11:56:23.983" v="3686" actId="13244"/>
          <ac:spMkLst>
            <pc:docMk/>
            <pc:sldMk cId="1410449997" sldId="2147473508"/>
            <ac:spMk id="10" creationId="{643E9B1E-695C-86AC-DC29-5E79CC614F19}"/>
          </ac:spMkLst>
        </pc:spChg>
        <pc:spChg chg="mod">
          <ac:chgData name="Theis Ziegler" userId="1d0357a8-3efe-41fa-839c-7601d995f2eb" providerId="ADAL" clId="{DF415A0B-A0B9-4C60-9114-93ED0130F608}" dt="2026-03-04T11:56:26.193" v="3687" actId="13244"/>
          <ac:spMkLst>
            <pc:docMk/>
            <pc:sldMk cId="1410449997" sldId="2147473508"/>
            <ac:spMk id="11" creationId="{4ED19FAC-B52E-268E-A4BA-838509271EED}"/>
          </ac:spMkLst>
        </pc:spChg>
        <pc:spChg chg="mod topLvl">
          <ac:chgData name="Theis Ziegler" userId="1d0357a8-3efe-41fa-839c-7601d995f2eb" providerId="ADAL" clId="{DF415A0B-A0B9-4C60-9114-93ED0130F608}" dt="2026-03-04T11:57:28.681" v="3692" actId="962"/>
          <ac:spMkLst>
            <pc:docMk/>
            <pc:sldMk cId="1410449997" sldId="2147473508"/>
            <ac:spMk id="16" creationId="{0CDF4896-7FAB-1117-29C5-E75A751EC107}"/>
          </ac:spMkLst>
        </pc:spChg>
        <pc:spChg chg="mod topLvl">
          <ac:chgData name="Theis Ziegler" userId="1d0357a8-3efe-41fa-839c-7601d995f2eb" providerId="ADAL" clId="{DF415A0B-A0B9-4C60-9114-93ED0130F608}" dt="2026-03-04T11:57:20.840" v="3691" actId="165"/>
          <ac:spMkLst>
            <pc:docMk/>
            <pc:sldMk cId="1410449997" sldId="2147473508"/>
            <ac:spMk id="20" creationId="{84E02C7F-AA0E-47A1-FF4D-555AD9DF60F3}"/>
          </ac:spMkLst>
        </pc:spChg>
        <pc:spChg chg="mod topLvl">
          <ac:chgData name="Theis Ziegler" userId="1d0357a8-3efe-41fa-839c-7601d995f2eb" providerId="ADAL" clId="{DF415A0B-A0B9-4C60-9114-93ED0130F608}" dt="2026-03-04T11:57:20.840" v="3691" actId="165"/>
          <ac:spMkLst>
            <pc:docMk/>
            <pc:sldMk cId="1410449997" sldId="2147473508"/>
            <ac:spMk id="21" creationId="{E51EB040-B6E1-0BFE-0CFC-A5768D06AE62}"/>
          </ac:spMkLst>
        </pc:spChg>
        <pc:spChg chg="mod topLvl">
          <ac:chgData name="Theis Ziegler" userId="1d0357a8-3efe-41fa-839c-7601d995f2eb" providerId="ADAL" clId="{DF415A0B-A0B9-4C60-9114-93ED0130F608}" dt="2026-03-04T11:57:20.840" v="3691" actId="165"/>
          <ac:spMkLst>
            <pc:docMk/>
            <pc:sldMk cId="1410449997" sldId="2147473508"/>
            <ac:spMk id="22" creationId="{11BFADAB-15F4-6057-AE66-106BD3FA7E4E}"/>
          </ac:spMkLst>
        </pc:spChg>
        <pc:spChg chg="mod topLvl">
          <ac:chgData name="Theis Ziegler" userId="1d0357a8-3efe-41fa-839c-7601d995f2eb" providerId="ADAL" clId="{DF415A0B-A0B9-4C60-9114-93ED0130F608}" dt="2026-03-04T11:57:20.840" v="3691" actId="165"/>
          <ac:spMkLst>
            <pc:docMk/>
            <pc:sldMk cId="1410449997" sldId="2147473508"/>
            <ac:spMk id="26" creationId="{557706B3-DA27-2A68-E5A8-5A3DFD74B4E1}"/>
          </ac:spMkLst>
        </pc:spChg>
        <pc:spChg chg="mod">
          <ac:chgData name="Theis Ziegler" userId="1d0357a8-3efe-41fa-839c-7601d995f2eb" providerId="ADAL" clId="{DF415A0B-A0B9-4C60-9114-93ED0130F608}" dt="2026-03-04T11:57:20.840" v="3691" actId="165"/>
          <ac:spMkLst>
            <pc:docMk/>
            <pc:sldMk cId="1410449997" sldId="2147473508"/>
            <ac:spMk id="27" creationId="{A9C285A8-5B98-E390-CFB6-08D47C6A41E5}"/>
          </ac:spMkLst>
        </pc:spChg>
        <pc:spChg chg="mod">
          <ac:chgData name="Theis Ziegler" userId="1d0357a8-3efe-41fa-839c-7601d995f2eb" providerId="ADAL" clId="{DF415A0B-A0B9-4C60-9114-93ED0130F608}" dt="2026-03-04T11:57:20.840" v="3691" actId="165"/>
          <ac:spMkLst>
            <pc:docMk/>
            <pc:sldMk cId="1410449997" sldId="2147473508"/>
            <ac:spMk id="28" creationId="{086C5F99-8874-B036-03BA-43D3574FE5AE}"/>
          </ac:spMkLst>
        </pc:spChg>
        <pc:spChg chg="mod">
          <ac:chgData name="Theis Ziegler" userId="1d0357a8-3efe-41fa-839c-7601d995f2eb" providerId="ADAL" clId="{DF415A0B-A0B9-4C60-9114-93ED0130F608}" dt="2026-03-04T11:56:17.636" v="3685" actId="13244"/>
          <ac:spMkLst>
            <pc:docMk/>
            <pc:sldMk cId="1410449997" sldId="2147473508"/>
            <ac:spMk id="34" creationId="{AEA8149C-FB45-E0F2-D707-C4E10F192E8A}"/>
          </ac:spMkLst>
        </pc:spChg>
        <pc:spChg chg="mod">
          <ac:chgData name="Theis Ziegler" userId="1d0357a8-3efe-41fa-839c-7601d995f2eb" providerId="ADAL" clId="{DF415A0B-A0B9-4C60-9114-93ED0130F608}" dt="2026-03-04T11:56:48.956" v="3689" actId="962"/>
          <ac:spMkLst>
            <pc:docMk/>
            <pc:sldMk cId="1410449997" sldId="2147473508"/>
            <ac:spMk id="39" creationId="{14324782-C213-A4F6-3846-6CECAD1C07D0}"/>
          </ac:spMkLst>
        </pc:spChg>
        <pc:spChg chg="mod">
          <ac:chgData name="Theis Ziegler" userId="1d0357a8-3efe-41fa-839c-7601d995f2eb" providerId="ADAL" clId="{DF415A0B-A0B9-4C60-9114-93ED0130F608}" dt="2026-03-04T11:56:48.956" v="3689" actId="962"/>
          <ac:spMkLst>
            <pc:docMk/>
            <pc:sldMk cId="1410449997" sldId="2147473508"/>
            <ac:spMk id="40" creationId="{5E6E99B4-616A-54E9-4D65-FBAD7A42669B}"/>
          </ac:spMkLst>
        </pc:spChg>
        <pc:spChg chg="mod">
          <ac:chgData name="Theis Ziegler" userId="1d0357a8-3efe-41fa-839c-7601d995f2eb" providerId="ADAL" clId="{DF415A0B-A0B9-4C60-9114-93ED0130F608}" dt="2026-03-04T11:56:48.956" v="3689" actId="962"/>
          <ac:spMkLst>
            <pc:docMk/>
            <pc:sldMk cId="1410449997" sldId="2147473508"/>
            <ac:spMk id="41" creationId="{099BEE7F-52A5-E0E2-8BF3-8D74C702B4B9}"/>
          </ac:spMkLst>
        </pc:spChg>
        <pc:spChg chg="mod">
          <ac:chgData name="Theis Ziegler" userId="1d0357a8-3efe-41fa-839c-7601d995f2eb" providerId="ADAL" clId="{DF415A0B-A0B9-4C60-9114-93ED0130F608}" dt="2026-03-04T11:56:48.956" v="3689" actId="962"/>
          <ac:spMkLst>
            <pc:docMk/>
            <pc:sldMk cId="1410449997" sldId="2147473508"/>
            <ac:spMk id="42" creationId="{B0123110-503D-783F-9A5F-3B7D22EFE2AC}"/>
          </ac:spMkLst>
        </pc:spChg>
        <pc:spChg chg="mod">
          <ac:chgData name="Theis Ziegler" userId="1d0357a8-3efe-41fa-839c-7601d995f2eb" providerId="ADAL" clId="{DF415A0B-A0B9-4C60-9114-93ED0130F608}" dt="2026-03-04T11:56:48.956" v="3689" actId="962"/>
          <ac:spMkLst>
            <pc:docMk/>
            <pc:sldMk cId="1410449997" sldId="2147473508"/>
            <ac:spMk id="43" creationId="{B99DDCB1-C2C2-722E-E8AE-6159A1DA0E15}"/>
          </ac:spMkLst>
        </pc:spChg>
        <pc:spChg chg="mod">
          <ac:chgData name="Theis Ziegler" userId="1d0357a8-3efe-41fa-839c-7601d995f2eb" providerId="ADAL" clId="{DF415A0B-A0B9-4C60-9114-93ED0130F608}" dt="2026-03-04T11:56:48.956" v="3689" actId="962"/>
          <ac:spMkLst>
            <pc:docMk/>
            <pc:sldMk cId="1410449997" sldId="2147473508"/>
            <ac:spMk id="44" creationId="{9797145E-4EEB-3488-6E74-8916B37FDBF6}"/>
          </ac:spMkLst>
        </pc:spChg>
        <pc:spChg chg="mod">
          <ac:chgData name="Theis Ziegler" userId="1d0357a8-3efe-41fa-839c-7601d995f2eb" providerId="ADAL" clId="{DF415A0B-A0B9-4C60-9114-93ED0130F608}" dt="2026-03-04T11:56:48.956" v="3689" actId="962"/>
          <ac:spMkLst>
            <pc:docMk/>
            <pc:sldMk cId="1410449997" sldId="2147473508"/>
            <ac:spMk id="45" creationId="{22EE0372-8855-D1EE-7BAB-51D96BAA675A}"/>
          </ac:spMkLst>
        </pc:spChg>
        <pc:spChg chg="mod">
          <ac:chgData name="Theis Ziegler" userId="1d0357a8-3efe-41fa-839c-7601d995f2eb" providerId="ADAL" clId="{DF415A0B-A0B9-4C60-9114-93ED0130F608}" dt="2026-03-04T11:56:48.956" v="3689" actId="962"/>
          <ac:spMkLst>
            <pc:docMk/>
            <pc:sldMk cId="1410449997" sldId="2147473508"/>
            <ac:spMk id="46" creationId="{88DD622F-8FFF-A066-9ACC-E97FD4CE86C6}"/>
          </ac:spMkLst>
        </pc:spChg>
        <pc:spChg chg="mod">
          <ac:chgData name="Theis Ziegler" userId="1d0357a8-3efe-41fa-839c-7601d995f2eb" providerId="ADAL" clId="{DF415A0B-A0B9-4C60-9114-93ED0130F608}" dt="2026-03-04T11:56:48.956" v="3689" actId="962"/>
          <ac:spMkLst>
            <pc:docMk/>
            <pc:sldMk cId="1410449997" sldId="2147473508"/>
            <ac:spMk id="49" creationId="{5D31706F-DAA3-F555-61AB-5E3E90A148D6}"/>
          </ac:spMkLst>
        </pc:spChg>
        <pc:spChg chg="mod ord">
          <ac:chgData name="Theis Ziegler" userId="1d0357a8-3efe-41fa-839c-7601d995f2eb" providerId="ADAL" clId="{DF415A0B-A0B9-4C60-9114-93ED0130F608}" dt="2026-03-04T11:58:10.283" v="3701" actId="13244"/>
          <ac:spMkLst>
            <pc:docMk/>
            <pc:sldMk cId="1410449997" sldId="2147473508"/>
            <ac:spMk id="64" creationId="{D7A21076-F5D7-B1AE-FD57-607428CAD589}"/>
          </ac:spMkLst>
        </pc:spChg>
        <pc:spChg chg="mod ord">
          <ac:chgData name="Theis Ziegler" userId="1d0357a8-3efe-41fa-839c-7601d995f2eb" providerId="ADAL" clId="{DF415A0B-A0B9-4C60-9114-93ED0130F608}" dt="2026-03-04T11:58:13.548" v="3702" actId="13244"/>
          <ac:spMkLst>
            <pc:docMk/>
            <pc:sldMk cId="1410449997" sldId="2147473508"/>
            <ac:spMk id="67" creationId="{79CBA4F7-252E-CB17-BAC0-901CB19F7C44}"/>
          </ac:spMkLst>
        </pc:spChg>
        <pc:spChg chg="mod ord">
          <ac:chgData name="Theis Ziegler" userId="1d0357a8-3efe-41fa-839c-7601d995f2eb" providerId="ADAL" clId="{DF415A0B-A0B9-4C60-9114-93ED0130F608}" dt="2026-03-04T11:58:16.817" v="3703" actId="13244"/>
          <ac:spMkLst>
            <pc:docMk/>
            <pc:sldMk cId="1410449997" sldId="2147473508"/>
            <ac:spMk id="68" creationId="{3B98B648-E4C8-FE41-7A17-80AB4545AEDE}"/>
          </ac:spMkLst>
        </pc:spChg>
        <pc:spChg chg="mod">
          <ac:chgData name="Theis Ziegler" userId="1d0357a8-3efe-41fa-839c-7601d995f2eb" providerId="ADAL" clId="{DF415A0B-A0B9-4C60-9114-93ED0130F608}" dt="2026-03-04T11:58:04.684" v="3700" actId="962"/>
          <ac:spMkLst>
            <pc:docMk/>
            <pc:sldMk cId="1410449997" sldId="2147473508"/>
            <ac:spMk id="69" creationId="{5F49354E-8598-8312-9044-BC620EA3A7E5}"/>
          </ac:spMkLst>
        </pc:spChg>
        <pc:spChg chg="mod">
          <ac:chgData name="Theis Ziegler" userId="1d0357a8-3efe-41fa-839c-7601d995f2eb" providerId="ADAL" clId="{DF415A0B-A0B9-4C60-9114-93ED0130F608}" dt="2026-03-04T11:56:48.956" v="3689" actId="962"/>
          <ac:spMkLst>
            <pc:docMk/>
            <pc:sldMk cId="1410449997" sldId="2147473508"/>
            <ac:spMk id="98" creationId="{234EF674-8E50-A2AE-2D94-515BF941C685}"/>
          </ac:spMkLst>
        </pc:spChg>
        <pc:spChg chg="mod">
          <ac:chgData name="Theis Ziegler" userId="1d0357a8-3efe-41fa-839c-7601d995f2eb" providerId="ADAL" clId="{DF415A0B-A0B9-4C60-9114-93ED0130F608}" dt="2026-03-04T11:57:55.052" v="3699" actId="962"/>
          <ac:spMkLst>
            <pc:docMk/>
            <pc:sldMk cId="1410449997" sldId="2147473508"/>
            <ac:spMk id="151" creationId="{8C745F11-1E63-CA10-7157-21BFD2DEF283}"/>
          </ac:spMkLst>
        </pc:spChg>
        <pc:spChg chg="mod">
          <ac:chgData name="Theis Ziegler" userId="1d0357a8-3efe-41fa-839c-7601d995f2eb" providerId="ADAL" clId="{DF415A0B-A0B9-4C60-9114-93ED0130F608}" dt="2026-03-04T11:57:45.791" v="3697" actId="13244"/>
          <ac:spMkLst>
            <pc:docMk/>
            <pc:sldMk cId="1410449997" sldId="2147473508"/>
            <ac:spMk id="152" creationId="{831CCEB8-4248-DAE4-67E8-53EDCFF09E9C}"/>
          </ac:spMkLst>
        </pc:spChg>
        <pc:grpChg chg="mod topLvl">
          <ac:chgData name="Theis Ziegler" userId="1d0357a8-3efe-41fa-839c-7601d995f2eb" providerId="ADAL" clId="{DF415A0B-A0B9-4C60-9114-93ED0130F608}" dt="2026-03-04T11:57:33.436" v="3695" actId="962"/>
          <ac:grpSpMkLst>
            <pc:docMk/>
            <pc:sldMk cId="1410449997" sldId="2147473508"/>
            <ac:grpSpMk id="15" creationId="{A6B436BD-3AF5-3599-9C43-EB7C282BAA4C}"/>
          </ac:grpSpMkLst>
        </pc:grpChg>
        <pc:cxnChg chg="mod">
          <ac:chgData name="Theis Ziegler" userId="1d0357a8-3efe-41fa-839c-7601d995f2eb" providerId="ADAL" clId="{DF415A0B-A0B9-4C60-9114-93ED0130F608}" dt="2026-03-04T11:57:30.659" v="3693" actId="962"/>
          <ac:cxnSpMkLst>
            <pc:docMk/>
            <pc:sldMk cId="1410449997" sldId="2147473508"/>
            <ac:cxnSpMk id="17" creationId="{A57C46CD-4732-8281-89DB-BB16FF63C4A8}"/>
          </ac:cxnSpMkLst>
        </pc:cxnChg>
        <pc:cxnChg chg="mod">
          <ac:chgData name="Theis Ziegler" userId="1d0357a8-3efe-41fa-839c-7601d995f2eb" providerId="ADAL" clId="{DF415A0B-A0B9-4C60-9114-93ED0130F608}" dt="2026-03-04T11:57:31.696" v="3694" actId="962"/>
          <ac:cxnSpMkLst>
            <pc:docMk/>
            <pc:sldMk cId="1410449997" sldId="2147473508"/>
            <ac:cxnSpMk id="19" creationId="{99AAC90F-AF7E-0C20-2EDA-3AA13AD32354}"/>
          </ac:cxnSpMkLst>
        </pc:cxnChg>
        <pc:cxnChg chg="mod topLvl">
          <ac:chgData name="Theis Ziegler" userId="1d0357a8-3efe-41fa-839c-7601d995f2eb" providerId="ADAL" clId="{DF415A0B-A0B9-4C60-9114-93ED0130F608}" dt="2026-03-04T11:57:35.853" v="3696" actId="962"/>
          <ac:cxnSpMkLst>
            <pc:docMk/>
            <pc:sldMk cId="1410449997" sldId="2147473508"/>
            <ac:cxnSpMk id="23" creationId="{C9117384-FA4A-48EC-D856-8C59019B496F}"/>
          </ac:cxnSpMkLst>
        </pc:cxnChg>
        <pc:cxnChg chg="mod">
          <ac:chgData name="Theis Ziegler" userId="1d0357a8-3efe-41fa-839c-7601d995f2eb" providerId="ADAL" clId="{DF415A0B-A0B9-4C60-9114-93ED0130F608}" dt="2026-03-04T11:57:03.994" v="3690" actId="962"/>
          <ac:cxnSpMkLst>
            <pc:docMk/>
            <pc:sldMk cId="1410449997" sldId="2147473508"/>
            <ac:cxnSpMk id="70" creationId="{E3CBCA7E-E1C7-3718-0909-DAF1D8857225}"/>
          </ac:cxnSpMkLst>
        </pc:cxnChg>
        <pc:cxnChg chg="mod">
          <ac:chgData name="Theis Ziegler" userId="1d0357a8-3efe-41fa-839c-7601d995f2eb" providerId="ADAL" clId="{DF415A0B-A0B9-4C60-9114-93ED0130F608}" dt="2026-03-04T11:57:03.994" v="3690" actId="962"/>
          <ac:cxnSpMkLst>
            <pc:docMk/>
            <pc:sldMk cId="1410449997" sldId="2147473508"/>
            <ac:cxnSpMk id="78" creationId="{CA4B45B8-CC2A-D0D1-AB28-C5990555AE7B}"/>
          </ac:cxnSpMkLst>
        </pc:cxnChg>
        <pc:cxnChg chg="mod">
          <ac:chgData name="Theis Ziegler" userId="1d0357a8-3efe-41fa-839c-7601d995f2eb" providerId="ADAL" clId="{DF415A0B-A0B9-4C60-9114-93ED0130F608}" dt="2026-03-04T11:57:03.994" v="3690" actId="962"/>
          <ac:cxnSpMkLst>
            <pc:docMk/>
            <pc:sldMk cId="1410449997" sldId="2147473508"/>
            <ac:cxnSpMk id="80" creationId="{6D7B1481-9164-A74E-2655-846653C5A187}"/>
          </ac:cxnSpMkLst>
        </pc:cxnChg>
        <pc:cxnChg chg="mod">
          <ac:chgData name="Theis Ziegler" userId="1d0357a8-3efe-41fa-839c-7601d995f2eb" providerId="ADAL" clId="{DF415A0B-A0B9-4C60-9114-93ED0130F608}" dt="2026-03-04T11:57:03.994" v="3690" actId="962"/>
          <ac:cxnSpMkLst>
            <pc:docMk/>
            <pc:sldMk cId="1410449997" sldId="2147473508"/>
            <ac:cxnSpMk id="129" creationId="{8F3ACD10-9F8C-FA01-C5B8-D38B5E95AFAE}"/>
          </ac:cxnSpMkLst>
        </pc:cxnChg>
      </pc:sldChg>
      <pc:sldChg chg="addSp modSp add">
        <pc:chgData name="Theis Ziegler" userId="1d0357a8-3efe-41fa-839c-7601d995f2eb" providerId="ADAL" clId="{DF415A0B-A0B9-4C60-9114-93ED0130F608}" dt="2026-03-04T10:30:03.087" v="3459"/>
        <pc:sldMkLst>
          <pc:docMk/>
          <pc:sldMk cId="2224703583" sldId="2147473509"/>
        </pc:sldMkLst>
        <pc:spChg chg="mod">
          <ac:chgData name="Theis Ziegler" userId="1d0357a8-3efe-41fa-839c-7601d995f2eb" providerId="ADAL" clId="{DF415A0B-A0B9-4C60-9114-93ED0130F608}" dt="2026-03-04T10:29:55.258" v="3458"/>
          <ac:spMkLst>
            <pc:docMk/>
            <pc:sldMk cId="2224703583" sldId="2147473509"/>
            <ac:spMk id="3" creationId="{DE391946-C757-97F9-555C-FD00A20F9644}"/>
          </ac:spMkLst>
        </pc:spChg>
        <pc:spChg chg="mod">
          <ac:chgData name="Theis Ziegler" userId="1d0357a8-3efe-41fa-839c-7601d995f2eb" providerId="ADAL" clId="{DF415A0B-A0B9-4C60-9114-93ED0130F608}" dt="2026-03-04T10:29:49.494" v="3457"/>
          <ac:spMkLst>
            <pc:docMk/>
            <pc:sldMk cId="2224703583" sldId="2147473509"/>
            <ac:spMk id="4" creationId="{A4C2F36A-1518-2EE4-58CC-E4D1431A0D93}"/>
          </ac:spMkLst>
        </pc:spChg>
        <pc:spChg chg="mod">
          <ac:chgData name="Theis Ziegler" userId="1d0357a8-3efe-41fa-839c-7601d995f2eb" providerId="ADAL" clId="{DF415A0B-A0B9-4C60-9114-93ED0130F608}" dt="2026-03-04T10:29:49.494" v="3457"/>
          <ac:spMkLst>
            <pc:docMk/>
            <pc:sldMk cId="2224703583" sldId="2147473509"/>
            <ac:spMk id="5" creationId="{0E13B6B0-CDD0-37E0-6D0F-0FAE33BCEAF7}"/>
          </ac:spMkLst>
        </pc:spChg>
        <pc:spChg chg="mod">
          <ac:chgData name="Theis Ziegler" userId="1d0357a8-3efe-41fa-839c-7601d995f2eb" providerId="ADAL" clId="{DF415A0B-A0B9-4C60-9114-93ED0130F608}" dt="2026-03-04T10:30:03.087" v="3459"/>
          <ac:spMkLst>
            <pc:docMk/>
            <pc:sldMk cId="2224703583" sldId="2147473509"/>
            <ac:spMk id="6" creationId="{932BEF8B-5BD0-07FB-685D-6438B8753C31}"/>
          </ac:spMkLst>
        </pc:spChg>
        <pc:grpChg chg="add mod">
          <ac:chgData name="Theis Ziegler" userId="1d0357a8-3efe-41fa-839c-7601d995f2eb" providerId="ADAL" clId="{DF415A0B-A0B9-4C60-9114-93ED0130F608}" dt="2026-03-04T10:29:49.494" v="3457"/>
          <ac:grpSpMkLst>
            <pc:docMk/>
            <pc:sldMk cId="2224703583" sldId="2147473509"/>
            <ac:grpSpMk id="2" creationId="{933EE742-1164-6F49-E2B1-4BF46CF94A68}"/>
          </ac:grpSpMkLst>
        </pc:grpChg>
      </pc:sldChg>
      <pc:sldMasterChg chg="modSp mod modSldLayout">
        <pc:chgData name="Theis Ziegler" userId="1d0357a8-3efe-41fa-839c-7601d995f2eb" providerId="ADAL" clId="{DF415A0B-A0B9-4C60-9114-93ED0130F608}" dt="2026-03-26T12:27:09.292" v="4698" actId="139"/>
        <pc:sldMasterMkLst>
          <pc:docMk/>
          <pc:sldMasterMk cId="4062072059" sldId="2147483771"/>
        </pc:sldMasterMkLst>
        <pc:spChg chg="mod">
          <ac:chgData name="Theis Ziegler" userId="1d0357a8-3efe-41fa-839c-7601d995f2eb" providerId="ADAL" clId="{DF415A0B-A0B9-4C60-9114-93ED0130F608}" dt="2026-03-26T12:27:09.053" v="4672" actId="139"/>
          <ac:spMkLst>
            <pc:docMk/>
            <pc:sldMasterMk cId="4062072059" sldId="2147483771"/>
            <ac:spMk id="14" creationId="{134A23C1-0E96-D4EA-D334-6C357822C34E}"/>
          </ac:spMkLst>
        </pc:spChg>
        <pc:sldLayoutChg chg="modSp mod">
          <pc:chgData name="Theis Ziegler" userId="1d0357a8-3efe-41fa-839c-7601d995f2eb" providerId="ADAL" clId="{DF415A0B-A0B9-4C60-9114-93ED0130F608}" dt="2026-03-26T12:27:09.085" v="4674" actId="139"/>
          <pc:sldLayoutMkLst>
            <pc:docMk/>
            <pc:sldMasterMk cId="4062072059" sldId="2147483771"/>
            <pc:sldLayoutMk cId="3181667658" sldId="2147483795"/>
          </pc:sldLayoutMkLst>
          <pc:spChg chg="mod">
            <ac:chgData name="Theis Ziegler" userId="1d0357a8-3efe-41fa-839c-7601d995f2eb" providerId="ADAL" clId="{DF415A0B-A0B9-4C60-9114-93ED0130F608}" dt="2026-03-26T12:27:09.085" v="4674" actId="139"/>
            <ac:spMkLst>
              <pc:docMk/>
              <pc:sldMasterMk cId="4062072059" sldId="2147483771"/>
              <pc:sldLayoutMk cId="3181667658" sldId="2147483795"/>
              <ac:spMk id="17" creationId="{765EE0E0-F8F9-40AA-BA21-5319E31C2736}"/>
            </ac:spMkLst>
          </pc:spChg>
        </pc:sldLayoutChg>
        <pc:sldLayoutChg chg="modSp mod">
          <pc:chgData name="Theis Ziegler" userId="1d0357a8-3efe-41fa-839c-7601d995f2eb" providerId="ADAL" clId="{DF415A0B-A0B9-4C60-9114-93ED0130F608}" dt="2026-03-26T12:27:09.142" v="4682" actId="139"/>
          <pc:sldLayoutMkLst>
            <pc:docMk/>
            <pc:sldMasterMk cId="4062072059" sldId="2147483771"/>
            <pc:sldLayoutMk cId="277305366" sldId="2147483800"/>
          </pc:sldLayoutMkLst>
          <pc:spChg chg="mod">
            <ac:chgData name="Theis Ziegler" userId="1d0357a8-3efe-41fa-839c-7601d995f2eb" providerId="ADAL" clId="{DF415A0B-A0B9-4C60-9114-93ED0130F608}" dt="2026-03-26T12:27:09.142" v="4682" actId="139"/>
            <ac:spMkLst>
              <pc:docMk/>
              <pc:sldMasterMk cId="4062072059" sldId="2147483771"/>
              <pc:sldLayoutMk cId="277305366" sldId="2147483800"/>
              <ac:spMk id="2" creationId="{8901F19C-00DF-080E-BE3B-A06051CA14B8}"/>
            </ac:spMkLst>
          </pc:spChg>
          <pc:spChg chg="mod modVis">
            <ac:chgData name="Theis Ziegler" userId="1d0357a8-3efe-41fa-839c-7601d995f2eb" providerId="ADAL" clId="{DF415A0B-A0B9-4C60-9114-93ED0130F608}" dt="2026-03-26T12:27:09.117" v="4676" actId="139"/>
            <ac:spMkLst>
              <pc:docMk/>
              <pc:sldMasterMk cId="4062072059" sldId="2147483771"/>
              <pc:sldLayoutMk cId="277305366" sldId="2147483800"/>
              <ac:spMk id="15" creationId="{B584A4AE-89E3-E9CE-6BAB-1487A7C6C289}"/>
            </ac:spMkLst>
          </pc:spChg>
          <pc:spChg chg="mod">
            <ac:chgData name="Theis Ziegler" userId="1d0357a8-3efe-41fa-839c-7601d995f2eb" providerId="ADAL" clId="{DF415A0B-A0B9-4C60-9114-93ED0130F608}" dt="2026-03-26T12:27:09.117" v="4678" actId="139"/>
            <ac:spMkLst>
              <pc:docMk/>
              <pc:sldMasterMk cId="4062072059" sldId="2147483771"/>
              <pc:sldLayoutMk cId="277305366" sldId="2147483800"/>
              <ac:spMk id="17" creationId="{32CA410F-2F8F-D647-36B7-E066817EA6CB}"/>
            </ac:spMkLst>
          </pc:spChg>
          <pc:spChg chg="mod">
            <ac:chgData name="Theis Ziegler" userId="1d0357a8-3efe-41fa-839c-7601d995f2eb" providerId="ADAL" clId="{DF415A0B-A0B9-4C60-9114-93ED0130F608}" dt="2026-03-26T12:27:09.133" v="4680" actId="139"/>
            <ac:spMkLst>
              <pc:docMk/>
              <pc:sldMasterMk cId="4062072059" sldId="2147483771"/>
              <pc:sldLayoutMk cId="277305366" sldId="2147483800"/>
              <ac:spMk id="18" creationId="{BE665671-15A8-8F7C-DFB9-BC6BD5FB40EC}"/>
            </ac:spMkLst>
          </pc:spChg>
        </pc:sldLayoutChg>
        <pc:sldLayoutChg chg="modSp mod">
          <pc:chgData name="Theis Ziegler" userId="1d0357a8-3efe-41fa-839c-7601d995f2eb" providerId="ADAL" clId="{DF415A0B-A0B9-4C60-9114-93ED0130F608}" dt="2026-03-26T12:27:09.149" v="4684" actId="139"/>
          <pc:sldLayoutMkLst>
            <pc:docMk/>
            <pc:sldMasterMk cId="4062072059" sldId="2147483771"/>
            <pc:sldLayoutMk cId="317380234" sldId="2147483804"/>
          </pc:sldLayoutMkLst>
          <pc:spChg chg="mod">
            <ac:chgData name="Theis Ziegler" userId="1d0357a8-3efe-41fa-839c-7601d995f2eb" providerId="ADAL" clId="{DF415A0B-A0B9-4C60-9114-93ED0130F608}" dt="2026-03-26T12:27:09.149" v="4684" actId="139"/>
            <ac:spMkLst>
              <pc:docMk/>
              <pc:sldMasterMk cId="4062072059" sldId="2147483771"/>
              <pc:sldLayoutMk cId="317380234" sldId="2147483804"/>
              <ac:spMk id="12" creationId="{FD9CFC47-A7DE-4052-85A4-195DFC7ED710}"/>
            </ac:spMkLst>
          </pc:spChg>
        </pc:sldLayoutChg>
        <pc:sldLayoutChg chg="modSp mod">
          <pc:chgData name="Theis Ziegler" userId="1d0357a8-3efe-41fa-839c-7601d995f2eb" providerId="ADAL" clId="{DF415A0B-A0B9-4C60-9114-93ED0130F608}" dt="2026-03-26T12:27:09.165" v="4686" actId="139"/>
          <pc:sldLayoutMkLst>
            <pc:docMk/>
            <pc:sldMasterMk cId="4062072059" sldId="2147483771"/>
            <pc:sldLayoutMk cId="3569314465" sldId="2147483805"/>
          </pc:sldLayoutMkLst>
          <pc:spChg chg="mod">
            <ac:chgData name="Theis Ziegler" userId="1d0357a8-3efe-41fa-839c-7601d995f2eb" providerId="ADAL" clId="{DF415A0B-A0B9-4C60-9114-93ED0130F608}" dt="2026-03-26T12:27:09.165" v="4686" actId="139"/>
            <ac:spMkLst>
              <pc:docMk/>
              <pc:sldMasterMk cId="4062072059" sldId="2147483771"/>
              <pc:sldLayoutMk cId="3569314465" sldId="2147483805"/>
              <ac:spMk id="12" creationId="{F3D323A7-E77D-4AA0-B4B7-2C78C9599641}"/>
            </ac:spMkLst>
          </pc:spChg>
        </pc:sldLayoutChg>
        <pc:sldLayoutChg chg="modSp mod">
          <pc:chgData name="Theis Ziegler" userId="1d0357a8-3efe-41fa-839c-7601d995f2eb" providerId="ADAL" clId="{DF415A0B-A0B9-4C60-9114-93ED0130F608}" dt="2026-03-26T12:27:09.165" v="4688" actId="139"/>
          <pc:sldLayoutMkLst>
            <pc:docMk/>
            <pc:sldMasterMk cId="4062072059" sldId="2147483771"/>
            <pc:sldLayoutMk cId="935781164" sldId="2147483806"/>
          </pc:sldLayoutMkLst>
          <pc:spChg chg="mod">
            <ac:chgData name="Theis Ziegler" userId="1d0357a8-3efe-41fa-839c-7601d995f2eb" providerId="ADAL" clId="{DF415A0B-A0B9-4C60-9114-93ED0130F608}" dt="2026-03-26T12:27:09.165" v="4688" actId="139"/>
            <ac:spMkLst>
              <pc:docMk/>
              <pc:sldMasterMk cId="4062072059" sldId="2147483771"/>
              <pc:sldLayoutMk cId="935781164" sldId="2147483806"/>
              <ac:spMk id="12" creationId="{DF54FF09-93BA-41CC-AFB4-BDF4C91CA9B1}"/>
            </ac:spMkLst>
          </pc:spChg>
        </pc:sldLayoutChg>
        <pc:sldLayoutChg chg="modSp mod">
          <pc:chgData name="Theis Ziegler" userId="1d0357a8-3efe-41fa-839c-7601d995f2eb" providerId="ADAL" clId="{DF415A0B-A0B9-4C60-9114-93ED0130F608}" dt="2026-03-26T12:27:09.181" v="4690" actId="139"/>
          <pc:sldLayoutMkLst>
            <pc:docMk/>
            <pc:sldMasterMk cId="4062072059" sldId="2147483771"/>
            <pc:sldLayoutMk cId="1576751484" sldId="2147483807"/>
          </pc:sldLayoutMkLst>
          <pc:spChg chg="mod">
            <ac:chgData name="Theis Ziegler" userId="1d0357a8-3efe-41fa-839c-7601d995f2eb" providerId="ADAL" clId="{DF415A0B-A0B9-4C60-9114-93ED0130F608}" dt="2026-03-26T12:27:09.181" v="4690" actId="139"/>
            <ac:spMkLst>
              <pc:docMk/>
              <pc:sldMasterMk cId="4062072059" sldId="2147483771"/>
              <pc:sldLayoutMk cId="1576751484" sldId="2147483807"/>
              <ac:spMk id="12" creationId="{50D0E46F-A3EA-4535-8DC2-340BA31A1F0A}"/>
            </ac:spMkLst>
          </pc:spChg>
        </pc:sldLayoutChg>
        <pc:sldLayoutChg chg="modSp mod">
          <pc:chgData name="Theis Ziegler" userId="1d0357a8-3efe-41fa-839c-7601d995f2eb" providerId="ADAL" clId="{DF415A0B-A0B9-4C60-9114-93ED0130F608}" dt="2026-03-26T12:27:09.197" v="4692" actId="139"/>
          <pc:sldLayoutMkLst>
            <pc:docMk/>
            <pc:sldMasterMk cId="4062072059" sldId="2147483771"/>
            <pc:sldLayoutMk cId="190029171" sldId="2147483808"/>
          </pc:sldLayoutMkLst>
          <pc:spChg chg="mod">
            <ac:chgData name="Theis Ziegler" userId="1d0357a8-3efe-41fa-839c-7601d995f2eb" providerId="ADAL" clId="{DF415A0B-A0B9-4C60-9114-93ED0130F608}" dt="2026-03-26T12:27:09.197" v="4692" actId="139"/>
            <ac:spMkLst>
              <pc:docMk/>
              <pc:sldMasterMk cId="4062072059" sldId="2147483771"/>
              <pc:sldLayoutMk cId="190029171" sldId="2147483808"/>
              <ac:spMk id="12" creationId="{093F4C7E-BD8C-4CF1-84CD-0543921C4E96}"/>
            </ac:spMkLst>
          </pc:spChg>
        </pc:sldLayoutChg>
        <pc:sldLayoutChg chg="modSp mod">
          <pc:chgData name="Theis Ziegler" userId="1d0357a8-3efe-41fa-839c-7601d995f2eb" providerId="ADAL" clId="{DF415A0B-A0B9-4C60-9114-93ED0130F608}" dt="2026-03-26T12:27:09.274" v="4694" actId="139"/>
          <pc:sldLayoutMkLst>
            <pc:docMk/>
            <pc:sldMasterMk cId="4062072059" sldId="2147483771"/>
            <pc:sldLayoutMk cId="555341100" sldId="2147483828"/>
          </pc:sldLayoutMkLst>
          <pc:spChg chg="mod">
            <ac:chgData name="Theis Ziegler" userId="1d0357a8-3efe-41fa-839c-7601d995f2eb" providerId="ADAL" clId="{DF415A0B-A0B9-4C60-9114-93ED0130F608}" dt="2026-03-26T12:27:09.274" v="4694" actId="139"/>
            <ac:spMkLst>
              <pc:docMk/>
              <pc:sldMasterMk cId="4062072059" sldId="2147483771"/>
              <pc:sldLayoutMk cId="555341100" sldId="2147483828"/>
              <ac:spMk id="21" creationId="{F20CF9DC-5B12-4927-98D5-BD3DBD780223}"/>
            </ac:spMkLst>
          </pc:spChg>
        </pc:sldLayoutChg>
        <pc:sldLayoutChg chg="modSp mod">
          <pc:chgData name="Theis Ziegler" userId="1d0357a8-3efe-41fa-839c-7601d995f2eb" providerId="ADAL" clId="{DF415A0B-A0B9-4C60-9114-93ED0130F608}" dt="2026-03-26T12:27:09.276" v="4696" actId="139"/>
          <pc:sldLayoutMkLst>
            <pc:docMk/>
            <pc:sldMasterMk cId="4062072059" sldId="2147483771"/>
            <pc:sldLayoutMk cId="31490356" sldId="2147483855"/>
          </pc:sldLayoutMkLst>
          <pc:spChg chg="mod">
            <ac:chgData name="Theis Ziegler" userId="1d0357a8-3efe-41fa-839c-7601d995f2eb" providerId="ADAL" clId="{DF415A0B-A0B9-4C60-9114-93ED0130F608}" dt="2026-03-26T12:27:09.276" v="4696" actId="139"/>
            <ac:spMkLst>
              <pc:docMk/>
              <pc:sldMasterMk cId="4062072059" sldId="2147483771"/>
              <pc:sldLayoutMk cId="31490356" sldId="2147483855"/>
              <ac:spMk id="11" creationId="{E85933CF-2E07-4D4E-9911-F315F4A8C593}"/>
            </ac:spMkLst>
          </pc:spChg>
        </pc:sldLayoutChg>
        <pc:sldLayoutChg chg="modSp mod">
          <pc:chgData name="Theis Ziegler" userId="1d0357a8-3efe-41fa-839c-7601d995f2eb" providerId="ADAL" clId="{DF415A0B-A0B9-4C60-9114-93ED0130F608}" dt="2026-03-26T12:27:09.292" v="4698" actId="139"/>
          <pc:sldLayoutMkLst>
            <pc:docMk/>
            <pc:sldMasterMk cId="4062072059" sldId="2147483771"/>
            <pc:sldLayoutMk cId="2403087012" sldId="2147483856"/>
          </pc:sldLayoutMkLst>
          <pc:spChg chg="mod">
            <ac:chgData name="Theis Ziegler" userId="1d0357a8-3efe-41fa-839c-7601d995f2eb" providerId="ADAL" clId="{DF415A0B-A0B9-4C60-9114-93ED0130F608}" dt="2026-03-26T12:27:09.292" v="4698" actId="139"/>
            <ac:spMkLst>
              <pc:docMk/>
              <pc:sldMasterMk cId="4062072059" sldId="2147483771"/>
              <pc:sldLayoutMk cId="2403087012" sldId="2147483856"/>
              <ac:spMk id="11" creationId="{9BA48053-1A5D-4A47-AE95-11FBDA3C42CE}"/>
            </ac:spMkLst>
          </pc:spChg>
        </pc:sldLayoutChg>
      </pc:sldMasterChg>
    </pc:docChg>
  </pc:docChgLst>
</pc:chgInfo>
</file>

<file path=ppt/charts/_rels/chart1.xml.rels><?xml version="1.0" encoding="UTF-8" standalone="yes"?>
<Relationships xmlns="http://schemas.openxmlformats.org/package/2006/relationships"><Relationship Id="rId3" Type="http://schemas.openxmlformats.org/officeDocument/2006/relationships/oleObject" Target="Mappe1" TargetMode="External"/><Relationship Id="rId2" Type="http://schemas.microsoft.com/office/2011/relationships/chartColorStyle" Target="colors1.xml"/><Relationship Id="rId1" Type="http://schemas.microsoft.com/office/2011/relationships/chartStyle" Target="style1.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stacked"/>
        <c:varyColors val="0"/>
        <c:ser>
          <c:idx val="0"/>
          <c:order val="0"/>
          <c:tx>
            <c:strRef>
              <c:f>'Ark1'!$C$8</c:f>
              <c:strCache>
                <c:ptCount val="1"/>
                <c:pt idx="0">
                  <c:v>Leverandøromkostninger</c:v>
                </c:pt>
              </c:strCache>
            </c:strRef>
          </c:tx>
          <c:spPr>
            <a:solidFill>
              <a:srgbClr val="E8ECF2"/>
            </a:solidFill>
            <a:ln>
              <a:noFill/>
            </a:ln>
            <a:effectLst/>
          </c:spPr>
          <c:invertIfNegative val="0"/>
          <c:dLbls>
            <c:numFmt formatCode="#,##0\ &quot;kr.&quot;" sourceLinked="0"/>
            <c:spPr>
              <a:noFill/>
              <a:ln>
                <a:noFill/>
              </a:ln>
              <a:effectLst/>
            </c:spPr>
            <c:txPr>
              <a:bodyPr rot="0" spcFirstLastPara="1" vertOverflow="ellipsis" vert="horz" wrap="square" lIns="38100" tIns="19050" rIns="38100" bIns="19050" anchor="ctr" anchorCtr="1">
                <a:spAutoFit/>
              </a:bodyPr>
              <a:lstStyle/>
              <a:p>
                <a:pPr>
                  <a:defRPr lang="en-US" sz="700" b="0" i="0" u="none" strike="noStrike" kern="1200" baseline="0">
                    <a:solidFill>
                      <a:schemeClr val="tx1"/>
                    </a:solidFill>
                    <a:latin typeface="+mn-lt"/>
                    <a:ea typeface="+mn-ea"/>
                    <a:cs typeface="+mn-cs"/>
                  </a:defRPr>
                </a:pPr>
                <a:endParaRPr lang="da-DK"/>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Ark1'!$D$7:$E$7</c:f>
              <c:strCache>
                <c:ptCount val="2"/>
                <c:pt idx="0">
                  <c:v>Microsoft Azure</c:v>
                </c:pt>
                <c:pt idx="1">
                  <c:v>Hetzner</c:v>
                </c:pt>
              </c:strCache>
            </c:strRef>
          </c:cat>
          <c:val>
            <c:numRef>
              <c:f>'Ark1'!$D$8:$E$8</c:f>
              <c:numCache>
                <c:formatCode>#,##0\ "kr."</c:formatCode>
                <c:ptCount val="2"/>
                <c:pt idx="0">
                  <c:v>842000</c:v>
                </c:pt>
                <c:pt idx="1">
                  <c:v>233000</c:v>
                </c:pt>
              </c:numCache>
            </c:numRef>
          </c:val>
          <c:extLst>
            <c:ext xmlns:c16="http://schemas.microsoft.com/office/drawing/2014/chart" uri="{C3380CC4-5D6E-409C-BE32-E72D297353CC}">
              <c16:uniqueId val="{00000000-8884-458F-89B2-F815FC4CE8F9}"/>
            </c:ext>
          </c:extLst>
        </c:ser>
        <c:ser>
          <c:idx val="1"/>
          <c:order val="1"/>
          <c:tx>
            <c:strRef>
              <c:f>'Ark1'!$C$9</c:f>
              <c:strCache>
                <c:ptCount val="1"/>
                <c:pt idx="0">
                  <c:v>Varige interne driftsomkostninger</c:v>
                </c:pt>
              </c:strCache>
            </c:strRef>
          </c:tx>
          <c:spPr>
            <a:solidFill>
              <a:srgbClr val="FFBECF">
                <a:alpha val="90000"/>
              </a:srgbClr>
            </a:solidFill>
            <a:ln>
              <a:noFill/>
            </a:ln>
            <a:effectLst/>
          </c:spPr>
          <c:invertIfNegative val="0"/>
          <c:dLbls>
            <c:dLbl>
              <c:idx val="1"/>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0C9D-4D49-916B-6A66683CF114}"/>
                </c:ext>
              </c:extLst>
            </c:dLbl>
            <c:spPr>
              <a:noFill/>
              <a:ln>
                <a:noFill/>
              </a:ln>
              <a:effectLst/>
            </c:spPr>
            <c:txPr>
              <a:bodyPr rot="0" spcFirstLastPara="1" vertOverflow="ellipsis" vert="horz" wrap="square" lIns="38100" tIns="19050" rIns="38100" bIns="19050" anchor="ctr" anchorCtr="1">
                <a:spAutoFit/>
              </a:bodyPr>
              <a:lstStyle/>
              <a:p>
                <a:pPr>
                  <a:defRPr lang="en-US" sz="700" b="0" i="0" u="none" strike="noStrike" kern="1200" baseline="0">
                    <a:solidFill>
                      <a:schemeClr val="tx1"/>
                    </a:solidFill>
                    <a:latin typeface="+mn-lt"/>
                    <a:ea typeface="+mn-ea"/>
                    <a:cs typeface="+mn-cs"/>
                  </a:defRPr>
                </a:pPr>
                <a:endParaRPr lang="da-DK"/>
              </a:p>
            </c:txPr>
            <c:dLblPos val="inEnd"/>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Ark1'!$D$7:$E$7</c:f>
              <c:strCache>
                <c:ptCount val="2"/>
                <c:pt idx="0">
                  <c:v>Microsoft Azure</c:v>
                </c:pt>
                <c:pt idx="1">
                  <c:v>Hetzner</c:v>
                </c:pt>
              </c:strCache>
            </c:strRef>
          </c:cat>
          <c:val>
            <c:numRef>
              <c:f>'Ark1'!$D$9:$E$9</c:f>
              <c:numCache>
                <c:formatCode>#,##0\ "kr."</c:formatCode>
                <c:ptCount val="2"/>
                <c:pt idx="1">
                  <c:v>200000</c:v>
                </c:pt>
              </c:numCache>
            </c:numRef>
          </c:val>
          <c:extLst>
            <c:ext xmlns:c16="http://schemas.microsoft.com/office/drawing/2014/chart" uri="{C3380CC4-5D6E-409C-BE32-E72D297353CC}">
              <c16:uniqueId val="{00000002-8884-458F-89B2-F815FC4CE8F9}"/>
            </c:ext>
          </c:extLst>
        </c:ser>
        <c:dLbls>
          <c:dLblPos val="inEnd"/>
          <c:showLegendKey val="0"/>
          <c:showVal val="1"/>
          <c:showCatName val="0"/>
          <c:showSerName val="0"/>
          <c:showPercent val="0"/>
          <c:showBubbleSize val="0"/>
        </c:dLbls>
        <c:gapWidth val="150"/>
        <c:overlap val="100"/>
        <c:axId val="1337362000"/>
        <c:axId val="1337360080"/>
      </c:barChart>
      <c:catAx>
        <c:axId val="1337362000"/>
        <c:scaling>
          <c:orientation val="minMax"/>
        </c:scaling>
        <c:delete val="0"/>
        <c:axPos val="b"/>
        <c:numFmt formatCode="General" sourceLinked="1"/>
        <c:majorTickMark val="out"/>
        <c:minorTickMark val="none"/>
        <c:tickLblPos val="nextTo"/>
        <c:spPr>
          <a:noFill/>
          <a:ln w="9525" cap="flat" cmpd="sng" algn="ctr">
            <a:solidFill>
              <a:srgbClr val="024D78"/>
            </a:solidFill>
            <a:round/>
          </a:ln>
          <a:effectLst/>
        </c:spPr>
        <c:txPr>
          <a:bodyPr rot="-60000000" spcFirstLastPara="1" vertOverflow="ellipsis" vert="horz" wrap="square" anchor="ctr" anchorCtr="1"/>
          <a:lstStyle/>
          <a:p>
            <a:pPr>
              <a:defRPr lang="en-US" sz="800" b="0" i="0" u="none" strike="noStrike" kern="1200" baseline="0">
                <a:solidFill>
                  <a:schemeClr val="tx1"/>
                </a:solidFill>
                <a:latin typeface="+mn-lt"/>
                <a:ea typeface="+mn-ea"/>
                <a:cs typeface="+mn-cs"/>
              </a:defRPr>
            </a:pPr>
            <a:endParaRPr lang="da-DK"/>
          </a:p>
        </c:txPr>
        <c:crossAx val="1337360080"/>
        <c:crosses val="autoZero"/>
        <c:auto val="1"/>
        <c:lblAlgn val="ctr"/>
        <c:lblOffset val="100"/>
        <c:noMultiLvlLbl val="0"/>
      </c:catAx>
      <c:valAx>
        <c:axId val="1337360080"/>
        <c:scaling>
          <c:orientation val="minMax"/>
          <c:max val="1000000"/>
        </c:scaling>
        <c:delete val="0"/>
        <c:axPos val="l"/>
        <c:title>
          <c:tx>
            <c:rich>
              <a:bodyPr rot="-5400000" spcFirstLastPara="1" vertOverflow="ellipsis" vert="horz" wrap="square" anchor="ctr" anchorCtr="1"/>
              <a:lstStyle/>
              <a:p>
                <a:pPr>
                  <a:defRPr lang="en-US" sz="1000" b="0" i="0" u="none" strike="noStrike" kern="1200" baseline="0">
                    <a:solidFill>
                      <a:schemeClr val="tx1"/>
                    </a:solidFill>
                    <a:latin typeface="+mn-lt"/>
                    <a:ea typeface="+mn-ea"/>
                    <a:cs typeface="+mn-cs"/>
                  </a:defRPr>
                </a:pPr>
                <a:r>
                  <a:rPr lang="da-DK" sz="800" noProof="0" dirty="0"/>
                  <a:t> </a:t>
                </a:r>
                <a:r>
                  <a:rPr lang="da-DK" sz="800" baseline="0" noProof="0" dirty="0"/>
                  <a:t> Årlige o</a:t>
                </a:r>
                <a:r>
                  <a:rPr lang="da-DK" sz="800" noProof="0" dirty="0"/>
                  <a:t>mkostninger</a:t>
                </a:r>
              </a:p>
            </c:rich>
          </c:tx>
          <c:overlay val="0"/>
          <c:spPr>
            <a:noFill/>
            <a:ln>
              <a:noFill/>
            </a:ln>
            <a:effectLst/>
          </c:spPr>
          <c:txPr>
            <a:bodyPr rot="-5400000" spcFirstLastPara="1" vertOverflow="ellipsis" vert="horz" wrap="square" anchor="ctr" anchorCtr="1"/>
            <a:lstStyle/>
            <a:p>
              <a:pPr>
                <a:defRPr lang="en-US" sz="1000" b="0" i="0" u="none" strike="noStrike" kern="1200" baseline="0">
                  <a:solidFill>
                    <a:schemeClr val="tx1"/>
                  </a:solidFill>
                  <a:latin typeface="+mn-lt"/>
                  <a:ea typeface="+mn-ea"/>
                  <a:cs typeface="+mn-cs"/>
                </a:defRPr>
              </a:pPr>
              <a:endParaRPr lang="da-DK"/>
            </a:p>
          </c:txPr>
        </c:title>
        <c:numFmt formatCode="#,##0\ &quot;kr.&quot;" sourceLinked="0"/>
        <c:majorTickMark val="out"/>
        <c:minorTickMark val="none"/>
        <c:tickLblPos val="nextTo"/>
        <c:spPr>
          <a:noFill/>
          <a:ln>
            <a:noFill/>
          </a:ln>
          <a:effectLst/>
        </c:spPr>
        <c:txPr>
          <a:bodyPr rot="-60000000" spcFirstLastPara="1" vertOverflow="ellipsis" vert="horz" wrap="square" anchor="ctr" anchorCtr="1"/>
          <a:lstStyle/>
          <a:p>
            <a:pPr>
              <a:defRPr lang="en-US" sz="700" b="0" i="0" u="none" strike="noStrike" kern="1200" baseline="0">
                <a:solidFill>
                  <a:schemeClr val="tx1"/>
                </a:solidFill>
                <a:latin typeface="+mn-lt"/>
                <a:ea typeface="+mn-ea"/>
                <a:cs typeface="+mn-cs"/>
              </a:defRPr>
            </a:pPr>
            <a:endParaRPr lang="da-DK"/>
          </a:p>
        </c:txPr>
        <c:crossAx val="1337362000"/>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lang="en-US" sz="1000" b="0" i="0" u="none" strike="noStrike" kern="1200" baseline="0">
          <a:solidFill>
            <a:schemeClr val="tx1"/>
          </a:solidFill>
          <a:latin typeface="+mn-lt"/>
          <a:ea typeface="+mn-ea"/>
          <a:cs typeface="+mn-cs"/>
        </a:defRPr>
      </a:pPr>
      <a:endParaRPr lang="da-DK"/>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21582" cy="495348"/>
          </a:xfrm>
          <a:prstGeom prst="rect">
            <a:avLst/>
          </a:prstGeom>
        </p:spPr>
        <p:txBody>
          <a:bodyPr vert="horz" lIns="91440" tIns="45720" rIns="91440" bIns="45720" rtlCol="0"/>
          <a:lstStyle>
            <a:lvl1pPr algn="l">
              <a:defRPr sz="1200"/>
            </a:lvl1pPr>
          </a:lstStyle>
          <a:p>
            <a:endParaRPr lang="en-GB"/>
          </a:p>
        </p:txBody>
      </p:sp>
      <p:sp>
        <p:nvSpPr>
          <p:cNvPr id="4" name="Footer Placeholder 3"/>
          <p:cNvSpPr>
            <a:spLocks noGrp="1"/>
          </p:cNvSpPr>
          <p:nvPr>
            <p:ph type="ftr" sz="quarter" idx="2"/>
          </p:nvPr>
        </p:nvSpPr>
        <p:spPr>
          <a:xfrm>
            <a:off x="0" y="9377317"/>
            <a:ext cx="2921582" cy="49534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p:cNvSpPr>
            <a:spLocks noGrp="1"/>
          </p:cNvSpPr>
          <p:nvPr>
            <p:ph type="sldNum" sz="quarter" idx="3"/>
          </p:nvPr>
        </p:nvSpPr>
        <p:spPr>
          <a:xfrm>
            <a:off x="3818971" y="9377317"/>
            <a:ext cx="2921582" cy="495347"/>
          </a:xfrm>
          <a:prstGeom prst="rect">
            <a:avLst/>
          </a:prstGeom>
        </p:spPr>
        <p:txBody>
          <a:bodyPr vert="horz" lIns="91440" tIns="45720" rIns="91440" bIns="45720" rtlCol="0" anchor="b"/>
          <a:lstStyle>
            <a:lvl1pPr algn="r">
              <a:defRPr sz="1200"/>
            </a:lvl1pPr>
          </a:lstStyle>
          <a:p>
            <a:fld id="{F545B0AC-3C21-415C-AE16-0BF48B073E90}" type="slidenum">
              <a:rPr lang="en-GB" smtClean="0"/>
              <a:t>‹#›</a:t>
            </a:fld>
            <a:endParaRPr lang="en-GB"/>
          </a:p>
        </p:txBody>
      </p:sp>
    </p:spTree>
    <p:extLst>
      <p:ext uri="{BB962C8B-B14F-4D97-AF65-F5344CB8AC3E}">
        <p14:creationId xmlns:p14="http://schemas.microsoft.com/office/powerpoint/2010/main" val="2358758057"/>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21582" cy="49534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18971" y="0"/>
            <a:ext cx="2921582" cy="495348"/>
          </a:xfrm>
          <a:prstGeom prst="rect">
            <a:avLst/>
          </a:prstGeom>
        </p:spPr>
        <p:txBody>
          <a:bodyPr vert="horz" lIns="91440" tIns="45720" rIns="91440" bIns="45720" rtlCol="0"/>
          <a:lstStyle>
            <a:lvl1pPr algn="r">
              <a:defRPr sz="1200"/>
            </a:lvl1pPr>
          </a:lstStyle>
          <a:p>
            <a:fld id="{6BE91546-E539-4711-8823-DA5C7B480360}" type="datetimeFigureOut">
              <a:rPr lang="en-GB" smtClean="0"/>
              <a:t>26/03/2026</a:t>
            </a:fld>
            <a:endParaRPr lang="en-GB"/>
          </a:p>
        </p:txBody>
      </p:sp>
      <p:sp>
        <p:nvSpPr>
          <p:cNvPr id="4" name="Slide Image Placeholder 3"/>
          <p:cNvSpPr>
            <a:spLocks noGrp="1" noRot="1" noChangeAspect="1"/>
          </p:cNvSpPr>
          <p:nvPr>
            <p:ph type="sldImg" idx="2"/>
          </p:nvPr>
        </p:nvSpPr>
        <p:spPr>
          <a:xfrm>
            <a:off x="409575" y="1233488"/>
            <a:ext cx="5922963" cy="3332162"/>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74212" y="4751219"/>
            <a:ext cx="5393690" cy="3887361"/>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9377317"/>
            <a:ext cx="2921582" cy="49534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18971" y="9377317"/>
            <a:ext cx="2921582" cy="495347"/>
          </a:xfrm>
          <a:prstGeom prst="rect">
            <a:avLst/>
          </a:prstGeom>
        </p:spPr>
        <p:txBody>
          <a:bodyPr vert="horz" lIns="91440" tIns="45720" rIns="91440" bIns="45720" rtlCol="0" anchor="b"/>
          <a:lstStyle>
            <a:lvl1pPr algn="r">
              <a:defRPr sz="1200"/>
            </a:lvl1pPr>
          </a:lstStyle>
          <a:p>
            <a:fld id="{4398B954-2888-4EEA-BC75-22288D66EB13}" type="slidenum">
              <a:rPr lang="en-GB" smtClean="0"/>
              <a:t>‹#›</a:t>
            </a:fld>
            <a:endParaRPr lang="en-GB"/>
          </a:p>
        </p:txBody>
      </p:sp>
    </p:spTree>
    <p:extLst>
      <p:ext uri="{BB962C8B-B14F-4D97-AF65-F5344CB8AC3E}">
        <p14:creationId xmlns:p14="http://schemas.microsoft.com/office/powerpoint/2010/main" val="2678759266"/>
      </p:ext>
    </p:extLst>
  </p:cSld>
  <p:clrMap bg1="lt1" tx1="dk1" bg2="lt2" tx2="dk2" accent1="accent1" accent2="accent2" accent3="accent3" accent4="accent4" accent5="accent5" accent6="accent6" hlink="hlink" folHlink="folHlink"/>
  <p:notesStyle>
    <a:lvl1pPr marL="0" algn="l" defTabSz="1039307" rtl="0" eaLnBrk="1" latinLnBrk="0" hangingPunct="1">
      <a:defRPr sz="1400" kern="1200">
        <a:solidFill>
          <a:schemeClr val="tx1"/>
        </a:solidFill>
        <a:latin typeface="+mn-lt"/>
        <a:ea typeface="+mn-ea"/>
        <a:cs typeface="+mn-cs"/>
      </a:defRPr>
    </a:lvl1pPr>
    <a:lvl2pPr marL="519654" algn="l" defTabSz="1039307" rtl="0" eaLnBrk="1" latinLnBrk="0" hangingPunct="1">
      <a:defRPr sz="1400" kern="1200">
        <a:solidFill>
          <a:schemeClr val="tx1"/>
        </a:solidFill>
        <a:latin typeface="+mn-lt"/>
        <a:ea typeface="+mn-ea"/>
        <a:cs typeface="+mn-cs"/>
      </a:defRPr>
    </a:lvl2pPr>
    <a:lvl3pPr marL="1039307" algn="l" defTabSz="1039307" rtl="0" eaLnBrk="1" latinLnBrk="0" hangingPunct="1">
      <a:defRPr sz="1400" kern="1200">
        <a:solidFill>
          <a:schemeClr val="tx1"/>
        </a:solidFill>
        <a:latin typeface="+mn-lt"/>
        <a:ea typeface="+mn-ea"/>
        <a:cs typeface="+mn-cs"/>
      </a:defRPr>
    </a:lvl3pPr>
    <a:lvl4pPr marL="1558961" algn="l" defTabSz="1039307" rtl="0" eaLnBrk="1" latinLnBrk="0" hangingPunct="1">
      <a:defRPr sz="1400" kern="1200">
        <a:solidFill>
          <a:schemeClr val="tx1"/>
        </a:solidFill>
        <a:latin typeface="+mn-lt"/>
        <a:ea typeface="+mn-ea"/>
        <a:cs typeface="+mn-cs"/>
      </a:defRPr>
    </a:lvl4pPr>
    <a:lvl5pPr marL="2078614" algn="l" defTabSz="1039307" rtl="0" eaLnBrk="1" latinLnBrk="0" hangingPunct="1">
      <a:defRPr sz="1400" kern="1200">
        <a:solidFill>
          <a:schemeClr val="tx1"/>
        </a:solidFill>
        <a:latin typeface="+mn-lt"/>
        <a:ea typeface="+mn-ea"/>
        <a:cs typeface="+mn-cs"/>
      </a:defRPr>
    </a:lvl5pPr>
    <a:lvl6pPr marL="2598268" algn="l" defTabSz="1039307" rtl="0" eaLnBrk="1" latinLnBrk="0" hangingPunct="1">
      <a:defRPr sz="1400" kern="1200">
        <a:solidFill>
          <a:schemeClr val="tx1"/>
        </a:solidFill>
        <a:latin typeface="+mn-lt"/>
        <a:ea typeface="+mn-ea"/>
        <a:cs typeface="+mn-cs"/>
      </a:defRPr>
    </a:lvl6pPr>
    <a:lvl7pPr marL="3117921" algn="l" defTabSz="1039307" rtl="0" eaLnBrk="1" latinLnBrk="0" hangingPunct="1">
      <a:defRPr sz="1400" kern="1200">
        <a:solidFill>
          <a:schemeClr val="tx1"/>
        </a:solidFill>
        <a:latin typeface="+mn-lt"/>
        <a:ea typeface="+mn-ea"/>
        <a:cs typeface="+mn-cs"/>
      </a:defRPr>
    </a:lvl7pPr>
    <a:lvl8pPr marL="3637575" algn="l" defTabSz="1039307" rtl="0" eaLnBrk="1" latinLnBrk="0" hangingPunct="1">
      <a:defRPr sz="1400" kern="1200">
        <a:solidFill>
          <a:schemeClr val="tx1"/>
        </a:solidFill>
        <a:latin typeface="+mn-lt"/>
        <a:ea typeface="+mn-ea"/>
        <a:cs typeface="+mn-cs"/>
      </a:defRPr>
    </a:lvl8pPr>
    <a:lvl9pPr marL="4157228" algn="l" defTabSz="1039307"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4398B954-2888-4EEA-BC75-22288D66EB13}" type="slidenum">
              <a:rPr lang="en-GB" smtClean="0"/>
              <a:t>1</a:t>
            </a:fld>
            <a:endParaRPr lang="en-GB"/>
          </a:p>
        </p:txBody>
      </p:sp>
    </p:spTree>
    <p:extLst>
      <p:ext uri="{BB962C8B-B14F-4D97-AF65-F5344CB8AC3E}">
        <p14:creationId xmlns:p14="http://schemas.microsoft.com/office/powerpoint/2010/main" val="314002841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GB"/>
          </a:p>
        </p:txBody>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12</a:t>
            </a:fld>
            <a:endParaRPr lang="en-GB"/>
          </a:p>
        </p:txBody>
      </p:sp>
    </p:spTree>
    <p:extLst>
      <p:ext uri="{BB962C8B-B14F-4D97-AF65-F5344CB8AC3E}">
        <p14:creationId xmlns:p14="http://schemas.microsoft.com/office/powerpoint/2010/main" val="164211216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5B035A-72C3-ED80-0187-DE829092F05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B03A5EC-C544-8A0B-0DA3-165BC8343C94}"/>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6047D710-6FA9-9BC8-12E2-9F60B4D8D897}"/>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146C150D-9072-DF57-A828-40BDBC918438}"/>
              </a:ext>
            </a:extLst>
          </p:cNvPr>
          <p:cNvSpPr>
            <a:spLocks noGrp="1"/>
          </p:cNvSpPr>
          <p:nvPr>
            <p:ph type="sldNum" sz="quarter" idx="5"/>
          </p:nvPr>
        </p:nvSpPr>
        <p:spPr/>
        <p:txBody>
          <a:bodyPr/>
          <a:lstStyle/>
          <a:p>
            <a:fld id="{4398B954-2888-4EEA-BC75-22288D66EB13}" type="slidenum">
              <a:rPr lang="en-GB" smtClean="0"/>
              <a:t>13</a:t>
            </a:fld>
            <a:endParaRPr lang="en-GB"/>
          </a:p>
        </p:txBody>
      </p:sp>
    </p:spTree>
    <p:extLst>
      <p:ext uri="{BB962C8B-B14F-4D97-AF65-F5344CB8AC3E}">
        <p14:creationId xmlns:p14="http://schemas.microsoft.com/office/powerpoint/2010/main" val="119281870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143D1D-FAB1-193C-B7AD-844E3F89854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A52B817-A96D-58EA-8CF3-175FA4FEBB90}"/>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728F8F7E-4ADA-3619-8B30-2EB55840B11E}"/>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4D26663D-46ED-B8B2-532E-E80C8ED90F7A}"/>
              </a:ext>
            </a:extLst>
          </p:cNvPr>
          <p:cNvSpPr>
            <a:spLocks noGrp="1"/>
          </p:cNvSpPr>
          <p:nvPr>
            <p:ph type="sldNum" sz="quarter" idx="5"/>
          </p:nvPr>
        </p:nvSpPr>
        <p:spPr/>
        <p:txBody>
          <a:bodyPr/>
          <a:lstStyle/>
          <a:p>
            <a:fld id="{4398B954-2888-4EEA-BC75-22288D66EB13}" type="slidenum">
              <a:rPr lang="en-GB" smtClean="0"/>
              <a:t>14</a:t>
            </a:fld>
            <a:endParaRPr lang="en-GB"/>
          </a:p>
        </p:txBody>
      </p:sp>
    </p:spTree>
    <p:extLst>
      <p:ext uri="{BB962C8B-B14F-4D97-AF65-F5344CB8AC3E}">
        <p14:creationId xmlns:p14="http://schemas.microsoft.com/office/powerpoint/2010/main" val="146216902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C80304-4212-9739-4653-65B3C8BD307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92E384E-1A98-E969-2FB1-EEF6901BCF1E}"/>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5ABAAFC4-387C-90E5-963B-5D5251412741}"/>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1AAC4EF5-CCBB-E8C3-3B73-61719A28FCE7}"/>
              </a:ext>
            </a:extLst>
          </p:cNvPr>
          <p:cNvSpPr>
            <a:spLocks noGrp="1"/>
          </p:cNvSpPr>
          <p:nvPr>
            <p:ph type="sldNum" sz="quarter" idx="5"/>
          </p:nvPr>
        </p:nvSpPr>
        <p:spPr/>
        <p:txBody>
          <a:bodyPr/>
          <a:lstStyle/>
          <a:p>
            <a:fld id="{4398B954-2888-4EEA-BC75-22288D66EB13}" type="slidenum">
              <a:rPr lang="en-GB" smtClean="0"/>
              <a:t>15</a:t>
            </a:fld>
            <a:endParaRPr lang="en-GB"/>
          </a:p>
        </p:txBody>
      </p:sp>
    </p:spTree>
    <p:extLst>
      <p:ext uri="{BB962C8B-B14F-4D97-AF65-F5344CB8AC3E}">
        <p14:creationId xmlns:p14="http://schemas.microsoft.com/office/powerpoint/2010/main" val="419215686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3BA5D0-88E4-23C6-CAEB-F93ACAD8985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CDCB8E5-E85D-1D6B-81F2-06E3E04F39CD}"/>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F6595B42-0723-13F2-87FC-82F027FE5CA3}"/>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EA16E192-A9BB-5C0C-97EE-26DCC4D5A348}"/>
              </a:ext>
            </a:extLst>
          </p:cNvPr>
          <p:cNvSpPr>
            <a:spLocks noGrp="1"/>
          </p:cNvSpPr>
          <p:nvPr>
            <p:ph type="sldNum" sz="quarter" idx="5"/>
          </p:nvPr>
        </p:nvSpPr>
        <p:spPr/>
        <p:txBody>
          <a:bodyPr/>
          <a:lstStyle/>
          <a:p>
            <a:fld id="{4398B954-2888-4EEA-BC75-22288D66EB13}" type="slidenum">
              <a:rPr lang="en-GB" smtClean="0"/>
              <a:t>16</a:t>
            </a:fld>
            <a:endParaRPr lang="en-GB"/>
          </a:p>
        </p:txBody>
      </p:sp>
    </p:spTree>
    <p:extLst>
      <p:ext uri="{BB962C8B-B14F-4D97-AF65-F5344CB8AC3E}">
        <p14:creationId xmlns:p14="http://schemas.microsoft.com/office/powerpoint/2010/main" val="221608594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9AD99C1-40C6-B39F-2172-754FFAF9D0E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5443324-48A8-EA93-A017-8F6C1F6AC919}"/>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71195ECF-76A7-3CF2-390F-36A6DF7DD742}"/>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5E76293E-FFB4-14DD-ABCE-3548E6893D49}"/>
              </a:ext>
            </a:extLst>
          </p:cNvPr>
          <p:cNvSpPr>
            <a:spLocks noGrp="1"/>
          </p:cNvSpPr>
          <p:nvPr>
            <p:ph type="sldNum" sz="quarter" idx="5"/>
          </p:nvPr>
        </p:nvSpPr>
        <p:spPr/>
        <p:txBody>
          <a:bodyPr/>
          <a:lstStyle/>
          <a:p>
            <a:fld id="{4398B954-2888-4EEA-BC75-22288D66EB13}" type="slidenum">
              <a:rPr lang="en-GB" smtClean="0"/>
              <a:t>17</a:t>
            </a:fld>
            <a:endParaRPr lang="en-GB"/>
          </a:p>
        </p:txBody>
      </p:sp>
    </p:spTree>
    <p:extLst>
      <p:ext uri="{BB962C8B-B14F-4D97-AF65-F5344CB8AC3E}">
        <p14:creationId xmlns:p14="http://schemas.microsoft.com/office/powerpoint/2010/main" val="335110330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69C70AD-DCE2-20F6-3824-0A443B63FE6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49F95B4-7080-C8E3-C3FA-94DEDCA8443D}"/>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16B721C2-1462-C6FE-30E5-A46B425537DB}"/>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58CA98E0-041C-232F-9CCD-84D9234F1448}"/>
              </a:ext>
            </a:extLst>
          </p:cNvPr>
          <p:cNvSpPr>
            <a:spLocks noGrp="1"/>
          </p:cNvSpPr>
          <p:nvPr>
            <p:ph type="sldNum" sz="quarter" idx="5"/>
          </p:nvPr>
        </p:nvSpPr>
        <p:spPr/>
        <p:txBody>
          <a:bodyPr/>
          <a:lstStyle/>
          <a:p>
            <a:fld id="{4398B954-2888-4EEA-BC75-22288D66EB13}" type="slidenum">
              <a:rPr lang="en-GB" smtClean="0"/>
              <a:t>18</a:t>
            </a:fld>
            <a:endParaRPr lang="en-GB"/>
          </a:p>
        </p:txBody>
      </p:sp>
    </p:spTree>
    <p:extLst>
      <p:ext uri="{BB962C8B-B14F-4D97-AF65-F5344CB8AC3E}">
        <p14:creationId xmlns:p14="http://schemas.microsoft.com/office/powerpoint/2010/main" val="3112230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9E3F93-8F09-3FA3-CE93-51E381A1CCB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1EC4C2F-B4AF-26B1-23C9-0A6AAEBF8A31}"/>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14CA8197-6320-E99C-A26D-67A47FE6A5D6}"/>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69FF0D6E-CD12-00F0-D43C-2E2CC6D442D7}"/>
              </a:ext>
            </a:extLst>
          </p:cNvPr>
          <p:cNvSpPr>
            <a:spLocks noGrp="1"/>
          </p:cNvSpPr>
          <p:nvPr>
            <p:ph type="sldNum" sz="quarter" idx="5"/>
          </p:nvPr>
        </p:nvSpPr>
        <p:spPr/>
        <p:txBody>
          <a:bodyPr/>
          <a:lstStyle/>
          <a:p>
            <a:fld id="{4398B954-2888-4EEA-BC75-22288D66EB13}" type="slidenum">
              <a:rPr lang="en-GB" smtClean="0"/>
              <a:t>19</a:t>
            </a:fld>
            <a:endParaRPr lang="en-GB"/>
          </a:p>
        </p:txBody>
      </p:sp>
    </p:spTree>
    <p:extLst>
      <p:ext uri="{BB962C8B-B14F-4D97-AF65-F5344CB8AC3E}">
        <p14:creationId xmlns:p14="http://schemas.microsoft.com/office/powerpoint/2010/main" val="2070402259"/>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DD5A63-9B76-13DA-5855-4A8A1A9294A8}"/>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B1F9E627-FF83-188B-27F4-6B584918493D}"/>
              </a:ext>
            </a:extLst>
          </p:cNvPr>
          <p:cNvSpPr>
            <a:spLocks noGrp="1" noRot="1" noChangeAspect="1"/>
          </p:cNvSpPr>
          <p:nvPr>
            <p:ph type="sldImg"/>
          </p:nvPr>
        </p:nvSpPr>
        <p:spPr/>
        <p:txBody>
          <a:bodyPr/>
          <a:lstStyle/>
          <a:p>
            <a:endParaRPr lang="en-GB"/>
          </a:p>
        </p:txBody>
      </p:sp>
      <p:sp>
        <p:nvSpPr>
          <p:cNvPr id="3" name="Pladsholder til noter 2">
            <a:extLst>
              <a:ext uri="{FF2B5EF4-FFF2-40B4-BE49-F238E27FC236}">
                <a16:creationId xmlns:a16="http://schemas.microsoft.com/office/drawing/2014/main" id="{74DE3AFF-5CB7-C3D9-F0DC-BE6F5B52B3EE}"/>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C65396DF-E903-571D-A2E9-61D35D28B1D6}"/>
              </a:ext>
            </a:extLst>
          </p:cNvPr>
          <p:cNvSpPr>
            <a:spLocks noGrp="1"/>
          </p:cNvSpPr>
          <p:nvPr>
            <p:ph type="sldNum" sz="quarter" idx="5"/>
          </p:nvPr>
        </p:nvSpPr>
        <p:spPr/>
        <p:txBody>
          <a:bodyPr/>
          <a:lstStyle/>
          <a:p>
            <a:fld id="{4398B954-2888-4EEA-BC75-22288D66EB13}" type="slidenum">
              <a:rPr lang="en-GB" smtClean="0"/>
              <a:t>20</a:t>
            </a:fld>
            <a:endParaRPr lang="en-GB"/>
          </a:p>
        </p:txBody>
      </p:sp>
    </p:spTree>
    <p:extLst>
      <p:ext uri="{BB962C8B-B14F-4D97-AF65-F5344CB8AC3E}">
        <p14:creationId xmlns:p14="http://schemas.microsoft.com/office/powerpoint/2010/main" val="959324516"/>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21</a:t>
            </a:fld>
            <a:endParaRPr lang="en-GB"/>
          </a:p>
        </p:txBody>
      </p:sp>
    </p:spTree>
    <p:extLst>
      <p:ext uri="{BB962C8B-B14F-4D97-AF65-F5344CB8AC3E}">
        <p14:creationId xmlns:p14="http://schemas.microsoft.com/office/powerpoint/2010/main" val="129864453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76DFF2-4244-3A94-D0EA-8D78FEAC6F6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2C603D7-32F8-7C95-D88D-1C3D743F5E33}"/>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5911C061-1F55-AF57-1E6B-96D7CE2911DF}"/>
              </a:ext>
            </a:extLst>
          </p:cNvPr>
          <p:cNvSpPr>
            <a:spLocks noGrp="1"/>
          </p:cNvSpPr>
          <p:nvPr>
            <p:ph type="body" idx="1"/>
          </p:nvPr>
        </p:nvSpPr>
        <p:spPr/>
        <p:txBody>
          <a:bodyPr/>
          <a:lstStyle/>
          <a:p>
            <a:endParaRPr lang="en-DK"/>
          </a:p>
        </p:txBody>
      </p:sp>
      <p:sp>
        <p:nvSpPr>
          <p:cNvPr id="4" name="Slide Number Placeholder 3">
            <a:extLst>
              <a:ext uri="{FF2B5EF4-FFF2-40B4-BE49-F238E27FC236}">
                <a16:creationId xmlns:a16="http://schemas.microsoft.com/office/drawing/2014/main" id="{4AAB9D7C-B483-1EB7-630C-F3D49AF05F44}"/>
              </a:ext>
            </a:extLst>
          </p:cNvPr>
          <p:cNvSpPr>
            <a:spLocks noGrp="1"/>
          </p:cNvSpPr>
          <p:nvPr>
            <p:ph type="sldNum" sz="quarter" idx="5"/>
          </p:nvPr>
        </p:nvSpPr>
        <p:spPr/>
        <p:txBody>
          <a:bodyPr/>
          <a:lstStyle/>
          <a:p>
            <a:fld id="{4398B954-2888-4EEA-BC75-22288D66EB13}" type="slidenum">
              <a:rPr lang="en-GB" smtClean="0"/>
              <a:t>2</a:t>
            </a:fld>
            <a:endParaRPr lang="en-GB"/>
          </a:p>
        </p:txBody>
      </p:sp>
    </p:spTree>
    <p:extLst>
      <p:ext uri="{BB962C8B-B14F-4D97-AF65-F5344CB8AC3E}">
        <p14:creationId xmlns:p14="http://schemas.microsoft.com/office/powerpoint/2010/main" val="71109073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AF5C90-AE6A-0A0E-45DD-97A23E7A733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9677E1F-3741-5768-6F32-746F46DECF9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ED593A9-3375-96B6-4B00-0ECD20F3C2BC}"/>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3D1FECE7-0ABC-FA2B-212D-9D699684800C}"/>
              </a:ext>
            </a:extLst>
          </p:cNvPr>
          <p:cNvSpPr>
            <a:spLocks noGrp="1"/>
          </p:cNvSpPr>
          <p:nvPr>
            <p:ph type="sldNum" sz="quarter" idx="5"/>
          </p:nvPr>
        </p:nvSpPr>
        <p:spPr/>
        <p:txBody>
          <a:bodyPr/>
          <a:lstStyle/>
          <a:p>
            <a:fld id="{4398B954-2888-4EEA-BC75-22288D66EB13}" type="slidenum">
              <a:rPr lang="en-GB" smtClean="0"/>
              <a:t>22</a:t>
            </a:fld>
            <a:endParaRPr lang="en-GB"/>
          </a:p>
        </p:txBody>
      </p:sp>
    </p:spTree>
    <p:extLst>
      <p:ext uri="{BB962C8B-B14F-4D97-AF65-F5344CB8AC3E}">
        <p14:creationId xmlns:p14="http://schemas.microsoft.com/office/powerpoint/2010/main" val="465327632"/>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5336136-5859-97C4-EEB8-84CF1981FFE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2DF8FF3-BB45-E602-44E2-9922E9DF932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81498BE-2C12-AFC2-8EA4-D1C4BA473DA4}"/>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BBF89702-912F-2F75-E5E5-67762CEC26E1}"/>
              </a:ext>
            </a:extLst>
          </p:cNvPr>
          <p:cNvSpPr>
            <a:spLocks noGrp="1"/>
          </p:cNvSpPr>
          <p:nvPr>
            <p:ph type="sldNum" sz="quarter" idx="5"/>
          </p:nvPr>
        </p:nvSpPr>
        <p:spPr/>
        <p:txBody>
          <a:bodyPr/>
          <a:lstStyle/>
          <a:p>
            <a:fld id="{4398B954-2888-4EEA-BC75-22288D66EB13}" type="slidenum">
              <a:rPr lang="en-GB" smtClean="0"/>
              <a:t>23</a:t>
            </a:fld>
            <a:endParaRPr lang="en-GB"/>
          </a:p>
        </p:txBody>
      </p:sp>
    </p:spTree>
    <p:extLst>
      <p:ext uri="{BB962C8B-B14F-4D97-AF65-F5344CB8AC3E}">
        <p14:creationId xmlns:p14="http://schemas.microsoft.com/office/powerpoint/2010/main" val="3341719745"/>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E2E7BC-3759-87F5-B867-24BBDF0FF62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ED0BC7C-43B3-0C4C-23E0-330EF9D3A70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9A63AFF-CEF8-508B-0883-BD83F5556A25}"/>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EE4A131C-CB9D-5E98-3378-7B208B1580F4}"/>
              </a:ext>
            </a:extLst>
          </p:cNvPr>
          <p:cNvSpPr>
            <a:spLocks noGrp="1"/>
          </p:cNvSpPr>
          <p:nvPr>
            <p:ph type="sldNum" sz="quarter" idx="5"/>
          </p:nvPr>
        </p:nvSpPr>
        <p:spPr/>
        <p:txBody>
          <a:bodyPr/>
          <a:lstStyle/>
          <a:p>
            <a:fld id="{4398B954-2888-4EEA-BC75-22288D66EB13}" type="slidenum">
              <a:rPr lang="en-GB" smtClean="0"/>
              <a:t>24</a:t>
            </a:fld>
            <a:endParaRPr lang="en-GB"/>
          </a:p>
        </p:txBody>
      </p:sp>
    </p:spTree>
    <p:extLst>
      <p:ext uri="{BB962C8B-B14F-4D97-AF65-F5344CB8AC3E}">
        <p14:creationId xmlns:p14="http://schemas.microsoft.com/office/powerpoint/2010/main" val="4269950880"/>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EB70589-0C3F-8056-D1BD-9F323B52141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6721CA3-2E93-8088-CDD8-B1D0267087EF}"/>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EACFDE86-E39E-1876-B9F5-F784A5ABBEF2}"/>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30527A2A-20AF-7C20-2789-14A95C17BCF3}"/>
              </a:ext>
            </a:extLst>
          </p:cNvPr>
          <p:cNvSpPr>
            <a:spLocks noGrp="1"/>
          </p:cNvSpPr>
          <p:nvPr>
            <p:ph type="sldNum" sz="quarter" idx="5"/>
          </p:nvPr>
        </p:nvSpPr>
        <p:spPr/>
        <p:txBody>
          <a:bodyPr/>
          <a:lstStyle/>
          <a:p>
            <a:fld id="{4398B954-2888-4EEA-BC75-22288D66EB13}" type="slidenum">
              <a:rPr lang="en-GB" smtClean="0"/>
              <a:t>25</a:t>
            </a:fld>
            <a:endParaRPr lang="en-GB"/>
          </a:p>
        </p:txBody>
      </p:sp>
    </p:spTree>
    <p:extLst>
      <p:ext uri="{BB962C8B-B14F-4D97-AF65-F5344CB8AC3E}">
        <p14:creationId xmlns:p14="http://schemas.microsoft.com/office/powerpoint/2010/main" val="82036346"/>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C5E83F4-4DCB-B45B-18B5-93D692F8F73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6579675-8293-3FB3-07FE-CA5916F0FDA7}"/>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CA9D6824-95D9-9ED8-FF0E-222F0E991CF0}"/>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1EB81856-A485-2C51-141C-D6EC48789B92}"/>
              </a:ext>
            </a:extLst>
          </p:cNvPr>
          <p:cNvSpPr>
            <a:spLocks noGrp="1"/>
          </p:cNvSpPr>
          <p:nvPr>
            <p:ph type="sldNum" sz="quarter" idx="5"/>
          </p:nvPr>
        </p:nvSpPr>
        <p:spPr/>
        <p:txBody>
          <a:bodyPr/>
          <a:lstStyle/>
          <a:p>
            <a:pPr marL="0" marR="0" lvl="0" indent="0" algn="r" defTabSz="1039307" rtl="0" eaLnBrk="1" fontAlgn="auto" latinLnBrk="0" hangingPunct="1">
              <a:lnSpc>
                <a:spcPct val="100000"/>
              </a:lnSpc>
              <a:spcBef>
                <a:spcPts val="0"/>
              </a:spcBef>
              <a:spcAft>
                <a:spcPts val="0"/>
              </a:spcAft>
              <a:buClrTx/>
              <a:buSzTx/>
              <a:buFontTx/>
              <a:buNone/>
              <a:tabLst/>
              <a:defRPr/>
            </a:pPr>
            <a:fld id="{4398B954-2888-4EEA-BC75-22288D66EB13}"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1039307" rtl="0" eaLnBrk="1" fontAlgn="auto" latinLnBrk="0" hangingPunct="1">
                <a:lnSpc>
                  <a:spcPct val="100000"/>
                </a:lnSpc>
                <a:spcBef>
                  <a:spcPts val="0"/>
                </a:spcBef>
                <a:spcAft>
                  <a:spcPts val="0"/>
                </a:spcAft>
                <a:buClrTx/>
                <a:buSzTx/>
                <a:buFontTx/>
                <a:buNone/>
                <a:tabLst/>
                <a:defRPr/>
              </a:pPr>
              <a:t>28</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208703183"/>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GB"/>
          </a:p>
        </p:txBody>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29</a:t>
            </a:fld>
            <a:endParaRPr lang="en-GB"/>
          </a:p>
        </p:txBody>
      </p:sp>
    </p:spTree>
    <p:extLst>
      <p:ext uri="{BB962C8B-B14F-4D97-AF65-F5344CB8AC3E}">
        <p14:creationId xmlns:p14="http://schemas.microsoft.com/office/powerpoint/2010/main" val="1759826305"/>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GB"/>
          </a:p>
        </p:txBody>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30</a:t>
            </a:fld>
            <a:endParaRPr lang="en-GB"/>
          </a:p>
        </p:txBody>
      </p:sp>
    </p:spTree>
    <p:extLst>
      <p:ext uri="{BB962C8B-B14F-4D97-AF65-F5344CB8AC3E}">
        <p14:creationId xmlns:p14="http://schemas.microsoft.com/office/powerpoint/2010/main" val="115313064"/>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5977AB3-D132-2AAE-04FD-684B65F479B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8727FD5-FD87-3C99-BB7B-CCF56B7774BA}"/>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22AAF7A3-6072-93DD-BB53-E0EEFAA256C7}"/>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FE6539AC-5AC6-AFD3-1645-7C678F3B0233}"/>
              </a:ext>
            </a:extLst>
          </p:cNvPr>
          <p:cNvSpPr>
            <a:spLocks noGrp="1"/>
          </p:cNvSpPr>
          <p:nvPr>
            <p:ph type="sldNum" sz="quarter" idx="5"/>
          </p:nvPr>
        </p:nvSpPr>
        <p:spPr/>
        <p:txBody>
          <a:bodyPr/>
          <a:lstStyle/>
          <a:p>
            <a:fld id="{4398B954-2888-4EEA-BC75-22288D66EB13}" type="slidenum">
              <a:rPr lang="en-GB" smtClean="0"/>
              <a:t>31</a:t>
            </a:fld>
            <a:endParaRPr lang="en-GB"/>
          </a:p>
        </p:txBody>
      </p:sp>
    </p:spTree>
    <p:extLst>
      <p:ext uri="{BB962C8B-B14F-4D97-AF65-F5344CB8AC3E}">
        <p14:creationId xmlns:p14="http://schemas.microsoft.com/office/powerpoint/2010/main" val="1659905671"/>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3D7199-4386-5FA9-FA70-B359F9057BA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9F6C8EF-59E8-6DC2-C5CF-619355A49960}"/>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F4F75234-4686-A9E9-0F8C-323361A51A77}"/>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7BF4C90F-81BD-7E7F-A183-E268DD0CB96D}"/>
              </a:ext>
            </a:extLst>
          </p:cNvPr>
          <p:cNvSpPr>
            <a:spLocks noGrp="1"/>
          </p:cNvSpPr>
          <p:nvPr>
            <p:ph type="sldNum" sz="quarter" idx="5"/>
          </p:nvPr>
        </p:nvSpPr>
        <p:spPr/>
        <p:txBody>
          <a:bodyPr/>
          <a:lstStyle/>
          <a:p>
            <a:fld id="{4398B954-2888-4EEA-BC75-22288D66EB13}" type="slidenum">
              <a:rPr lang="en-GB" smtClean="0"/>
              <a:t>34</a:t>
            </a:fld>
            <a:endParaRPr lang="en-GB"/>
          </a:p>
        </p:txBody>
      </p:sp>
    </p:spTree>
    <p:extLst>
      <p:ext uri="{BB962C8B-B14F-4D97-AF65-F5344CB8AC3E}">
        <p14:creationId xmlns:p14="http://schemas.microsoft.com/office/powerpoint/2010/main" val="424016266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DFCC5D-3FA2-5836-C3FE-078341D5047F}"/>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5F888CB8-28F8-2BBC-DAEB-5AD6BCC5833C}"/>
              </a:ext>
            </a:extLst>
          </p:cNvPr>
          <p:cNvSpPr>
            <a:spLocks noGrp="1" noRot="1" noChangeAspect="1"/>
          </p:cNvSpPr>
          <p:nvPr>
            <p:ph type="sldImg"/>
          </p:nvPr>
        </p:nvSpPr>
        <p:spPr/>
        <p:txBody>
          <a:bodyPr/>
          <a:lstStyle/>
          <a:p>
            <a:endParaRPr lang="en-GB"/>
          </a:p>
        </p:txBody>
      </p:sp>
      <p:sp>
        <p:nvSpPr>
          <p:cNvPr id="3" name="Pladsholder til noter 2">
            <a:extLst>
              <a:ext uri="{FF2B5EF4-FFF2-40B4-BE49-F238E27FC236}">
                <a16:creationId xmlns:a16="http://schemas.microsoft.com/office/drawing/2014/main" id="{E6968CF1-9B39-C5FF-DEFF-0F82B177095C}"/>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EBCDDE52-FA46-72BF-4057-F646D9A4030F}"/>
              </a:ext>
            </a:extLst>
          </p:cNvPr>
          <p:cNvSpPr>
            <a:spLocks noGrp="1"/>
          </p:cNvSpPr>
          <p:nvPr>
            <p:ph type="sldNum" sz="quarter" idx="5"/>
          </p:nvPr>
        </p:nvSpPr>
        <p:spPr/>
        <p:txBody>
          <a:bodyPr/>
          <a:lstStyle/>
          <a:p>
            <a:fld id="{4398B954-2888-4EEA-BC75-22288D66EB13}" type="slidenum">
              <a:rPr lang="en-GB" smtClean="0"/>
              <a:t>35</a:t>
            </a:fld>
            <a:endParaRPr lang="en-GB"/>
          </a:p>
        </p:txBody>
      </p:sp>
    </p:spTree>
    <p:extLst>
      <p:ext uri="{BB962C8B-B14F-4D97-AF65-F5344CB8AC3E}">
        <p14:creationId xmlns:p14="http://schemas.microsoft.com/office/powerpoint/2010/main" val="308301731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GB"/>
          </a:p>
        </p:txBody>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3</a:t>
            </a:fld>
            <a:endParaRPr lang="en-GB"/>
          </a:p>
        </p:txBody>
      </p:sp>
    </p:spTree>
    <p:extLst>
      <p:ext uri="{BB962C8B-B14F-4D97-AF65-F5344CB8AC3E}">
        <p14:creationId xmlns:p14="http://schemas.microsoft.com/office/powerpoint/2010/main" val="4192649220"/>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GB"/>
          </a:p>
        </p:txBody>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36</a:t>
            </a:fld>
            <a:endParaRPr lang="en-GB"/>
          </a:p>
        </p:txBody>
      </p:sp>
    </p:spTree>
    <p:extLst>
      <p:ext uri="{BB962C8B-B14F-4D97-AF65-F5344CB8AC3E}">
        <p14:creationId xmlns:p14="http://schemas.microsoft.com/office/powerpoint/2010/main" val="1335254591"/>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2D591E-36A0-63AB-B695-E48C3235195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537DE19-6E56-EAF7-F1F1-7BF572CA3988}"/>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4ABA163E-4096-3C5A-EACD-1DED6F4807B5}"/>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91307A2A-5692-4A1C-7024-CCECA7784F16}"/>
              </a:ext>
            </a:extLst>
          </p:cNvPr>
          <p:cNvSpPr>
            <a:spLocks noGrp="1"/>
          </p:cNvSpPr>
          <p:nvPr>
            <p:ph type="sldNum" sz="quarter" idx="5"/>
          </p:nvPr>
        </p:nvSpPr>
        <p:spPr/>
        <p:txBody>
          <a:bodyPr/>
          <a:lstStyle/>
          <a:p>
            <a:fld id="{4398B954-2888-4EEA-BC75-22288D66EB13}" type="slidenum">
              <a:rPr lang="en-GB" smtClean="0"/>
              <a:t>37</a:t>
            </a:fld>
            <a:endParaRPr lang="en-GB"/>
          </a:p>
        </p:txBody>
      </p:sp>
    </p:spTree>
    <p:extLst>
      <p:ext uri="{BB962C8B-B14F-4D97-AF65-F5344CB8AC3E}">
        <p14:creationId xmlns:p14="http://schemas.microsoft.com/office/powerpoint/2010/main" val="1066522317"/>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FBD11E2-5E6C-7463-318D-155BBC70718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F6D2C79-5687-C7FF-D057-2470AC15E2CB}"/>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B35F08D5-0640-DB3B-2EFF-49E676B8A11B}"/>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CA62F4BE-D6ED-3ECC-01DB-C56D81333DCF}"/>
              </a:ext>
            </a:extLst>
          </p:cNvPr>
          <p:cNvSpPr>
            <a:spLocks noGrp="1"/>
          </p:cNvSpPr>
          <p:nvPr>
            <p:ph type="sldNum" sz="quarter" idx="5"/>
          </p:nvPr>
        </p:nvSpPr>
        <p:spPr/>
        <p:txBody>
          <a:bodyPr/>
          <a:lstStyle/>
          <a:p>
            <a:fld id="{4398B954-2888-4EEA-BC75-22288D66EB13}" type="slidenum">
              <a:rPr lang="en-GB" smtClean="0"/>
              <a:t>38</a:t>
            </a:fld>
            <a:endParaRPr lang="en-GB"/>
          </a:p>
        </p:txBody>
      </p:sp>
    </p:spTree>
    <p:extLst>
      <p:ext uri="{BB962C8B-B14F-4D97-AF65-F5344CB8AC3E}">
        <p14:creationId xmlns:p14="http://schemas.microsoft.com/office/powerpoint/2010/main" val="2880343575"/>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E430F54-0573-6311-7846-53E20088253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0AB079E-81B9-D177-DACC-9AF51B536C7F}"/>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6F9E7E31-BE72-8149-27F2-B4AEC86803AE}"/>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50A9C4DC-D230-C015-0DB5-6CF8317A2A8F}"/>
              </a:ext>
            </a:extLst>
          </p:cNvPr>
          <p:cNvSpPr>
            <a:spLocks noGrp="1"/>
          </p:cNvSpPr>
          <p:nvPr>
            <p:ph type="sldNum" sz="quarter" idx="5"/>
          </p:nvPr>
        </p:nvSpPr>
        <p:spPr/>
        <p:txBody>
          <a:bodyPr/>
          <a:lstStyle/>
          <a:p>
            <a:fld id="{4398B954-2888-4EEA-BC75-22288D66EB13}" type="slidenum">
              <a:rPr lang="en-GB" smtClean="0"/>
              <a:t>39</a:t>
            </a:fld>
            <a:endParaRPr lang="en-GB"/>
          </a:p>
        </p:txBody>
      </p:sp>
    </p:spTree>
    <p:extLst>
      <p:ext uri="{BB962C8B-B14F-4D97-AF65-F5344CB8AC3E}">
        <p14:creationId xmlns:p14="http://schemas.microsoft.com/office/powerpoint/2010/main" val="2401186223"/>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F0EC004-9EB7-D49A-1EE1-55E253DB6AC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17DF53E-7867-B46F-16BE-E17491BC211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532BD06-AF9F-B433-CEE4-2CFDFB15BD29}"/>
              </a:ext>
            </a:extLst>
          </p:cNvPr>
          <p:cNvSpPr>
            <a:spLocks noGrp="1"/>
          </p:cNvSpPr>
          <p:nvPr>
            <p:ph type="body" idx="1"/>
          </p:nvPr>
        </p:nvSpPr>
        <p:spPr/>
        <p:txBody>
          <a:bodyPr/>
          <a:lstStyle/>
          <a:p>
            <a:endParaRPr lang="da-DK" dirty="0"/>
          </a:p>
        </p:txBody>
      </p:sp>
      <p:sp>
        <p:nvSpPr>
          <p:cNvPr id="4" name="Slide Number Placeholder 3">
            <a:extLst>
              <a:ext uri="{FF2B5EF4-FFF2-40B4-BE49-F238E27FC236}">
                <a16:creationId xmlns:a16="http://schemas.microsoft.com/office/drawing/2014/main" id="{3C8E71EC-8A69-F95C-E475-DCAAF6E85048}"/>
              </a:ext>
            </a:extLst>
          </p:cNvPr>
          <p:cNvSpPr>
            <a:spLocks noGrp="1"/>
          </p:cNvSpPr>
          <p:nvPr>
            <p:ph type="sldNum" sz="quarter" idx="5"/>
          </p:nvPr>
        </p:nvSpPr>
        <p:spPr/>
        <p:txBody>
          <a:bodyPr/>
          <a:lstStyle/>
          <a:p>
            <a:fld id="{4398B954-2888-4EEA-BC75-22288D66EB13}" type="slidenum">
              <a:rPr lang="en-GB" smtClean="0"/>
              <a:t>40</a:t>
            </a:fld>
            <a:endParaRPr lang="en-GB"/>
          </a:p>
        </p:txBody>
      </p:sp>
    </p:spTree>
    <p:extLst>
      <p:ext uri="{BB962C8B-B14F-4D97-AF65-F5344CB8AC3E}">
        <p14:creationId xmlns:p14="http://schemas.microsoft.com/office/powerpoint/2010/main" val="1524770729"/>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42</a:t>
            </a:fld>
            <a:endParaRPr lang="en-GB"/>
          </a:p>
        </p:txBody>
      </p:sp>
    </p:spTree>
    <p:extLst>
      <p:ext uri="{BB962C8B-B14F-4D97-AF65-F5344CB8AC3E}">
        <p14:creationId xmlns:p14="http://schemas.microsoft.com/office/powerpoint/2010/main" val="2294465863"/>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0B1096-4217-DE44-88E9-3D404A4EB79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D5A0E93-37DA-45EF-C8C3-8EA8977F741E}"/>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BE9718D9-2654-358E-AD9D-DF5C29F4F1BC}"/>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AAA293FB-37EA-E20B-EE26-CEE8F57FC746}"/>
              </a:ext>
            </a:extLst>
          </p:cNvPr>
          <p:cNvSpPr>
            <a:spLocks noGrp="1"/>
          </p:cNvSpPr>
          <p:nvPr>
            <p:ph type="sldNum" sz="quarter" idx="5"/>
          </p:nvPr>
        </p:nvSpPr>
        <p:spPr/>
        <p:txBody>
          <a:bodyPr/>
          <a:lstStyle/>
          <a:p>
            <a:fld id="{4398B954-2888-4EEA-BC75-22288D66EB13}" type="slidenum">
              <a:rPr lang="en-GB" smtClean="0"/>
              <a:t>43</a:t>
            </a:fld>
            <a:endParaRPr lang="en-GB"/>
          </a:p>
        </p:txBody>
      </p:sp>
    </p:spTree>
    <p:extLst>
      <p:ext uri="{BB962C8B-B14F-4D97-AF65-F5344CB8AC3E}">
        <p14:creationId xmlns:p14="http://schemas.microsoft.com/office/powerpoint/2010/main" val="287290840"/>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7BAF567-C98E-3F28-205F-B169FE30002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47DD983-F431-6E5C-F4B5-7AEBF051E4D7}"/>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5F67C2A1-52B6-18FF-9DEE-90F3D8B1BA09}"/>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F59505F8-3253-0048-81EF-A3E4EEB2020E}"/>
              </a:ext>
            </a:extLst>
          </p:cNvPr>
          <p:cNvSpPr>
            <a:spLocks noGrp="1"/>
          </p:cNvSpPr>
          <p:nvPr>
            <p:ph type="sldNum" sz="quarter" idx="5"/>
          </p:nvPr>
        </p:nvSpPr>
        <p:spPr/>
        <p:txBody>
          <a:bodyPr/>
          <a:lstStyle/>
          <a:p>
            <a:fld id="{4398B954-2888-4EEA-BC75-22288D66EB13}" type="slidenum">
              <a:rPr lang="en-GB" smtClean="0"/>
              <a:t>44</a:t>
            </a:fld>
            <a:endParaRPr lang="en-GB"/>
          </a:p>
        </p:txBody>
      </p:sp>
    </p:spTree>
    <p:extLst>
      <p:ext uri="{BB962C8B-B14F-4D97-AF65-F5344CB8AC3E}">
        <p14:creationId xmlns:p14="http://schemas.microsoft.com/office/powerpoint/2010/main" val="1330108016"/>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A395617-B0C8-D34B-5908-62469F802A1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7B3A1A8-7F31-C6FC-0B0A-BB9545621DBE}"/>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1B5C337D-C644-C8B6-0516-743182E3279F}"/>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8DF9105A-CD91-6B91-28E9-0D3CA4EFCB4C}"/>
              </a:ext>
            </a:extLst>
          </p:cNvPr>
          <p:cNvSpPr>
            <a:spLocks noGrp="1"/>
          </p:cNvSpPr>
          <p:nvPr>
            <p:ph type="sldNum" sz="quarter" idx="5"/>
          </p:nvPr>
        </p:nvSpPr>
        <p:spPr/>
        <p:txBody>
          <a:bodyPr/>
          <a:lstStyle/>
          <a:p>
            <a:fld id="{4398B954-2888-4EEA-BC75-22288D66EB13}" type="slidenum">
              <a:rPr lang="en-GB" smtClean="0"/>
              <a:t>45</a:t>
            </a:fld>
            <a:endParaRPr lang="en-GB"/>
          </a:p>
        </p:txBody>
      </p:sp>
    </p:spTree>
    <p:extLst>
      <p:ext uri="{BB962C8B-B14F-4D97-AF65-F5344CB8AC3E}">
        <p14:creationId xmlns:p14="http://schemas.microsoft.com/office/powerpoint/2010/main" val="2296981288"/>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3902829-A552-4F32-0E48-830D496120A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7DD83F8-F232-9D9D-9B1D-9329DB4CB45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061DE64-718A-314C-8896-82B32ED2B06A}"/>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4493D047-76C5-E59C-B1E3-98B2B0C91466}"/>
              </a:ext>
            </a:extLst>
          </p:cNvPr>
          <p:cNvSpPr>
            <a:spLocks noGrp="1"/>
          </p:cNvSpPr>
          <p:nvPr>
            <p:ph type="sldNum" sz="quarter" idx="5"/>
          </p:nvPr>
        </p:nvSpPr>
        <p:spPr/>
        <p:txBody>
          <a:bodyPr/>
          <a:lstStyle/>
          <a:p>
            <a:pPr marL="0" marR="0" lvl="0" indent="0" algn="r" defTabSz="1039307" rtl="0" eaLnBrk="1" fontAlgn="auto" latinLnBrk="0" hangingPunct="1">
              <a:lnSpc>
                <a:spcPct val="100000"/>
              </a:lnSpc>
              <a:spcBef>
                <a:spcPts val="0"/>
              </a:spcBef>
              <a:spcAft>
                <a:spcPts val="0"/>
              </a:spcAft>
              <a:buClrTx/>
              <a:buSzTx/>
              <a:buFontTx/>
              <a:buNone/>
              <a:tabLst/>
              <a:defRPr/>
            </a:pPr>
            <a:fld id="{4398B954-2888-4EEA-BC75-22288D66EB13}"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1039307" rtl="0" eaLnBrk="1" fontAlgn="auto" latinLnBrk="0" hangingPunct="1">
                <a:lnSpc>
                  <a:spcPct val="100000"/>
                </a:lnSpc>
                <a:spcBef>
                  <a:spcPts val="0"/>
                </a:spcBef>
                <a:spcAft>
                  <a:spcPts val="0"/>
                </a:spcAft>
                <a:buClrTx/>
                <a:buSzTx/>
                <a:buFontTx/>
                <a:buNone/>
                <a:tabLst/>
                <a:defRPr/>
              </a:pPr>
              <a:t>46</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69236050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B47C24-CFDB-E315-D7F8-053911BC3A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A1B0B6D-1C84-56D2-D780-D781531FA841}"/>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DF318468-F1FC-36C1-627E-DEB3AF6DB4BA}"/>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5E1BFB3E-BDA5-D817-D4EA-359C4F4235E9}"/>
              </a:ext>
            </a:extLst>
          </p:cNvPr>
          <p:cNvSpPr>
            <a:spLocks noGrp="1"/>
          </p:cNvSpPr>
          <p:nvPr>
            <p:ph type="sldNum" sz="quarter" idx="5"/>
          </p:nvPr>
        </p:nvSpPr>
        <p:spPr/>
        <p:txBody>
          <a:bodyPr/>
          <a:lstStyle/>
          <a:p>
            <a:pPr marL="0" marR="0" lvl="0" indent="0" algn="r" defTabSz="1039307" rtl="0" eaLnBrk="1" fontAlgn="auto" latinLnBrk="0" hangingPunct="1">
              <a:lnSpc>
                <a:spcPct val="100000"/>
              </a:lnSpc>
              <a:spcBef>
                <a:spcPts val="0"/>
              </a:spcBef>
              <a:spcAft>
                <a:spcPts val="0"/>
              </a:spcAft>
              <a:buClrTx/>
              <a:buSzTx/>
              <a:buFontTx/>
              <a:buNone/>
              <a:tabLst/>
              <a:defRPr/>
            </a:pPr>
            <a:fld id="{4398B954-2888-4EEA-BC75-22288D66EB13}"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1039307" rtl="0" eaLnBrk="1" fontAlgn="auto" latinLnBrk="0" hangingPunct="1">
                <a:lnSpc>
                  <a:spcPct val="100000"/>
                </a:lnSpc>
                <a:spcBef>
                  <a:spcPts val="0"/>
                </a:spcBef>
                <a:spcAft>
                  <a:spcPts val="0"/>
                </a:spcAft>
                <a:buClrTx/>
                <a:buSzTx/>
                <a:buFontTx/>
                <a:buNone/>
                <a:tabLst/>
                <a:defRPr/>
              </a:pPr>
              <a:t>4</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672458322"/>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2B2B6EB-E41B-18D5-958D-EAC0996A226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10CCE6F-6CCD-58E2-D2EF-BD91EEA9473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F92F099-F1A7-DE2B-9C1C-35DE50C57A54}"/>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A4779F70-C008-3374-73EA-D2818648BE9B}"/>
              </a:ext>
            </a:extLst>
          </p:cNvPr>
          <p:cNvSpPr>
            <a:spLocks noGrp="1"/>
          </p:cNvSpPr>
          <p:nvPr>
            <p:ph type="sldNum" sz="quarter" idx="5"/>
          </p:nvPr>
        </p:nvSpPr>
        <p:spPr/>
        <p:txBody>
          <a:bodyPr/>
          <a:lstStyle/>
          <a:p>
            <a:pPr marL="0" marR="0" lvl="0" indent="0" algn="r" defTabSz="1039307" rtl="0" eaLnBrk="1" fontAlgn="auto" latinLnBrk="0" hangingPunct="1">
              <a:lnSpc>
                <a:spcPct val="100000"/>
              </a:lnSpc>
              <a:spcBef>
                <a:spcPts val="0"/>
              </a:spcBef>
              <a:spcAft>
                <a:spcPts val="0"/>
              </a:spcAft>
              <a:buClrTx/>
              <a:buSzTx/>
              <a:buFontTx/>
              <a:buNone/>
              <a:tabLst/>
              <a:defRPr/>
            </a:pPr>
            <a:fld id="{4398B954-2888-4EEA-BC75-22288D66EB13}"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1039307" rtl="0" eaLnBrk="1" fontAlgn="auto" latinLnBrk="0" hangingPunct="1">
                <a:lnSpc>
                  <a:spcPct val="100000"/>
                </a:lnSpc>
                <a:spcBef>
                  <a:spcPts val="0"/>
                </a:spcBef>
                <a:spcAft>
                  <a:spcPts val="0"/>
                </a:spcAft>
                <a:buClrTx/>
                <a:buSzTx/>
                <a:buFontTx/>
                <a:buNone/>
                <a:tabLst/>
                <a:defRPr/>
              </a:pPr>
              <a:t>47</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79167750"/>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A23D09-620E-7A51-65FF-71EF17D2CC1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FC127D9-6C99-8981-615A-5D115879381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0A48596-044A-E85E-7A92-BA7238C0BEAE}"/>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1DEDEFBC-5E09-9DBF-C7B9-AB818D41332B}"/>
              </a:ext>
            </a:extLst>
          </p:cNvPr>
          <p:cNvSpPr>
            <a:spLocks noGrp="1"/>
          </p:cNvSpPr>
          <p:nvPr>
            <p:ph type="sldNum" sz="quarter" idx="5"/>
          </p:nvPr>
        </p:nvSpPr>
        <p:spPr/>
        <p:txBody>
          <a:bodyPr/>
          <a:lstStyle/>
          <a:p>
            <a:pPr marL="0" marR="0" lvl="0" indent="0" algn="r" defTabSz="1039307" rtl="0" eaLnBrk="1" fontAlgn="auto" latinLnBrk="0" hangingPunct="1">
              <a:lnSpc>
                <a:spcPct val="100000"/>
              </a:lnSpc>
              <a:spcBef>
                <a:spcPts val="0"/>
              </a:spcBef>
              <a:spcAft>
                <a:spcPts val="0"/>
              </a:spcAft>
              <a:buClrTx/>
              <a:buSzTx/>
              <a:buFontTx/>
              <a:buNone/>
              <a:tabLst/>
              <a:defRPr/>
            </a:pPr>
            <a:fld id="{4398B954-2888-4EEA-BC75-22288D66EB13}"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1039307" rtl="0" eaLnBrk="1" fontAlgn="auto" latinLnBrk="0" hangingPunct="1">
                <a:lnSpc>
                  <a:spcPct val="100000"/>
                </a:lnSpc>
                <a:spcBef>
                  <a:spcPts val="0"/>
                </a:spcBef>
                <a:spcAft>
                  <a:spcPts val="0"/>
                </a:spcAft>
                <a:buClrTx/>
                <a:buSzTx/>
                <a:buFontTx/>
                <a:buNone/>
                <a:tabLst/>
                <a:defRPr/>
              </a:pPr>
              <a:t>48</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78404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4398B954-2888-4EEA-BC75-22288D66EB13}" type="slidenum">
              <a:rPr lang="en-GB" smtClean="0"/>
              <a:t>6</a:t>
            </a:fld>
            <a:endParaRPr lang="en-GB"/>
          </a:p>
        </p:txBody>
      </p:sp>
    </p:spTree>
    <p:extLst>
      <p:ext uri="{BB962C8B-B14F-4D97-AF65-F5344CB8AC3E}">
        <p14:creationId xmlns:p14="http://schemas.microsoft.com/office/powerpoint/2010/main" val="185471983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55952D7-D7BE-1E15-280A-EAF2A30E857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531A24C-4980-D6C8-311B-FDE33E217398}"/>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C742F55D-F65E-07A7-13E4-9374F9CA5E13}"/>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655AC0CB-9DE4-A95E-C142-5AE1C397F9B7}"/>
              </a:ext>
            </a:extLst>
          </p:cNvPr>
          <p:cNvSpPr>
            <a:spLocks noGrp="1"/>
          </p:cNvSpPr>
          <p:nvPr>
            <p:ph type="sldNum" sz="quarter" idx="5"/>
          </p:nvPr>
        </p:nvSpPr>
        <p:spPr/>
        <p:txBody>
          <a:bodyPr/>
          <a:lstStyle/>
          <a:p>
            <a:fld id="{4398B954-2888-4EEA-BC75-22288D66EB13}" type="slidenum">
              <a:rPr lang="en-GB" smtClean="0"/>
              <a:t>7</a:t>
            </a:fld>
            <a:endParaRPr lang="en-GB"/>
          </a:p>
        </p:txBody>
      </p:sp>
    </p:spTree>
    <p:extLst>
      <p:ext uri="{BB962C8B-B14F-4D97-AF65-F5344CB8AC3E}">
        <p14:creationId xmlns:p14="http://schemas.microsoft.com/office/powerpoint/2010/main" val="84980749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9</a:t>
            </a:fld>
            <a:endParaRPr lang="en-GB"/>
          </a:p>
        </p:txBody>
      </p:sp>
    </p:spTree>
    <p:extLst>
      <p:ext uri="{BB962C8B-B14F-4D97-AF65-F5344CB8AC3E}">
        <p14:creationId xmlns:p14="http://schemas.microsoft.com/office/powerpoint/2010/main" val="202893154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596EDD-5071-ED22-2C14-95992CA0502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EC61ACF-68E7-5FAC-BDBA-B81E2F1DA8CB}"/>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DB84F8D2-85B4-85D9-6F3F-CC4D628ED5B0}"/>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1A11E425-B914-9D9F-4330-A8355FDA687F}"/>
              </a:ext>
            </a:extLst>
          </p:cNvPr>
          <p:cNvSpPr>
            <a:spLocks noGrp="1"/>
          </p:cNvSpPr>
          <p:nvPr>
            <p:ph type="sldNum" sz="quarter" idx="5"/>
          </p:nvPr>
        </p:nvSpPr>
        <p:spPr/>
        <p:txBody>
          <a:bodyPr/>
          <a:lstStyle/>
          <a:p>
            <a:fld id="{4398B954-2888-4EEA-BC75-22288D66EB13}" type="slidenum">
              <a:rPr lang="en-GB" smtClean="0"/>
              <a:t>10</a:t>
            </a:fld>
            <a:endParaRPr lang="en-GB"/>
          </a:p>
        </p:txBody>
      </p:sp>
    </p:spTree>
    <p:extLst>
      <p:ext uri="{BB962C8B-B14F-4D97-AF65-F5344CB8AC3E}">
        <p14:creationId xmlns:p14="http://schemas.microsoft.com/office/powerpoint/2010/main" val="341510169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24B9EC-ABFA-89D4-966C-409F962A388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44FB706-6B4A-50CA-06F1-DA8250FBAE17}"/>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1804AA8F-E5B0-0043-B67F-3E695407B6BF}"/>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F9E65B99-B3D4-724B-8B37-4D9C5176283D}"/>
              </a:ext>
            </a:extLst>
          </p:cNvPr>
          <p:cNvSpPr>
            <a:spLocks noGrp="1"/>
          </p:cNvSpPr>
          <p:nvPr>
            <p:ph type="sldNum" sz="quarter" idx="5"/>
          </p:nvPr>
        </p:nvSpPr>
        <p:spPr/>
        <p:txBody>
          <a:bodyPr/>
          <a:lstStyle/>
          <a:p>
            <a:fld id="{4398B954-2888-4EEA-BC75-22288D66EB13}" type="slidenum">
              <a:rPr lang="en-GB" smtClean="0"/>
              <a:t>11</a:t>
            </a:fld>
            <a:endParaRPr lang="en-GB"/>
          </a:p>
        </p:txBody>
      </p:sp>
    </p:spTree>
    <p:extLst>
      <p:ext uri="{BB962C8B-B14F-4D97-AF65-F5344CB8AC3E}">
        <p14:creationId xmlns:p14="http://schemas.microsoft.com/office/powerpoint/2010/main" val="256732501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4.svg"/><Relationship Id="rId7" Type="http://schemas.openxmlformats.org/officeDocument/2006/relationships/hyperlink" Target="https://x.com/PA_Consulting" TargetMode="External"/><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hyperlink" Target="https://www.linkedin.com/company/pa-consulting" TargetMode="External"/><Relationship Id="rId5" Type="http://schemas.openxmlformats.org/officeDocument/2006/relationships/hyperlink" Target="https://www.paconsulting.com/" TargetMode="External"/><Relationship Id="rId4" Type="http://schemas.openxmlformats.org/officeDocument/2006/relationships/image" Target="../media/image7.pn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8.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9.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0.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1.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2.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3.emf"/><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A - Light">
    <p:spTree>
      <p:nvGrpSpPr>
        <p:cNvPr id="1" name=""/>
        <p:cNvGrpSpPr/>
        <p:nvPr/>
      </p:nvGrpSpPr>
      <p:grpSpPr>
        <a:xfrm>
          <a:off x="0" y="0"/>
          <a:ext cx="0" cy="0"/>
          <a:chOff x="0" y="0"/>
          <a:chExt cx="0" cy="0"/>
        </a:xfrm>
      </p:grpSpPr>
      <p:sp>
        <p:nvSpPr>
          <p:cNvPr id="20" name="Text Placeholder 7">
            <a:extLst>
              <a:ext uri="{FF2B5EF4-FFF2-40B4-BE49-F238E27FC236}">
                <a16:creationId xmlns:a16="http://schemas.microsoft.com/office/drawing/2014/main" id="{46EBA3F2-B810-4D50-B21A-7156FC0472E2}"/>
              </a:ext>
            </a:extLst>
          </p:cNvPr>
          <p:cNvSpPr>
            <a:spLocks noGrp="1"/>
          </p:cNvSpPr>
          <p:nvPr>
            <p:ph type="body" sz="quarter" idx="15" hasCustomPrompt="1"/>
          </p:nvPr>
        </p:nvSpPr>
        <p:spPr>
          <a:xfrm>
            <a:off x="6169025" y="1633788"/>
            <a:ext cx="5473700"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accent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da-DK" dirty="0" err="1"/>
              <a:t>Click</a:t>
            </a:r>
            <a:r>
              <a:rPr lang="da-DK" dirty="0"/>
              <a:t> to </a:t>
            </a:r>
            <a:r>
              <a:rPr lang="da-DK" dirty="0" err="1"/>
              <a:t>add</a:t>
            </a:r>
            <a:r>
              <a:rPr lang="da-DK" dirty="0"/>
              <a:t> </a:t>
            </a:r>
            <a:r>
              <a:rPr lang="da-DK" dirty="0" err="1"/>
              <a:t>title</a:t>
            </a:r>
            <a:endParaRPr lang="da-DK" dirty="0"/>
          </a:p>
        </p:txBody>
      </p:sp>
      <p:sp>
        <p:nvSpPr>
          <p:cNvPr id="14" name="Picture Placeholder 13">
            <a:extLst>
              <a:ext uri="{FF2B5EF4-FFF2-40B4-BE49-F238E27FC236}">
                <a16:creationId xmlns:a16="http://schemas.microsoft.com/office/drawing/2014/main" id="{574A3DDA-476D-454D-8939-FA8E4661D6EA}"/>
              </a:ext>
            </a:extLst>
          </p:cNvPr>
          <p:cNvSpPr>
            <a:spLocks noGrp="1"/>
          </p:cNvSpPr>
          <p:nvPr>
            <p:ph type="pic" sz="quarter" idx="19" hasCustomPrompt="1"/>
          </p:nvPr>
        </p:nvSpPr>
        <p:spPr>
          <a:xfrm>
            <a:off x="0" y="0"/>
            <a:ext cx="5089525" cy="6858000"/>
          </a:xfrm>
          <a:custGeom>
            <a:avLst/>
            <a:gdLst>
              <a:gd name="connsiteX0" fmla="*/ 0 w 5089525"/>
              <a:gd name="connsiteY0" fmla="*/ 0 h 6858000"/>
              <a:gd name="connsiteX1" fmla="*/ 4994052 w 5089525"/>
              <a:gd name="connsiteY1" fmla="*/ 0 h 6858000"/>
              <a:gd name="connsiteX2" fmla="*/ 5089525 w 5089525"/>
              <a:gd name="connsiteY2" fmla="*/ 95473 h 6858000"/>
              <a:gd name="connsiteX3" fmla="*/ 5089525 w 5089525"/>
              <a:gd name="connsiteY3" fmla="*/ 6762527 h 6858000"/>
              <a:gd name="connsiteX4" fmla="*/ 4994052 w 5089525"/>
              <a:gd name="connsiteY4" fmla="*/ 6858000 h 6858000"/>
              <a:gd name="connsiteX5" fmla="*/ 0 w 5089525"/>
              <a:gd name="connsiteY5"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89525" h="6858000">
                <a:moveTo>
                  <a:pt x="0" y="0"/>
                </a:moveTo>
                <a:lnTo>
                  <a:pt x="4994052" y="0"/>
                </a:lnTo>
                <a:cubicBezTo>
                  <a:pt x="5046780" y="0"/>
                  <a:pt x="5089525" y="42745"/>
                  <a:pt x="5089525" y="95473"/>
                </a:cubicBezTo>
                <a:lnTo>
                  <a:pt x="5089525" y="6762527"/>
                </a:lnTo>
                <a:cubicBezTo>
                  <a:pt x="5089525" y="6815255"/>
                  <a:pt x="5046780" y="6858000"/>
                  <a:pt x="4994052" y="6858000"/>
                </a:cubicBezTo>
                <a:lnTo>
                  <a:pt x="0" y="6858000"/>
                </a:lnTo>
                <a:close/>
              </a:path>
            </a:pathLst>
          </a:custGeom>
          <a:solidFill>
            <a:schemeClr val="accent1"/>
          </a:solidFill>
        </p:spPr>
        <p:txBody>
          <a:bodyPr wrap="square" lIns="36000" tIns="36000" rIns="36000" bIns="36000" anchor="ctr">
            <a:noAutofit/>
          </a:bodyPr>
          <a:lstStyle>
            <a:lvl1pPr algn="ctr">
              <a:defRPr>
                <a:solidFill>
                  <a:schemeClr val="accent4"/>
                </a:solidFill>
              </a:defRPr>
            </a:lvl1pPr>
          </a:lstStyle>
          <a:p>
            <a:r>
              <a:rPr lang="da-DK" dirty="0"/>
              <a:t>Image </a:t>
            </a:r>
            <a:r>
              <a:rPr lang="da-DK" dirty="0" err="1"/>
              <a:t>here</a:t>
            </a:r>
            <a:endParaRPr lang="da-DK" dirty="0"/>
          </a:p>
        </p:txBody>
      </p:sp>
      <p:sp>
        <p:nvSpPr>
          <p:cNvPr id="12" name="txtSecureMarker1" hidden="1"/>
          <p:cNvSpPr txBox="1"/>
          <p:nvPr userDrawn="1"/>
        </p:nvSpPr>
        <p:spPr>
          <a:xfrm>
            <a:off x="3762236" y="57491"/>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5" name="txtSecureMarker2" hidden="1"/>
          <p:cNvSpPr txBox="1"/>
          <p:nvPr userDrawn="1"/>
        </p:nvSpPr>
        <p:spPr>
          <a:xfrm>
            <a:off x="3762236" y="650988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pic>
        <p:nvPicPr>
          <p:cNvPr id="9" name="Picture 8">
            <a:extLst>
              <a:ext uri="{FF2B5EF4-FFF2-40B4-BE49-F238E27FC236}">
                <a16:creationId xmlns:a16="http://schemas.microsoft.com/office/drawing/2014/main" id="{9106B660-5BE2-4670-BCCE-2413D99E68E0}"/>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6180456" y="6050271"/>
            <a:ext cx="2045333" cy="354000"/>
          </a:xfrm>
          <a:prstGeom prst="rect">
            <a:avLst/>
          </a:prstGeom>
        </p:spPr>
      </p:pic>
      <p:pic>
        <p:nvPicPr>
          <p:cNvPr id="11" name="Graphic 10">
            <a:extLst>
              <a:ext uri="{FF2B5EF4-FFF2-40B4-BE49-F238E27FC236}">
                <a16:creationId xmlns:a16="http://schemas.microsoft.com/office/drawing/2014/main" id="{1F98CDF9-443A-4730-BD1E-9EB13F16C022}"/>
              </a:ext>
            </a:extLst>
          </p:cNvPr>
          <p:cNvPicPr>
            <a:picLocks noChangeAspect="1"/>
          </p:cNvPicPr>
          <p:nvPr userDrawn="1"/>
        </p:nvPicPr>
        <p:blipFill>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850563" y="700776"/>
            <a:ext cx="792162" cy="699572"/>
          </a:xfrm>
          <a:prstGeom prst="rect">
            <a:avLst/>
          </a:prstGeom>
        </p:spPr>
      </p:pic>
      <p:cxnSp>
        <p:nvCxnSpPr>
          <p:cNvPr id="19" name="Straight Connector 18">
            <a:extLst>
              <a:ext uri="{FF2B5EF4-FFF2-40B4-BE49-F238E27FC236}">
                <a16:creationId xmlns:a16="http://schemas.microsoft.com/office/drawing/2014/main" id="{D867FDD4-F399-46AC-8F1C-10FD6928036A}"/>
              </a:ext>
            </a:extLst>
          </p:cNvPr>
          <p:cNvCxnSpPr/>
          <p:nvPr userDrawn="1"/>
        </p:nvCxnSpPr>
        <p:spPr>
          <a:xfrm>
            <a:off x="6170929" y="4446111"/>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1" name="Text Placeholder 3">
            <a:extLst>
              <a:ext uri="{FF2B5EF4-FFF2-40B4-BE49-F238E27FC236}">
                <a16:creationId xmlns:a16="http://schemas.microsoft.com/office/drawing/2014/main" id="{9C351AAF-0341-4229-A202-8F2919664979}"/>
              </a:ext>
            </a:extLst>
          </p:cNvPr>
          <p:cNvSpPr>
            <a:spLocks noGrp="1"/>
          </p:cNvSpPr>
          <p:nvPr>
            <p:ph type="body" sz="quarter" idx="20"/>
          </p:nvPr>
        </p:nvSpPr>
        <p:spPr>
          <a:xfrm>
            <a:off x="6169025" y="4598035"/>
            <a:ext cx="5473700"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smtClean="0">
                <a:solidFill>
                  <a:schemeClr val="accent4"/>
                </a:solidFill>
                <a:latin typeface="+mn-lt"/>
                <a:ea typeface="+mn-ea"/>
                <a:cs typeface="+mn-cs"/>
              </a:defRPr>
            </a:lvl1pPr>
            <a:lvl2pPr>
              <a:defRPr b="0">
                <a:solidFill>
                  <a:schemeClr val="accent1"/>
                </a:solidFill>
              </a:defRPr>
            </a:lvl2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spTree>
    <p:extLst>
      <p:ext uri="{BB962C8B-B14F-4D97-AF65-F5344CB8AC3E}">
        <p14:creationId xmlns:p14="http://schemas.microsoft.com/office/powerpoint/2010/main" val="162259079"/>
      </p:ext>
    </p:extLst>
  </p:cSld>
  <p:clrMapOvr>
    <a:masterClrMapping/>
  </p:clrMapOvr>
  <p:transition>
    <p:fade/>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Column Text">
    <p:spTree>
      <p:nvGrpSpPr>
        <p:cNvPr id="1" name=""/>
        <p:cNvGrpSpPr/>
        <p:nvPr/>
      </p:nvGrpSpPr>
      <p:grpSpPr>
        <a:xfrm>
          <a:off x="0" y="0"/>
          <a:ext cx="0" cy="0"/>
          <a:chOff x="0" y="0"/>
          <a:chExt cx="0" cy="0"/>
        </a:xfrm>
      </p:grpSpPr>
      <p:sp>
        <p:nvSpPr>
          <p:cNvPr id="6" name="Content Placeholder 2"/>
          <p:cNvSpPr>
            <a:spLocks noGrp="1"/>
          </p:cNvSpPr>
          <p:nvPr>
            <p:ph idx="1"/>
          </p:nvPr>
        </p:nvSpPr>
        <p:spPr>
          <a:xfrm>
            <a:off x="554355" y="1634172"/>
            <a:ext cx="11088000" cy="4520548"/>
          </a:xfrm>
        </p:spPr>
        <p:txBody>
          <a:bodyPr numCol="2" spcCol="204588">
            <a:noAutofit/>
          </a:bodyPr>
          <a:lstStyle>
            <a:lvl5pPr indent="-180000">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7" name="Title 1">
            <a:extLst>
              <a:ext uri="{FF2B5EF4-FFF2-40B4-BE49-F238E27FC236}">
                <a16:creationId xmlns:a16="http://schemas.microsoft.com/office/drawing/2014/main" id="{82BFF54D-3FF3-4284-8EA5-470F17F74EDA}"/>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8" name="Straight Connector 7">
            <a:extLst>
              <a:ext uri="{FF2B5EF4-FFF2-40B4-BE49-F238E27FC236}">
                <a16:creationId xmlns:a16="http://schemas.microsoft.com/office/drawing/2014/main" id="{4A345D3F-A784-4DEC-B366-05B29D130DA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63177736"/>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hree Column Text">
    <p:spTree>
      <p:nvGrpSpPr>
        <p:cNvPr id="1" name=""/>
        <p:cNvGrpSpPr/>
        <p:nvPr/>
      </p:nvGrpSpPr>
      <p:grpSpPr>
        <a:xfrm>
          <a:off x="0" y="0"/>
          <a:ext cx="0" cy="0"/>
          <a:chOff x="0" y="0"/>
          <a:chExt cx="0" cy="0"/>
        </a:xfrm>
      </p:grpSpPr>
      <p:sp>
        <p:nvSpPr>
          <p:cNvPr id="6" name="Content Placeholder 2"/>
          <p:cNvSpPr>
            <a:spLocks noGrp="1"/>
          </p:cNvSpPr>
          <p:nvPr>
            <p:ph idx="1"/>
          </p:nvPr>
        </p:nvSpPr>
        <p:spPr>
          <a:xfrm>
            <a:off x="554355" y="1634173"/>
            <a:ext cx="11088370" cy="4531678"/>
          </a:xfrm>
        </p:spPr>
        <p:txBody>
          <a:bodyPr numCol="3" spcCol="204588">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7" name="Title 1">
            <a:extLst>
              <a:ext uri="{FF2B5EF4-FFF2-40B4-BE49-F238E27FC236}">
                <a16:creationId xmlns:a16="http://schemas.microsoft.com/office/drawing/2014/main" id="{BACF97DA-E456-46C3-9F5B-E5EA312F8DCF}"/>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8" name="Straight Connector 7">
            <a:extLst>
              <a:ext uri="{FF2B5EF4-FFF2-40B4-BE49-F238E27FC236}">
                <a16:creationId xmlns:a16="http://schemas.microsoft.com/office/drawing/2014/main" id="{F543943C-EDF5-4613-8977-9CEE97FB8AFA}"/>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83543747"/>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lumn Content A">
    <p:spTree>
      <p:nvGrpSpPr>
        <p:cNvPr id="1" name=""/>
        <p:cNvGrpSpPr/>
        <p:nvPr/>
      </p:nvGrpSpPr>
      <p:grpSpPr>
        <a:xfrm>
          <a:off x="0" y="0"/>
          <a:ext cx="0" cy="0"/>
          <a:chOff x="0" y="0"/>
          <a:chExt cx="0" cy="0"/>
        </a:xfrm>
      </p:grpSpPr>
      <p:sp>
        <p:nvSpPr>
          <p:cNvPr id="8" name="Content Placeholder 2">
            <a:extLst>
              <a:ext uri="{FF2B5EF4-FFF2-40B4-BE49-F238E27FC236}">
                <a16:creationId xmlns:a16="http://schemas.microsoft.com/office/drawing/2014/main" id="{98F711E2-08B0-42DB-87F0-A6083E6A7122}"/>
              </a:ext>
            </a:extLst>
          </p:cNvPr>
          <p:cNvSpPr>
            <a:spLocks noGrp="1"/>
          </p:cNvSpPr>
          <p:nvPr>
            <p:ph idx="1"/>
          </p:nvPr>
        </p:nvSpPr>
        <p:spPr>
          <a:xfrm>
            <a:off x="554355" y="1634172"/>
            <a:ext cx="546989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0" name="Title 1">
            <a:extLst>
              <a:ext uri="{FF2B5EF4-FFF2-40B4-BE49-F238E27FC236}">
                <a16:creationId xmlns:a16="http://schemas.microsoft.com/office/drawing/2014/main" id="{29964BA4-D90E-415B-9FB9-D7DC56156DBB}"/>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1" name="Straight Connector 10">
            <a:extLst>
              <a:ext uri="{FF2B5EF4-FFF2-40B4-BE49-F238E27FC236}">
                <a16:creationId xmlns:a16="http://schemas.microsoft.com/office/drawing/2014/main" id="{E51DAA73-0C3E-41E9-BCF6-A56A84AD9421}"/>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2" name="Content Placeholder 2">
            <a:extLst>
              <a:ext uri="{FF2B5EF4-FFF2-40B4-BE49-F238E27FC236}">
                <a16:creationId xmlns:a16="http://schemas.microsoft.com/office/drawing/2014/main" id="{0BE8E770-93DF-456F-8D40-CFB3EDCFF840}"/>
              </a:ext>
            </a:extLst>
          </p:cNvPr>
          <p:cNvSpPr>
            <a:spLocks noGrp="1"/>
          </p:cNvSpPr>
          <p:nvPr>
            <p:ph idx="10"/>
          </p:nvPr>
        </p:nvSpPr>
        <p:spPr>
          <a:xfrm>
            <a:off x="6190748" y="1634935"/>
            <a:ext cx="546989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Tree>
    <p:extLst>
      <p:ext uri="{BB962C8B-B14F-4D97-AF65-F5344CB8AC3E}">
        <p14:creationId xmlns:p14="http://schemas.microsoft.com/office/powerpoint/2010/main" val="2065409011"/>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lumn Content B">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3CF29C7B-4674-4DAE-B04B-F91558B15908}"/>
              </a:ext>
            </a:extLst>
          </p:cNvPr>
          <p:cNvSpPr>
            <a:spLocks noGrp="1"/>
          </p:cNvSpPr>
          <p:nvPr>
            <p:ph idx="1"/>
          </p:nvPr>
        </p:nvSpPr>
        <p:spPr>
          <a:xfrm>
            <a:off x="554355" y="1634172"/>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7" name="Title 1">
            <a:extLst>
              <a:ext uri="{FF2B5EF4-FFF2-40B4-BE49-F238E27FC236}">
                <a16:creationId xmlns:a16="http://schemas.microsoft.com/office/drawing/2014/main" id="{D29CFAD0-1624-4669-A1E7-75BD8E3DF5C8}"/>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9" name="Straight Connector 8">
            <a:extLst>
              <a:ext uri="{FF2B5EF4-FFF2-40B4-BE49-F238E27FC236}">
                <a16:creationId xmlns:a16="http://schemas.microsoft.com/office/drawing/2014/main" id="{317D4F0A-E9DE-4592-83A1-5221B5491DF7}"/>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0" name="Content Placeholder 2">
            <a:extLst>
              <a:ext uri="{FF2B5EF4-FFF2-40B4-BE49-F238E27FC236}">
                <a16:creationId xmlns:a16="http://schemas.microsoft.com/office/drawing/2014/main" id="{F5094310-D9BA-4810-A199-8437C636274B}"/>
              </a:ext>
            </a:extLst>
          </p:cNvPr>
          <p:cNvSpPr>
            <a:spLocks noGrp="1"/>
          </p:cNvSpPr>
          <p:nvPr>
            <p:ph idx="10"/>
          </p:nvPr>
        </p:nvSpPr>
        <p:spPr>
          <a:xfrm>
            <a:off x="4299904" y="1634172"/>
            <a:ext cx="7339012"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Tree>
    <p:extLst>
      <p:ext uri="{BB962C8B-B14F-4D97-AF65-F5344CB8AC3E}">
        <p14:creationId xmlns:p14="http://schemas.microsoft.com/office/powerpoint/2010/main" val="1506042987"/>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lumn + Image A">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7343458"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4301173"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9" name="Picture Placeholder 8">
            <a:extLst>
              <a:ext uri="{FF2B5EF4-FFF2-40B4-BE49-F238E27FC236}">
                <a16:creationId xmlns:a16="http://schemas.microsoft.com/office/drawing/2014/main" id="{7C62B605-0B91-4608-83CE-C63AB7F29F20}"/>
              </a:ext>
            </a:extLst>
          </p:cNvPr>
          <p:cNvSpPr>
            <a:spLocks noGrp="1"/>
          </p:cNvSpPr>
          <p:nvPr>
            <p:ph type="pic" sz="quarter" idx="24"/>
          </p:nvPr>
        </p:nvSpPr>
        <p:spPr>
          <a:xfrm>
            <a:off x="8042277" y="0"/>
            <a:ext cx="4152897" cy="6859588"/>
          </a:xfrm>
          <a:custGeom>
            <a:avLst/>
            <a:gdLst>
              <a:gd name="connsiteX0" fmla="*/ 103786 w 4152897"/>
              <a:gd name="connsiteY0" fmla="*/ 0 h 6859588"/>
              <a:gd name="connsiteX1" fmla="*/ 4152897 w 4152897"/>
              <a:gd name="connsiteY1" fmla="*/ 0 h 6859588"/>
              <a:gd name="connsiteX2" fmla="*/ 4152897 w 4152897"/>
              <a:gd name="connsiteY2" fmla="*/ 6859588 h 6859588"/>
              <a:gd name="connsiteX3" fmla="*/ 103786 w 4152897"/>
              <a:gd name="connsiteY3" fmla="*/ 6859588 h 6859588"/>
              <a:gd name="connsiteX4" fmla="*/ 0 w 4152897"/>
              <a:gd name="connsiteY4" fmla="*/ 6755802 h 6859588"/>
              <a:gd name="connsiteX5" fmla="*/ 0 w 4152897"/>
              <a:gd name="connsiteY5" fmla="*/ 103786 h 6859588"/>
              <a:gd name="connsiteX6" fmla="*/ 103786 w 415289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152897" h="6859588">
                <a:moveTo>
                  <a:pt x="103786" y="0"/>
                </a:moveTo>
                <a:lnTo>
                  <a:pt x="4152897" y="0"/>
                </a:lnTo>
                <a:lnTo>
                  <a:pt x="415289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spTree>
    <p:extLst>
      <p:ext uri="{BB962C8B-B14F-4D97-AF65-F5344CB8AC3E}">
        <p14:creationId xmlns:p14="http://schemas.microsoft.com/office/powerpoint/2010/main" val="3141662562"/>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wo Column + Pullout">
    <p:spTree>
      <p:nvGrpSpPr>
        <p:cNvPr id="1" name=""/>
        <p:cNvGrpSpPr/>
        <p:nvPr/>
      </p:nvGrpSpPr>
      <p:grpSpPr>
        <a:xfrm>
          <a:off x="0" y="0"/>
          <a:ext cx="0" cy="0"/>
          <a:chOff x="0" y="0"/>
          <a:chExt cx="0" cy="0"/>
        </a:xfrm>
      </p:grpSpPr>
      <p:sp>
        <p:nvSpPr>
          <p:cNvPr id="8" name="Freeform: Shape 7">
            <a:extLst>
              <a:ext uri="{FF2B5EF4-FFF2-40B4-BE49-F238E27FC236}">
                <a16:creationId xmlns:a16="http://schemas.microsoft.com/office/drawing/2014/main" id="{B15324A6-3A93-4455-A547-F02A17BDBDEE}"/>
              </a:ext>
            </a:extLst>
          </p:cNvPr>
          <p:cNvSpPr/>
          <p:nvPr userDrawn="1"/>
        </p:nvSpPr>
        <p:spPr>
          <a:xfrm>
            <a:off x="8042278" y="0"/>
            <a:ext cx="4152897" cy="6859588"/>
          </a:xfrm>
          <a:custGeom>
            <a:avLst/>
            <a:gdLst>
              <a:gd name="connsiteX0" fmla="*/ 103786 w 4152897"/>
              <a:gd name="connsiteY0" fmla="*/ 0 h 6859588"/>
              <a:gd name="connsiteX1" fmla="*/ 4152897 w 4152897"/>
              <a:gd name="connsiteY1" fmla="*/ 0 h 6859588"/>
              <a:gd name="connsiteX2" fmla="*/ 4152897 w 4152897"/>
              <a:gd name="connsiteY2" fmla="*/ 6859588 h 6859588"/>
              <a:gd name="connsiteX3" fmla="*/ 103786 w 4152897"/>
              <a:gd name="connsiteY3" fmla="*/ 6859588 h 6859588"/>
              <a:gd name="connsiteX4" fmla="*/ 0 w 4152897"/>
              <a:gd name="connsiteY4" fmla="*/ 6755802 h 6859588"/>
              <a:gd name="connsiteX5" fmla="*/ 0 w 4152897"/>
              <a:gd name="connsiteY5" fmla="*/ 103786 h 6859588"/>
              <a:gd name="connsiteX6" fmla="*/ 103786 w 415289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152897" h="6859588">
                <a:moveTo>
                  <a:pt x="103786" y="0"/>
                </a:moveTo>
                <a:lnTo>
                  <a:pt x="4152897" y="0"/>
                </a:lnTo>
                <a:lnTo>
                  <a:pt x="415289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7343458"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4301173"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7" name="Content Placeholder 2">
            <a:extLst>
              <a:ext uri="{FF2B5EF4-FFF2-40B4-BE49-F238E27FC236}">
                <a16:creationId xmlns:a16="http://schemas.microsoft.com/office/drawing/2014/main" id="{7BFFE586-221C-4FB0-B8EC-3A97F06A34CF}"/>
              </a:ext>
            </a:extLst>
          </p:cNvPr>
          <p:cNvSpPr>
            <a:spLocks noGrp="1"/>
          </p:cNvSpPr>
          <p:nvPr>
            <p:ph idx="11"/>
          </p:nvPr>
        </p:nvSpPr>
        <p:spPr>
          <a:xfrm>
            <a:off x="8257477" y="1634935"/>
            <a:ext cx="3385248" cy="4535487"/>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baseline="0">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Tree>
    <p:extLst>
      <p:ext uri="{BB962C8B-B14F-4D97-AF65-F5344CB8AC3E}">
        <p14:creationId xmlns:p14="http://schemas.microsoft.com/office/powerpoint/2010/main" val="1372446100"/>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lumn + Image B">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59" y="1634935"/>
            <a:ext cx="4533265"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921512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5237797" y="1634935"/>
            <a:ext cx="4533265"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8" name="Picture Placeholder 7">
            <a:extLst>
              <a:ext uri="{FF2B5EF4-FFF2-40B4-BE49-F238E27FC236}">
                <a16:creationId xmlns:a16="http://schemas.microsoft.com/office/drawing/2014/main" id="{37F1D043-E180-4017-8DC0-9C5E25A2C271}"/>
              </a:ext>
            </a:extLst>
          </p:cNvPr>
          <p:cNvSpPr>
            <a:spLocks noGrp="1"/>
          </p:cNvSpPr>
          <p:nvPr>
            <p:ph type="pic" sz="quarter" idx="24"/>
          </p:nvPr>
        </p:nvSpPr>
        <p:spPr>
          <a:xfrm>
            <a:off x="9913938" y="0"/>
            <a:ext cx="2281237" cy="6859588"/>
          </a:xfrm>
          <a:custGeom>
            <a:avLst/>
            <a:gdLst>
              <a:gd name="connsiteX0" fmla="*/ 103786 w 2281237"/>
              <a:gd name="connsiteY0" fmla="*/ 0 h 6859588"/>
              <a:gd name="connsiteX1" fmla="*/ 2281237 w 2281237"/>
              <a:gd name="connsiteY1" fmla="*/ 0 h 6859588"/>
              <a:gd name="connsiteX2" fmla="*/ 2281237 w 2281237"/>
              <a:gd name="connsiteY2" fmla="*/ 6859588 h 6859588"/>
              <a:gd name="connsiteX3" fmla="*/ 103786 w 2281237"/>
              <a:gd name="connsiteY3" fmla="*/ 6859588 h 6859588"/>
              <a:gd name="connsiteX4" fmla="*/ 0 w 2281237"/>
              <a:gd name="connsiteY4" fmla="*/ 6755802 h 6859588"/>
              <a:gd name="connsiteX5" fmla="*/ 0 w 2281237"/>
              <a:gd name="connsiteY5" fmla="*/ 103786 h 6859588"/>
              <a:gd name="connsiteX6" fmla="*/ 103786 w 228123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281237" h="6859588">
                <a:moveTo>
                  <a:pt x="103786" y="0"/>
                </a:moveTo>
                <a:lnTo>
                  <a:pt x="2281237" y="0"/>
                </a:lnTo>
                <a:lnTo>
                  <a:pt x="228123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spTree>
    <p:extLst>
      <p:ext uri="{BB962C8B-B14F-4D97-AF65-F5344CB8AC3E}">
        <p14:creationId xmlns:p14="http://schemas.microsoft.com/office/powerpoint/2010/main" val="2226651804"/>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hree Column Content">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4301173"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5" name="Content Placeholder 2">
            <a:extLst>
              <a:ext uri="{FF2B5EF4-FFF2-40B4-BE49-F238E27FC236}">
                <a16:creationId xmlns:a16="http://schemas.microsoft.com/office/drawing/2014/main" id="{8EDA6BAD-6394-4D9E-87B4-CF2960A727E1}"/>
              </a:ext>
            </a:extLst>
          </p:cNvPr>
          <p:cNvSpPr>
            <a:spLocks noGrp="1"/>
          </p:cNvSpPr>
          <p:nvPr>
            <p:ph idx="11"/>
          </p:nvPr>
        </p:nvSpPr>
        <p:spPr>
          <a:xfrm>
            <a:off x="8042275"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Tree>
    <p:extLst>
      <p:ext uri="{BB962C8B-B14F-4D97-AF65-F5344CB8AC3E}">
        <p14:creationId xmlns:p14="http://schemas.microsoft.com/office/powerpoint/2010/main" val="3031418449"/>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amp; Image A">
    <p:spTree>
      <p:nvGrpSpPr>
        <p:cNvPr id="1" name=""/>
        <p:cNvGrpSpPr/>
        <p:nvPr/>
      </p:nvGrpSpPr>
      <p:grpSpPr>
        <a:xfrm>
          <a:off x="0" y="0"/>
          <a:ext cx="0" cy="0"/>
          <a:chOff x="0" y="0"/>
          <a:chExt cx="0" cy="0"/>
        </a:xfrm>
      </p:grpSpPr>
      <p:sp>
        <p:nvSpPr>
          <p:cNvPr id="8" name="Content Placeholder 2">
            <a:extLst>
              <a:ext uri="{FF2B5EF4-FFF2-40B4-BE49-F238E27FC236}">
                <a16:creationId xmlns:a16="http://schemas.microsoft.com/office/drawing/2014/main" id="{84BB7EDA-4782-479C-A6A3-99A53D77AE5A}"/>
              </a:ext>
            </a:extLst>
          </p:cNvPr>
          <p:cNvSpPr>
            <a:spLocks noGrp="1"/>
          </p:cNvSpPr>
          <p:nvPr>
            <p:ph idx="1"/>
          </p:nvPr>
        </p:nvSpPr>
        <p:spPr>
          <a:xfrm>
            <a:off x="556260" y="1634935"/>
            <a:ext cx="546989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9" name="Title 1">
            <a:extLst>
              <a:ext uri="{FF2B5EF4-FFF2-40B4-BE49-F238E27FC236}">
                <a16:creationId xmlns:a16="http://schemas.microsoft.com/office/drawing/2014/main" id="{10E2D3F7-D329-47B3-AEF3-69373185779B}"/>
              </a:ext>
            </a:extLst>
          </p:cNvPr>
          <p:cNvSpPr>
            <a:spLocks noGrp="1"/>
          </p:cNvSpPr>
          <p:nvPr>
            <p:ph type="title"/>
          </p:nvPr>
        </p:nvSpPr>
        <p:spPr>
          <a:xfrm>
            <a:off x="554355" y="512763"/>
            <a:ext cx="546989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0" name="Straight Connector 9">
            <a:extLst>
              <a:ext uri="{FF2B5EF4-FFF2-40B4-BE49-F238E27FC236}">
                <a16:creationId xmlns:a16="http://schemas.microsoft.com/office/drawing/2014/main" id="{C7D9DC17-06BD-4CF4-B577-D4815EF03194}"/>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Picture Placeholder 13">
            <a:extLst>
              <a:ext uri="{FF2B5EF4-FFF2-40B4-BE49-F238E27FC236}">
                <a16:creationId xmlns:a16="http://schemas.microsoft.com/office/drawing/2014/main" id="{E4A6E876-D22D-4F95-9530-F5A956070135}"/>
              </a:ext>
            </a:extLst>
          </p:cNvPr>
          <p:cNvSpPr>
            <a:spLocks noGrp="1"/>
          </p:cNvSpPr>
          <p:nvPr>
            <p:ph type="pic" sz="quarter" idx="25"/>
          </p:nvPr>
        </p:nvSpPr>
        <p:spPr>
          <a:xfrm>
            <a:off x="6335397" y="0"/>
            <a:ext cx="5859777" cy="6859588"/>
          </a:xfrm>
          <a:custGeom>
            <a:avLst/>
            <a:gdLst>
              <a:gd name="connsiteX0" fmla="*/ 103786 w 5859777"/>
              <a:gd name="connsiteY0" fmla="*/ 0 h 6859588"/>
              <a:gd name="connsiteX1" fmla="*/ 1810666 w 5859777"/>
              <a:gd name="connsiteY1" fmla="*/ 0 h 6859588"/>
              <a:gd name="connsiteX2" fmla="*/ 4152897 w 5859777"/>
              <a:gd name="connsiteY2" fmla="*/ 0 h 6859588"/>
              <a:gd name="connsiteX3" fmla="*/ 5859777 w 5859777"/>
              <a:gd name="connsiteY3" fmla="*/ 0 h 6859588"/>
              <a:gd name="connsiteX4" fmla="*/ 5859777 w 5859777"/>
              <a:gd name="connsiteY4" fmla="*/ 6859588 h 6859588"/>
              <a:gd name="connsiteX5" fmla="*/ 4152897 w 5859777"/>
              <a:gd name="connsiteY5" fmla="*/ 6859588 h 6859588"/>
              <a:gd name="connsiteX6" fmla="*/ 1810666 w 5859777"/>
              <a:gd name="connsiteY6" fmla="*/ 6859588 h 6859588"/>
              <a:gd name="connsiteX7" fmla="*/ 103786 w 5859777"/>
              <a:gd name="connsiteY7" fmla="*/ 6859588 h 6859588"/>
              <a:gd name="connsiteX8" fmla="*/ 0 w 5859777"/>
              <a:gd name="connsiteY8" fmla="*/ 6755802 h 6859588"/>
              <a:gd name="connsiteX9" fmla="*/ 0 w 5859777"/>
              <a:gd name="connsiteY9" fmla="*/ 103786 h 6859588"/>
              <a:gd name="connsiteX10" fmla="*/ 103786 w 5859777"/>
              <a:gd name="connsiteY10"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859777" h="6859588">
                <a:moveTo>
                  <a:pt x="103786" y="0"/>
                </a:moveTo>
                <a:lnTo>
                  <a:pt x="1810666" y="0"/>
                </a:lnTo>
                <a:lnTo>
                  <a:pt x="4152897" y="0"/>
                </a:lnTo>
                <a:lnTo>
                  <a:pt x="5859777" y="0"/>
                </a:lnTo>
                <a:lnTo>
                  <a:pt x="5859777" y="6859588"/>
                </a:lnTo>
                <a:lnTo>
                  <a:pt x="4152897" y="6859588"/>
                </a:lnTo>
                <a:lnTo>
                  <a:pt x="1810666"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spTree>
    <p:extLst>
      <p:ext uri="{BB962C8B-B14F-4D97-AF65-F5344CB8AC3E}">
        <p14:creationId xmlns:p14="http://schemas.microsoft.com/office/powerpoint/2010/main" val="353480457"/>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amp; Image B">
    <p:spTree>
      <p:nvGrpSpPr>
        <p:cNvPr id="1" name=""/>
        <p:cNvGrpSpPr/>
        <p:nvPr/>
      </p:nvGrpSpPr>
      <p:grpSpPr>
        <a:xfrm>
          <a:off x="0" y="0"/>
          <a:ext cx="0" cy="0"/>
          <a:chOff x="0" y="0"/>
          <a:chExt cx="0" cy="0"/>
        </a:xfrm>
      </p:grpSpPr>
      <p:sp>
        <p:nvSpPr>
          <p:cNvPr id="10" name="Content Placeholder 2">
            <a:extLst>
              <a:ext uri="{FF2B5EF4-FFF2-40B4-BE49-F238E27FC236}">
                <a16:creationId xmlns:a16="http://schemas.microsoft.com/office/drawing/2014/main" id="{AE9056B4-5510-4D8B-8D23-74DE9595B875}"/>
              </a:ext>
            </a:extLst>
          </p:cNvPr>
          <p:cNvSpPr>
            <a:spLocks noGrp="1"/>
          </p:cNvSpPr>
          <p:nvPr>
            <p:ph idx="1"/>
          </p:nvPr>
        </p:nvSpPr>
        <p:spPr>
          <a:xfrm>
            <a:off x="6182360" y="1634935"/>
            <a:ext cx="546989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1" name="Title 1">
            <a:extLst>
              <a:ext uri="{FF2B5EF4-FFF2-40B4-BE49-F238E27FC236}">
                <a16:creationId xmlns:a16="http://schemas.microsoft.com/office/drawing/2014/main" id="{45F640A8-7A76-4EAE-AF9D-D3C74E9C766C}"/>
              </a:ext>
            </a:extLst>
          </p:cNvPr>
          <p:cNvSpPr>
            <a:spLocks noGrp="1"/>
          </p:cNvSpPr>
          <p:nvPr>
            <p:ph type="title"/>
          </p:nvPr>
        </p:nvSpPr>
        <p:spPr>
          <a:xfrm>
            <a:off x="6180455" y="512763"/>
            <a:ext cx="546989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2" name="Straight Connector 11">
            <a:extLst>
              <a:ext uri="{FF2B5EF4-FFF2-40B4-BE49-F238E27FC236}">
                <a16:creationId xmlns:a16="http://schemas.microsoft.com/office/drawing/2014/main" id="{54478966-5454-4600-AD7C-2698AE9CE25A}"/>
              </a:ext>
            </a:extLst>
          </p:cNvPr>
          <p:cNvCxnSpPr>
            <a:cxnSpLocks/>
          </p:cNvCxnSpPr>
          <p:nvPr userDrawn="1"/>
        </p:nvCxnSpPr>
        <p:spPr>
          <a:xfrm>
            <a:off x="61804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6" name="Picture Placeholder 15">
            <a:extLst>
              <a:ext uri="{FF2B5EF4-FFF2-40B4-BE49-F238E27FC236}">
                <a16:creationId xmlns:a16="http://schemas.microsoft.com/office/drawing/2014/main" id="{7581AB08-270C-48DB-B4F7-71B42ACD607F}"/>
              </a:ext>
            </a:extLst>
          </p:cNvPr>
          <p:cNvSpPr>
            <a:spLocks noGrp="1"/>
          </p:cNvSpPr>
          <p:nvPr>
            <p:ph type="pic" sz="quarter" idx="26"/>
          </p:nvPr>
        </p:nvSpPr>
        <p:spPr>
          <a:xfrm>
            <a:off x="2" y="0"/>
            <a:ext cx="5859777" cy="6859588"/>
          </a:xfrm>
          <a:custGeom>
            <a:avLst/>
            <a:gdLst>
              <a:gd name="connsiteX0" fmla="*/ 0 w 5859777"/>
              <a:gd name="connsiteY0" fmla="*/ 0 h 6859588"/>
              <a:gd name="connsiteX1" fmla="*/ 1706880 w 5859777"/>
              <a:gd name="connsiteY1" fmla="*/ 0 h 6859588"/>
              <a:gd name="connsiteX2" fmla="*/ 4049111 w 5859777"/>
              <a:gd name="connsiteY2" fmla="*/ 0 h 6859588"/>
              <a:gd name="connsiteX3" fmla="*/ 5755991 w 5859777"/>
              <a:gd name="connsiteY3" fmla="*/ 0 h 6859588"/>
              <a:gd name="connsiteX4" fmla="*/ 5859777 w 5859777"/>
              <a:gd name="connsiteY4" fmla="*/ 103786 h 6859588"/>
              <a:gd name="connsiteX5" fmla="*/ 5859777 w 5859777"/>
              <a:gd name="connsiteY5" fmla="*/ 6755802 h 6859588"/>
              <a:gd name="connsiteX6" fmla="*/ 5755991 w 5859777"/>
              <a:gd name="connsiteY6" fmla="*/ 6859588 h 6859588"/>
              <a:gd name="connsiteX7" fmla="*/ 4049111 w 5859777"/>
              <a:gd name="connsiteY7" fmla="*/ 6859588 h 6859588"/>
              <a:gd name="connsiteX8" fmla="*/ 1706880 w 5859777"/>
              <a:gd name="connsiteY8" fmla="*/ 6859588 h 6859588"/>
              <a:gd name="connsiteX9" fmla="*/ 0 w 5859777"/>
              <a:gd name="connsiteY9"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859777" h="6859588">
                <a:moveTo>
                  <a:pt x="0" y="0"/>
                </a:moveTo>
                <a:lnTo>
                  <a:pt x="1706880" y="0"/>
                </a:lnTo>
                <a:lnTo>
                  <a:pt x="4049111" y="0"/>
                </a:lnTo>
                <a:lnTo>
                  <a:pt x="5755991" y="0"/>
                </a:lnTo>
                <a:cubicBezTo>
                  <a:pt x="5813310" y="0"/>
                  <a:pt x="5859777" y="46467"/>
                  <a:pt x="5859777" y="103786"/>
                </a:cubicBezTo>
                <a:lnTo>
                  <a:pt x="5859777" y="6755802"/>
                </a:lnTo>
                <a:cubicBezTo>
                  <a:pt x="5859777" y="6813121"/>
                  <a:pt x="5813310" y="6859588"/>
                  <a:pt x="5755991" y="6859588"/>
                </a:cubicBezTo>
                <a:lnTo>
                  <a:pt x="4049111" y="6859588"/>
                </a:lnTo>
                <a:lnTo>
                  <a:pt x="1706880" y="6859588"/>
                </a:lnTo>
                <a:lnTo>
                  <a:pt x="0" y="6859588"/>
                </a:lnTo>
                <a:close/>
              </a:path>
            </a:pathLst>
          </a:custGeom>
          <a:solidFill>
            <a:schemeClr val="accent6"/>
          </a:solidFill>
        </p:spPr>
        <p:txBody>
          <a:bodyPr vert="horz" wrap="square" lIns="0" tIns="0" rIns="0" bIns="0" rtlCol="0" anchor="ctr">
            <a:noAutofit/>
          </a:bodyPr>
          <a:lstStyle>
            <a:lvl1pPr algn="ctr">
              <a:defRPr lang="en-GB"/>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2908481589"/>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A - Dark">
    <p:bg>
      <p:bgPr>
        <a:solidFill>
          <a:schemeClr val="accent1"/>
        </a:solidFill>
        <a:effectLst/>
      </p:bgPr>
    </p:bg>
    <p:spTree>
      <p:nvGrpSpPr>
        <p:cNvPr id="1" name=""/>
        <p:cNvGrpSpPr/>
        <p:nvPr/>
      </p:nvGrpSpPr>
      <p:grpSpPr>
        <a:xfrm>
          <a:off x="0" y="0"/>
          <a:ext cx="0" cy="0"/>
          <a:chOff x="0" y="0"/>
          <a:chExt cx="0" cy="0"/>
        </a:xfrm>
      </p:grpSpPr>
      <p:sp>
        <p:nvSpPr>
          <p:cNvPr id="15" name="txtSecureMarker2" hidden="1"/>
          <p:cNvSpPr txBox="1"/>
          <p:nvPr userDrawn="1"/>
        </p:nvSpPr>
        <p:spPr>
          <a:xfrm>
            <a:off x="3762236" y="650988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4" name="txtSecureMarker1" hidden="1"/>
          <p:cNvSpPr txBox="1"/>
          <p:nvPr userDrawn="1"/>
        </p:nvSpPr>
        <p:spPr>
          <a:xfrm>
            <a:off x="3762236" y="57491"/>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Text Placeholder 7">
            <a:extLst>
              <a:ext uri="{FF2B5EF4-FFF2-40B4-BE49-F238E27FC236}">
                <a16:creationId xmlns:a16="http://schemas.microsoft.com/office/drawing/2014/main" id="{A48A4594-5048-446B-A0A3-72725B3958E9}"/>
              </a:ext>
            </a:extLst>
          </p:cNvPr>
          <p:cNvSpPr>
            <a:spLocks noGrp="1"/>
          </p:cNvSpPr>
          <p:nvPr>
            <p:ph type="body" sz="quarter" idx="15" hasCustomPrompt="1"/>
          </p:nvPr>
        </p:nvSpPr>
        <p:spPr>
          <a:xfrm>
            <a:off x="6169025" y="1633788"/>
            <a:ext cx="5473700"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bg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da-DK" dirty="0" err="1"/>
              <a:t>Click</a:t>
            </a:r>
            <a:r>
              <a:rPr lang="da-DK" dirty="0"/>
              <a:t> to </a:t>
            </a:r>
            <a:r>
              <a:rPr lang="da-DK" dirty="0" err="1"/>
              <a:t>add</a:t>
            </a:r>
            <a:r>
              <a:rPr lang="da-DK" dirty="0"/>
              <a:t> </a:t>
            </a:r>
            <a:r>
              <a:rPr lang="da-DK" dirty="0" err="1"/>
              <a:t>title</a:t>
            </a:r>
            <a:endParaRPr lang="da-DK" dirty="0"/>
          </a:p>
        </p:txBody>
      </p:sp>
      <p:sp>
        <p:nvSpPr>
          <p:cNvPr id="12" name="Picture Placeholder 11">
            <a:extLst>
              <a:ext uri="{FF2B5EF4-FFF2-40B4-BE49-F238E27FC236}">
                <a16:creationId xmlns:a16="http://schemas.microsoft.com/office/drawing/2014/main" id="{8ACAF202-714C-41A1-A279-E2D542DC50B2}"/>
              </a:ext>
            </a:extLst>
          </p:cNvPr>
          <p:cNvSpPr>
            <a:spLocks noGrp="1"/>
          </p:cNvSpPr>
          <p:nvPr>
            <p:ph type="pic" sz="quarter" idx="19" hasCustomPrompt="1"/>
          </p:nvPr>
        </p:nvSpPr>
        <p:spPr>
          <a:xfrm>
            <a:off x="0" y="0"/>
            <a:ext cx="5089525" cy="6858000"/>
          </a:xfrm>
          <a:custGeom>
            <a:avLst/>
            <a:gdLst>
              <a:gd name="connsiteX0" fmla="*/ 0 w 5089525"/>
              <a:gd name="connsiteY0" fmla="*/ 0 h 6858000"/>
              <a:gd name="connsiteX1" fmla="*/ 4994052 w 5089525"/>
              <a:gd name="connsiteY1" fmla="*/ 0 h 6858000"/>
              <a:gd name="connsiteX2" fmla="*/ 5089525 w 5089525"/>
              <a:gd name="connsiteY2" fmla="*/ 95473 h 6858000"/>
              <a:gd name="connsiteX3" fmla="*/ 5089525 w 5089525"/>
              <a:gd name="connsiteY3" fmla="*/ 6762527 h 6858000"/>
              <a:gd name="connsiteX4" fmla="*/ 4994052 w 5089525"/>
              <a:gd name="connsiteY4" fmla="*/ 6858000 h 6858000"/>
              <a:gd name="connsiteX5" fmla="*/ 0 w 5089525"/>
              <a:gd name="connsiteY5"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89525" h="6858000">
                <a:moveTo>
                  <a:pt x="0" y="0"/>
                </a:moveTo>
                <a:lnTo>
                  <a:pt x="4994052" y="0"/>
                </a:lnTo>
                <a:cubicBezTo>
                  <a:pt x="5046780" y="0"/>
                  <a:pt x="5089525" y="42745"/>
                  <a:pt x="5089525" y="95473"/>
                </a:cubicBezTo>
                <a:lnTo>
                  <a:pt x="5089525" y="6762527"/>
                </a:lnTo>
                <a:cubicBezTo>
                  <a:pt x="5089525" y="6815255"/>
                  <a:pt x="5046780" y="6858000"/>
                  <a:pt x="4994052" y="6858000"/>
                </a:cubicBezTo>
                <a:lnTo>
                  <a:pt x="0" y="6858000"/>
                </a:lnTo>
                <a:close/>
              </a:path>
            </a:pathLst>
          </a:custGeom>
          <a:solidFill>
            <a:schemeClr val="accent6"/>
          </a:solidFill>
        </p:spPr>
        <p:txBody>
          <a:bodyPr wrap="square" lIns="36000" tIns="36000" rIns="36000" bIns="36000" anchor="ctr">
            <a:noAutofit/>
          </a:bodyPr>
          <a:lstStyle>
            <a:lvl1pPr algn="ctr">
              <a:defRPr>
                <a:solidFill>
                  <a:schemeClr val="accent4"/>
                </a:solidFill>
              </a:defRPr>
            </a:lvl1pPr>
          </a:lstStyle>
          <a:p>
            <a:r>
              <a:rPr lang="da-DK" dirty="0"/>
              <a:t>Image </a:t>
            </a:r>
            <a:r>
              <a:rPr lang="da-DK" dirty="0" err="1"/>
              <a:t>here</a:t>
            </a:r>
            <a:endParaRPr lang="da-DK" dirty="0"/>
          </a:p>
        </p:txBody>
      </p:sp>
      <p:pic>
        <p:nvPicPr>
          <p:cNvPr id="16" name="Graphic 15">
            <a:extLst>
              <a:ext uri="{FF2B5EF4-FFF2-40B4-BE49-F238E27FC236}">
                <a16:creationId xmlns:a16="http://schemas.microsoft.com/office/drawing/2014/main" id="{0BD2EF97-68A6-4F98-8B02-FB2AED243CE5}"/>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850563" y="700776"/>
            <a:ext cx="792162" cy="699572"/>
          </a:xfrm>
          <a:prstGeom prst="rect">
            <a:avLst/>
          </a:prstGeom>
        </p:spPr>
      </p:pic>
      <p:cxnSp>
        <p:nvCxnSpPr>
          <p:cNvPr id="17" name="Straight Connector 16">
            <a:extLst>
              <a:ext uri="{FF2B5EF4-FFF2-40B4-BE49-F238E27FC236}">
                <a16:creationId xmlns:a16="http://schemas.microsoft.com/office/drawing/2014/main" id="{FDCAC644-F955-416B-B45E-14C32DF27091}"/>
              </a:ext>
            </a:extLst>
          </p:cNvPr>
          <p:cNvCxnSpPr/>
          <p:nvPr userDrawn="1"/>
        </p:nvCxnSpPr>
        <p:spPr>
          <a:xfrm>
            <a:off x="6170929" y="4446111"/>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8" name="Text Placeholder 3">
            <a:extLst>
              <a:ext uri="{FF2B5EF4-FFF2-40B4-BE49-F238E27FC236}">
                <a16:creationId xmlns:a16="http://schemas.microsoft.com/office/drawing/2014/main" id="{8F8FF002-C9EF-4261-92A6-B45176662CC7}"/>
              </a:ext>
            </a:extLst>
          </p:cNvPr>
          <p:cNvSpPr>
            <a:spLocks noGrp="1"/>
          </p:cNvSpPr>
          <p:nvPr>
            <p:ph type="body" sz="quarter" idx="20"/>
          </p:nvPr>
        </p:nvSpPr>
        <p:spPr>
          <a:xfrm>
            <a:off x="6169025" y="4598035"/>
            <a:ext cx="5473700"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a:solidFill>
                  <a:schemeClr val="accent5"/>
                </a:solidFill>
                <a:latin typeface="+mn-lt"/>
                <a:ea typeface="+mn-ea"/>
                <a:cs typeface="+mn-cs"/>
              </a:defRPr>
            </a:lvl1pPr>
            <a:lvl2pPr>
              <a:defRPr b="0">
                <a:solidFill>
                  <a:schemeClr val="bg1"/>
                </a:solidFill>
              </a:defRPr>
            </a:lvl2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pic>
        <p:nvPicPr>
          <p:cNvPr id="21" name="Picture 20">
            <a:extLst>
              <a:ext uri="{FF2B5EF4-FFF2-40B4-BE49-F238E27FC236}">
                <a16:creationId xmlns:a16="http://schemas.microsoft.com/office/drawing/2014/main" id="{A2781063-7C60-4C39-9D14-E91349D395A6}"/>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6182654" y="6050271"/>
            <a:ext cx="2045333" cy="354000"/>
          </a:xfrm>
          <a:prstGeom prst="rect">
            <a:avLst/>
          </a:prstGeom>
        </p:spPr>
      </p:pic>
    </p:spTree>
    <p:extLst>
      <p:ext uri="{BB962C8B-B14F-4D97-AF65-F5344CB8AC3E}">
        <p14:creationId xmlns:p14="http://schemas.microsoft.com/office/powerpoint/2010/main" val="2104400834"/>
      </p:ext>
    </p:extLst>
  </p:cSld>
  <p:clrMapOvr>
    <a:masterClrMapping/>
  </p:clrMapOvr>
  <p:transition>
    <p:fade/>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ntent &amp; Image C">
    <p:spTree>
      <p:nvGrpSpPr>
        <p:cNvPr id="1" name=""/>
        <p:cNvGrpSpPr/>
        <p:nvPr/>
      </p:nvGrpSpPr>
      <p:grpSpPr>
        <a:xfrm>
          <a:off x="0" y="0"/>
          <a:ext cx="0" cy="0"/>
          <a:chOff x="0" y="0"/>
          <a:chExt cx="0" cy="0"/>
        </a:xfrm>
      </p:grpSpPr>
      <p:sp>
        <p:nvSpPr>
          <p:cNvPr id="7" name="Content Placeholder 2">
            <a:extLst>
              <a:ext uri="{FF2B5EF4-FFF2-40B4-BE49-F238E27FC236}">
                <a16:creationId xmlns:a16="http://schemas.microsoft.com/office/drawing/2014/main" id="{36CACE22-5956-4B26-8951-369C1631603B}"/>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8" name="Title 1">
            <a:extLst>
              <a:ext uri="{FF2B5EF4-FFF2-40B4-BE49-F238E27FC236}">
                <a16:creationId xmlns:a16="http://schemas.microsoft.com/office/drawing/2014/main" id="{274F5AA1-13D5-42C4-BAA7-2513D8CC89D7}"/>
              </a:ext>
            </a:extLst>
          </p:cNvPr>
          <p:cNvSpPr>
            <a:spLocks noGrp="1"/>
          </p:cNvSpPr>
          <p:nvPr>
            <p:ph type="title"/>
          </p:nvPr>
        </p:nvSpPr>
        <p:spPr>
          <a:xfrm>
            <a:off x="554355" y="512763"/>
            <a:ext cx="3598545"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9" name="Straight Connector 8">
            <a:extLst>
              <a:ext uri="{FF2B5EF4-FFF2-40B4-BE49-F238E27FC236}">
                <a16:creationId xmlns:a16="http://schemas.microsoft.com/office/drawing/2014/main" id="{5947F70B-7FA4-4B4A-BC00-207597412F97}"/>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6" name="Picture Placeholder 15">
            <a:extLst>
              <a:ext uri="{FF2B5EF4-FFF2-40B4-BE49-F238E27FC236}">
                <a16:creationId xmlns:a16="http://schemas.microsoft.com/office/drawing/2014/main" id="{BB14DC76-D75E-4B2F-8E90-C3DFBC521E22}"/>
              </a:ext>
            </a:extLst>
          </p:cNvPr>
          <p:cNvSpPr>
            <a:spLocks noGrp="1"/>
          </p:cNvSpPr>
          <p:nvPr>
            <p:ph type="pic" sz="quarter" idx="26"/>
          </p:nvPr>
        </p:nvSpPr>
        <p:spPr>
          <a:xfrm>
            <a:off x="4468497" y="0"/>
            <a:ext cx="7726677" cy="6859588"/>
          </a:xfrm>
          <a:custGeom>
            <a:avLst/>
            <a:gdLst>
              <a:gd name="connsiteX0" fmla="*/ 103786 w 7726677"/>
              <a:gd name="connsiteY0" fmla="*/ 0 h 6859588"/>
              <a:gd name="connsiteX1" fmla="*/ 1810666 w 7726677"/>
              <a:gd name="connsiteY1" fmla="*/ 0 h 6859588"/>
              <a:gd name="connsiteX2" fmla="*/ 1970686 w 7726677"/>
              <a:gd name="connsiteY2" fmla="*/ 0 h 6859588"/>
              <a:gd name="connsiteX3" fmla="*/ 3677566 w 7726677"/>
              <a:gd name="connsiteY3" fmla="*/ 0 h 6859588"/>
              <a:gd name="connsiteX4" fmla="*/ 4152897 w 7726677"/>
              <a:gd name="connsiteY4" fmla="*/ 0 h 6859588"/>
              <a:gd name="connsiteX5" fmla="*/ 5859777 w 7726677"/>
              <a:gd name="connsiteY5" fmla="*/ 0 h 6859588"/>
              <a:gd name="connsiteX6" fmla="*/ 6019797 w 7726677"/>
              <a:gd name="connsiteY6" fmla="*/ 0 h 6859588"/>
              <a:gd name="connsiteX7" fmla="*/ 7726677 w 7726677"/>
              <a:gd name="connsiteY7" fmla="*/ 0 h 6859588"/>
              <a:gd name="connsiteX8" fmla="*/ 7726677 w 7726677"/>
              <a:gd name="connsiteY8" fmla="*/ 6859588 h 6859588"/>
              <a:gd name="connsiteX9" fmla="*/ 6019797 w 7726677"/>
              <a:gd name="connsiteY9" fmla="*/ 6859588 h 6859588"/>
              <a:gd name="connsiteX10" fmla="*/ 5859777 w 7726677"/>
              <a:gd name="connsiteY10" fmla="*/ 6859588 h 6859588"/>
              <a:gd name="connsiteX11" fmla="*/ 4152897 w 7726677"/>
              <a:gd name="connsiteY11" fmla="*/ 6859588 h 6859588"/>
              <a:gd name="connsiteX12" fmla="*/ 3677566 w 7726677"/>
              <a:gd name="connsiteY12" fmla="*/ 6859588 h 6859588"/>
              <a:gd name="connsiteX13" fmla="*/ 1970686 w 7726677"/>
              <a:gd name="connsiteY13" fmla="*/ 6859588 h 6859588"/>
              <a:gd name="connsiteX14" fmla="*/ 1810666 w 7726677"/>
              <a:gd name="connsiteY14" fmla="*/ 6859588 h 6859588"/>
              <a:gd name="connsiteX15" fmla="*/ 103786 w 7726677"/>
              <a:gd name="connsiteY15" fmla="*/ 6859588 h 6859588"/>
              <a:gd name="connsiteX16" fmla="*/ 0 w 7726677"/>
              <a:gd name="connsiteY16" fmla="*/ 6755802 h 6859588"/>
              <a:gd name="connsiteX17" fmla="*/ 0 w 7726677"/>
              <a:gd name="connsiteY17" fmla="*/ 103786 h 6859588"/>
              <a:gd name="connsiteX18" fmla="*/ 103786 w 7726677"/>
              <a:gd name="connsiteY18"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7726677" h="6859588">
                <a:moveTo>
                  <a:pt x="103786" y="0"/>
                </a:moveTo>
                <a:lnTo>
                  <a:pt x="1810666" y="0"/>
                </a:lnTo>
                <a:lnTo>
                  <a:pt x="1970686" y="0"/>
                </a:lnTo>
                <a:lnTo>
                  <a:pt x="3677566" y="0"/>
                </a:lnTo>
                <a:lnTo>
                  <a:pt x="4152897" y="0"/>
                </a:lnTo>
                <a:lnTo>
                  <a:pt x="5859777" y="0"/>
                </a:lnTo>
                <a:lnTo>
                  <a:pt x="6019797" y="0"/>
                </a:lnTo>
                <a:lnTo>
                  <a:pt x="7726677" y="0"/>
                </a:lnTo>
                <a:lnTo>
                  <a:pt x="7726677" y="6859588"/>
                </a:lnTo>
                <a:lnTo>
                  <a:pt x="6019797" y="6859588"/>
                </a:lnTo>
                <a:lnTo>
                  <a:pt x="5859777" y="6859588"/>
                </a:lnTo>
                <a:lnTo>
                  <a:pt x="4152897" y="6859588"/>
                </a:lnTo>
                <a:lnTo>
                  <a:pt x="3677566" y="6859588"/>
                </a:lnTo>
                <a:lnTo>
                  <a:pt x="1970686" y="6859588"/>
                </a:lnTo>
                <a:lnTo>
                  <a:pt x="1810666"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
        <p:nvSpPr>
          <p:cNvPr id="17" name="Rectangle 16" descr="{&quot;templafy&quot;:{&quot;id&quot;:&quot;4637c502-9277-44cf-9acc-451f086c11cd&quot;}}">
            <a:extLst>
              <a:ext uri="{FF2B5EF4-FFF2-40B4-BE49-F238E27FC236}">
                <a16:creationId xmlns:a16="http://schemas.microsoft.com/office/drawing/2014/main" id="{765EE0E0-F8F9-40AA-BA21-5319E31C2736}"/>
              </a:ext>
            </a:extLst>
          </p:cNvPr>
          <p:cNvSpPr/>
          <p:nvPr userDrawn="1"/>
        </p:nvSpPr>
        <p:spPr>
          <a:xfrm>
            <a:off x="554354" y="6288287"/>
            <a:ext cx="3596640" cy="2154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rgbClr val="9AB1C5"/>
              </a:solidFill>
            </a:endParaRPr>
          </a:p>
        </p:txBody>
      </p:sp>
      <p:sp>
        <p:nvSpPr>
          <p:cNvPr id="10" name="txtFooter">
            <a:extLst>
              <a:ext uri="{FF2B5EF4-FFF2-40B4-BE49-F238E27FC236}">
                <a16:creationId xmlns:a16="http://schemas.microsoft.com/office/drawing/2014/main" id="{1ADD9A79-EAD4-46BD-A8DE-464E95C59458}"/>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5"/>
                </a:solidFill>
              </a:rPr>
              <a:t>© PA Knowledge Limited  |     </a:t>
            </a:r>
            <a:endParaRPr lang="da-DK" dirty="0"/>
          </a:p>
        </p:txBody>
      </p:sp>
    </p:spTree>
    <p:extLst>
      <p:ext uri="{BB962C8B-B14F-4D97-AF65-F5344CB8AC3E}">
        <p14:creationId xmlns:p14="http://schemas.microsoft.com/office/powerpoint/2010/main" val="3181667658"/>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mp; Image D">
    <p:spTree>
      <p:nvGrpSpPr>
        <p:cNvPr id="1" name=""/>
        <p:cNvGrpSpPr/>
        <p:nvPr/>
      </p:nvGrpSpPr>
      <p:grpSpPr>
        <a:xfrm>
          <a:off x="0" y="0"/>
          <a:ext cx="0" cy="0"/>
          <a:chOff x="0" y="0"/>
          <a:chExt cx="0" cy="0"/>
        </a:xfrm>
      </p:grpSpPr>
      <p:sp>
        <p:nvSpPr>
          <p:cNvPr id="7" name="Content Placeholder 2">
            <a:extLst>
              <a:ext uri="{FF2B5EF4-FFF2-40B4-BE49-F238E27FC236}">
                <a16:creationId xmlns:a16="http://schemas.microsoft.com/office/drawing/2014/main" id="{DCC69244-2DE5-4CC8-A9B7-7B68E9FDB0A9}"/>
              </a:ext>
            </a:extLst>
          </p:cNvPr>
          <p:cNvSpPr>
            <a:spLocks noGrp="1"/>
          </p:cNvSpPr>
          <p:nvPr>
            <p:ph idx="1"/>
          </p:nvPr>
        </p:nvSpPr>
        <p:spPr>
          <a:xfrm>
            <a:off x="8046085"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8" name="Title 1">
            <a:extLst>
              <a:ext uri="{FF2B5EF4-FFF2-40B4-BE49-F238E27FC236}">
                <a16:creationId xmlns:a16="http://schemas.microsoft.com/office/drawing/2014/main" id="{8BF110BE-658C-492B-94F2-A397398FED6C}"/>
              </a:ext>
            </a:extLst>
          </p:cNvPr>
          <p:cNvSpPr>
            <a:spLocks noGrp="1"/>
          </p:cNvSpPr>
          <p:nvPr>
            <p:ph type="title"/>
          </p:nvPr>
        </p:nvSpPr>
        <p:spPr>
          <a:xfrm>
            <a:off x="8044180" y="512763"/>
            <a:ext cx="3598545"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9" name="Straight Connector 8">
            <a:extLst>
              <a:ext uri="{FF2B5EF4-FFF2-40B4-BE49-F238E27FC236}">
                <a16:creationId xmlns:a16="http://schemas.microsoft.com/office/drawing/2014/main" id="{29892582-D4B8-42B1-8A07-65AA7E184CC2}"/>
              </a:ext>
            </a:extLst>
          </p:cNvPr>
          <p:cNvCxnSpPr>
            <a:cxnSpLocks/>
          </p:cNvCxnSpPr>
          <p:nvPr userDrawn="1"/>
        </p:nvCxnSpPr>
        <p:spPr>
          <a:xfrm>
            <a:off x="8044179"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3" name="Picture Placeholder 12">
            <a:extLst>
              <a:ext uri="{FF2B5EF4-FFF2-40B4-BE49-F238E27FC236}">
                <a16:creationId xmlns:a16="http://schemas.microsoft.com/office/drawing/2014/main" id="{28F806EC-3F47-4E35-A1CB-BB3536D28C69}"/>
              </a:ext>
            </a:extLst>
          </p:cNvPr>
          <p:cNvSpPr>
            <a:spLocks noGrp="1"/>
          </p:cNvSpPr>
          <p:nvPr>
            <p:ph type="pic" sz="quarter" idx="27"/>
          </p:nvPr>
        </p:nvSpPr>
        <p:spPr>
          <a:xfrm>
            <a:off x="0" y="0"/>
            <a:ext cx="7726679" cy="6859588"/>
          </a:xfrm>
          <a:custGeom>
            <a:avLst/>
            <a:gdLst>
              <a:gd name="connsiteX0" fmla="*/ 0 w 7726679"/>
              <a:gd name="connsiteY0" fmla="*/ 0 h 6859588"/>
              <a:gd name="connsiteX1" fmla="*/ 1706880 w 7726679"/>
              <a:gd name="connsiteY1" fmla="*/ 0 h 6859588"/>
              <a:gd name="connsiteX2" fmla="*/ 1866902 w 7726679"/>
              <a:gd name="connsiteY2" fmla="*/ 0 h 6859588"/>
              <a:gd name="connsiteX3" fmla="*/ 3573782 w 7726679"/>
              <a:gd name="connsiteY3" fmla="*/ 0 h 6859588"/>
              <a:gd name="connsiteX4" fmla="*/ 4049111 w 7726679"/>
              <a:gd name="connsiteY4" fmla="*/ 0 h 6859588"/>
              <a:gd name="connsiteX5" fmla="*/ 5755991 w 7726679"/>
              <a:gd name="connsiteY5" fmla="*/ 0 h 6859588"/>
              <a:gd name="connsiteX6" fmla="*/ 5916013 w 7726679"/>
              <a:gd name="connsiteY6" fmla="*/ 0 h 6859588"/>
              <a:gd name="connsiteX7" fmla="*/ 7622893 w 7726679"/>
              <a:gd name="connsiteY7" fmla="*/ 0 h 6859588"/>
              <a:gd name="connsiteX8" fmla="*/ 7726679 w 7726679"/>
              <a:gd name="connsiteY8" fmla="*/ 103786 h 6859588"/>
              <a:gd name="connsiteX9" fmla="*/ 7726679 w 7726679"/>
              <a:gd name="connsiteY9" fmla="*/ 6755802 h 6859588"/>
              <a:gd name="connsiteX10" fmla="*/ 7622893 w 7726679"/>
              <a:gd name="connsiteY10" fmla="*/ 6859588 h 6859588"/>
              <a:gd name="connsiteX11" fmla="*/ 5916013 w 7726679"/>
              <a:gd name="connsiteY11" fmla="*/ 6859588 h 6859588"/>
              <a:gd name="connsiteX12" fmla="*/ 5755991 w 7726679"/>
              <a:gd name="connsiteY12" fmla="*/ 6859588 h 6859588"/>
              <a:gd name="connsiteX13" fmla="*/ 4049111 w 7726679"/>
              <a:gd name="connsiteY13" fmla="*/ 6859588 h 6859588"/>
              <a:gd name="connsiteX14" fmla="*/ 3573782 w 7726679"/>
              <a:gd name="connsiteY14" fmla="*/ 6859588 h 6859588"/>
              <a:gd name="connsiteX15" fmla="*/ 1866902 w 7726679"/>
              <a:gd name="connsiteY15" fmla="*/ 6859588 h 6859588"/>
              <a:gd name="connsiteX16" fmla="*/ 1706880 w 7726679"/>
              <a:gd name="connsiteY16" fmla="*/ 6859588 h 6859588"/>
              <a:gd name="connsiteX17" fmla="*/ 0 w 7726679"/>
              <a:gd name="connsiteY17"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726679" h="6859588">
                <a:moveTo>
                  <a:pt x="0" y="0"/>
                </a:moveTo>
                <a:lnTo>
                  <a:pt x="1706880" y="0"/>
                </a:lnTo>
                <a:lnTo>
                  <a:pt x="1866902" y="0"/>
                </a:lnTo>
                <a:lnTo>
                  <a:pt x="3573782" y="0"/>
                </a:lnTo>
                <a:lnTo>
                  <a:pt x="4049111" y="0"/>
                </a:lnTo>
                <a:lnTo>
                  <a:pt x="5755991" y="0"/>
                </a:lnTo>
                <a:lnTo>
                  <a:pt x="5916013" y="0"/>
                </a:lnTo>
                <a:lnTo>
                  <a:pt x="7622893" y="0"/>
                </a:lnTo>
                <a:cubicBezTo>
                  <a:pt x="7680212" y="0"/>
                  <a:pt x="7726679" y="46467"/>
                  <a:pt x="7726679" y="103786"/>
                </a:cubicBezTo>
                <a:lnTo>
                  <a:pt x="7726679" y="6755802"/>
                </a:lnTo>
                <a:cubicBezTo>
                  <a:pt x="7726679" y="6813121"/>
                  <a:pt x="7680212" y="6859588"/>
                  <a:pt x="7622893" y="6859588"/>
                </a:cubicBezTo>
                <a:lnTo>
                  <a:pt x="5916013" y="6859588"/>
                </a:lnTo>
                <a:lnTo>
                  <a:pt x="5755991" y="6859588"/>
                </a:lnTo>
                <a:lnTo>
                  <a:pt x="4049111" y="6859588"/>
                </a:lnTo>
                <a:lnTo>
                  <a:pt x="3573782" y="6859588"/>
                </a:lnTo>
                <a:lnTo>
                  <a:pt x="1866902" y="6859588"/>
                </a:lnTo>
                <a:lnTo>
                  <a:pt x="1706880" y="6859588"/>
                </a:lnTo>
                <a:lnTo>
                  <a:pt x="0" y="6859588"/>
                </a:lnTo>
                <a:close/>
              </a:path>
            </a:pathLst>
          </a:custGeom>
          <a:solidFill>
            <a:schemeClr val="accent6"/>
          </a:solidFill>
        </p:spPr>
        <p:txBody>
          <a:bodyPr vert="horz" wrap="square" lIns="0" tIns="0" rIns="0" bIns="0" rtlCol="0" anchor="ctr">
            <a:noAutofit/>
          </a:bodyPr>
          <a:lstStyle>
            <a:lvl1pPr algn="ctr">
              <a:defRPr lang="en-GB"/>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3220502183"/>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lumn Content &amp; Images">
    <p:spTree>
      <p:nvGrpSpPr>
        <p:cNvPr id="1" name=""/>
        <p:cNvGrpSpPr/>
        <p:nvPr/>
      </p:nvGrpSpPr>
      <p:grpSpPr>
        <a:xfrm>
          <a:off x="0" y="0"/>
          <a:ext cx="0" cy="0"/>
          <a:chOff x="0" y="0"/>
          <a:chExt cx="0" cy="0"/>
        </a:xfrm>
      </p:grpSpPr>
      <p:sp>
        <p:nvSpPr>
          <p:cNvPr id="9" name="Content Placeholder 2">
            <a:extLst>
              <a:ext uri="{FF2B5EF4-FFF2-40B4-BE49-F238E27FC236}">
                <a16:creationId xmlns:a16="http://schemas.microsoft.com/office/drawing/2014/main" id="{35E308D1-94ED-4F29-AC14-729D32FEFB2C}"/>
              </a:ext>
            </a:extLst>
          </p:cNvPr>
          <p:cNvSpPr>
            <a:spLocks noGrp="1"/>
          </p:cNvSpPr>
          <p:nvPr>
            <p:ph idx="1"/>
          </p:nvPr>
        </p:nvSpPr>
        <p:spPr>
          <a:xfrm>
            <a:off x="556260" y="2932588"/>
            <a:ext cx="5469890" cy="3233262"/>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0" name="Title 1">
            <a:extLst>
              <a:ext uri="{FF2B5EF4-FFF2-40B4-BE49-F238E27FC236}">
                <a16:creationId xmlns:a16="http://schemas.microsoft.com/office/drawing/2014/main" id="{DC60DB5C-104E-41B6-9F75-A5EB225E0F47}"/>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1" name="Straight Connector 10">
            <a:extLst>
              <a:ext uri="{FF2B5EF4-FFF2-40B4-BE49-F238E27FC236}">
                <a16:creationId xmlns:a16="http://schemas.microsoft.com/office/drawing/2014/main" id="{CD39306D-816C-41C4-9A60-BECE11054179}"/>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6FECC3A0-CB55-41CA-8D40-6EA7D1FCE998}"/>
              </a:ext>
            </a:extLst>
          </p:cNvPr>
          <p:cNvSpPr>
            <a:spLocks noGrp="1"/>
          </p:cNvSpPr>
          <p:nvPr>
            <p:ph idx="10"/>
          </p:nvPr>
        </p:nvSpPr>
        <p:spPr>
          <a:xfrm>
            <a:off x="6176645" y="2932588"/>
            <a:ext cx="5469890" cy="3233262"/>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5" name="Picture Placeholder 11">
            <a:extLst>
              <a:ext uri="{FF2B5EF4-FFF2-40B4-BE49-F238E27FC236}">
                <a16:creationId xmlns:a16="http://schemas.microsoft.com/office/drawing/2014/main" id="{E311EB11-D5B6-4579-9C21-7C2C5A2927B6}"/>
              </a:ext>
            </a:extLst>
          </p:cNvPr>
          <p:cNvSpPr>
            <a:spLocks noGrp="1"/>
          </p:cNvSpPr>
          <p:nvPr>
            <p:ph type="pic" sz="quarter" idx="19"/>
          </p:nvPr>
        </p:nvSpPr>
        <p:spPr>
          <a:xfrm>
            <a:off x="556665" y="1637983"/>
            <a:ext cx="546567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
        <p:nvSpPr>
          <p:cNvPr id="18" name="Picture Placeholder 11">
            <a:extLst>
              <a:ext uri="{FF2B5EF4-FFF2-40B4-BE49-F238E27FC236}">
                <a16:creationId xmlns:a16="http://schemas.microsoft.com/office/drawing/2014/main" id="{B4F9C092-0F71-4B47-8777-813E2C380F9D}"/>
              </a:ext>
            </a:extLst>
          </p:cNvPr>
          <p:cNvSpPr>
            <a:spLocks noGrp="1"/>
          </p:cNvSpPr>
          <p:nvPr>
            <p:ph type="pic" sz="quarter" idx="20"/>
          </p:nvPr>
        </p:nvSpPr>
        <p:spPr>
          <a:xfrm>
            <a:off x="6176645" y="1637983"/>
            <a:ext cx="546567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15656889"/>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hree Column Content &amp; Images">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D5CD9C0A-D525-4BF0-8351-652AC1B2E41E}"/>
              </a:ext>
            </a:extLst>
          </p:cNvPr>
          <p:cNvSpPr>
            <a:spLocks noGrp="1"/>
          </p:cNvSpPr>
          <p:nvPr>
            <p:ph idx="1"/>
          </p:nvPr>
        </p:nvSpPr>
        <p:spPr>
          <a:xfrm>
            <a:off x="556260" y="2932588"/>
            <a:ext cx="3596640" cy="3237834"/>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3" name="Title 1">
            <a:extLst>
              <a:ext uri="{FF2B5EF4-FFF2-40B4-BE49-F238E27FC236}">
                <a16:creationId xmlns:a16="http://schemas.microsoft.com/office/drawing/2014/main" id="{B74185DA-8FA8-4B9F-98F3-0D1026336E74}"/>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7" name="Straight Connector 16">
            <a:extLst>
              <a:ext uri="{FF2B5EF4-FFF2-40B4-BE49-F238E27FC236}">
                <a16:creationId xmlns:a16="http://schemas.microsoft.com/office/drawing/2014/main" id="{D0B7279B-0090-4524-869E-0F719A9912C2}"/>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9" name="Content Placeholder 2">
            <a:extLst>
              <a:ext uri="{FF2B5EF4-FFF2-40B4-BE49-F238E27FC236}">
                <a16:creationId xmlns:a16="http://schemas.microsoft.com/office/drawing/2014/main" id="{6BB366C1-A048-4655-91E7-9F864C041907}"/>
              </a:ext>
            </a:extLst>
          </p:cNvPr>
          <p:cNvSpPr>
            <a:spLocks noGrp="1"/>
          </p:cNvSpPr>
          <p:nvPr>
            <p:ph idx="10"/>
          </p:nvPr>
        </p:nvSpPr>
        <p:spPr>
          <a:xfrm>
            <a:off x="4301173" y="2932588"/>
            <a:ext cx="3596640" cy="3237834"/>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20" name="Content Placeholder 2">
            <a:extLst>
              <a:ext uri="{FF2B5EF4-FFF2-40B4-BE49-F238E27FC236}">
                <a16:creationId xmlns:a16="http://schemas.microsoft.com/office/drawing/2014/main" id="{84391039-2C04-4E8C-9A3D-842DA10322C9}"/>
              </a:ext>
            </a:extLst>
          </p:cNvPr>
          <p:cNvSpPr>
            <a:spLocks noGrp="1"/>
          </p:cNvSpPr>
          <p:nvPr>
            <p:ph idx="11"/>
          </p:nvPr>
        </p:nvSpPr>
        <p:spPr>
          <a:xfrm>
            <a:off x="8042275" y="2932588"/>
            <a:ext cx="3596640" cy="3237834"/>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23" name="Picture Placeholder 11">
            <a:extLst>
              <a:ext uri="{FF2B5EF4-FFF2-40B4-BE49-F238E27FC236}">
                <a16:creationId xmlns:a16="http://schemas.microsoft.com/office/drawing/2014/main" id="{911939B4-4AF2-4F55-A564-0A841C91D6C7}"/>
              </a:ext>
            </a:extLst>
          </p:cNvPr>
          <p:cNvSpPr>
            <a:spLocks noGrp="1"/>
          </p:cNvSpPr>
          <p:nvPr>
            <p:ph type="pic" sz="quarter" idx="19"/>
          </p:nvPr>
        </p:nvSpPr>
        <p:spPr>
          <a:xfrm>
            <a:off x="556665" y="1637983"/>
            <a:ext cx="359623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
        <p:nvSpPr>
          <p:cNvPr id="25" name="Picture Placeholder 11">
            <a:extLst>
              <a:ext uri="{FF2B5EF4-FFF2-40B4-BE49-F238E27FC236}">
                <a16:creationId xmlns:a16="http://schemas.microsoft.com/office/drawing/2014/main" id="{A4AFF185-8756-4395-ACE0-C1B1F5CFB72C}"/>
              </a:ext>
            </a:extLst>
          </p:cNvPr>
          <p:cNvSpPr>
            <a:spLocks noGrp="1"/>
          </p:cNvSpPr>
          <p:nvPr>
            <p:ph type="pic" sz="quarter" idx="20"/>
          </p:nvPr>
        </p:nvSpPr>
        <p:spPr>
          <a:xfrm>
            <a:off x="4301578" y="1637983"/>
            <a:ext cx="359623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
        <p:nvSpPr>
          <p:cNvPr id="26" name="Picture Placeholder 11">
            <a:extLst>
              <a:ext uri="{FF2B5EF4-FFF2-40B4-BE49-F238E27FC236}">
                <a16:creationId xmlns:a16="http://schemas.microsoft.com/office/drawing/2014/main" id="{FB7B692E-E0E6-4F03-9AAC-1A08C22D6E59}"/>
              </a:ext>
            </a:extLst>
          </p:cNvPr>
          <p:cNvSpPr>
            <a:spLocks noGrp="1"/>
          </p:cNvSpPr>
          <p:nvPr>
            <p:ph type="pic" sz="quarter" idx="21"/>
          </p:nvPr>
        </p:nvSpPr>
        <p:spPr>
          <a:xfrm>
            <a:off x="8046490" y="1637983"/>
            <a:ext cx="359623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340892079"/>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Numbered Sections">
    <p:spTree>
      <p:nvGrpSpPr>
        <p:cNvPr id="1" name=""/>
        <p:cNvGrpSpPr/>
        <p:nvPr/>
      </p:nvGrpSpPr>
      <p:grpSpPr>
        <a:xfrm>
          <a:off x="0" y="0"/>
          <a:ext cx="0" cy="0"/>
          <a:chOff x="0" y="0"/>
          <a:chExt cx="0" cy="0"/>
        </a:xfrm>
      </p:grpSpPr>
      <p:sp>
        <p:nvSpPr>
          <p:cNvPr id="12" name="Title 1">
            <a:extLst>
              <a:ext uri="{FF2B5EF4-FFF2-40B4-BE49-F238E27FC236}">
                <a16:creationId xmlns:a16="http://schemas.microsoft.com/office/drawing/2014/main" id="{9FE25EAE-49CD-43AF-B523-33F70FB66F07}"/>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4" name="Straight Connector 13">
            <a:extLst>
              <a:ext uri="{FF2B5EF4-FFF2-40B4-BE49-F238E27FC236}">
                <a16:creationId xmlns:a16="http://schemas.microsoft.com/office/drawing/2014/main" id="{3A0C47E3-069D-4F6B-A05D-AA1886AD5F90}"/>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 name="Rectangle: Rounded Corners 1">
            <a:extLst>
              <a:ext uri="{FF2B5EF4-FFF2-40B4-BE49-F238E27FC236}">
                <a16:creationId xmlns:a16="http://schemas.microsoft.com/office/drawing/2014/main" id="{A69B94C1-BEBC-44F2-9D97-8B084733121D}"/>
              </a:ext>
            </a:extLst>
          </p:cNvPr>
          <p:cNvSpPr/>
          <p:nvPr userDrawn="1"/>
        </p:nvSpPr>
        <p:spPr>
          <a:xfrm>
            <a:off x="554354" y="1630363"/>
            <a:ext cx="5471796" cy="4535487"/>
          </a:xfrm>
          <a:prstGeom prst="roundRect">
            <a:avLst>
              <a:gd name="adj" fmla="val 226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15" name="Rectangle: Rounded Corners 14">
            <a:extLst>
              <a:ext uri="{FF2B5EF4-FFF2-40B4-BE49-F238E27FC236}">
                <a16:creationId xmlns:a16="http://schemas.microsoft.com/office/drawing/2014/main" id="{5EA4DBA5-018A-47D8-95A5-CD040BA653DF}"/>
              </a:ext>
            </a:extLst>
          </p:cNvPr>
          <p:cNvSpPr/>
          <p:nvPr userDrawn="1"/>
        </p:nvSpPr>
        <p:spPr>
          <a:xfrm>
            <a:off x="6170929" y="1630363"/>
            <a:ext cx="5471796" cy="4535487"/>
          </a:xfrm>
          <a:prstGeom prst="roundRect">
            <a:avLst>
              <a:gd name="adj" fmla="val 226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20" name="Freeform: Shape 19">
            <a:extLst>
              <a:ext uri="{FF2B5EF4-FFF2-40B4-BE49-F238E27FC236}">
                <a16:creationId xmlns:a16="http://schemas.microsoft.com/office/drawing/2014/main" id="{029DF54E-04B4-4B75-A16B-49F8222E6F96}"/>
              </a:ext>
            </a:extLst>
          </p:cNvPr>
          <p:cNvSpPr/>
          <p:nvPr userDrawn="1"/>
        </p:nvSpPr>
        <p:spPr>
          <a:xfrm>
            <a:off x="554355" y="1630363"/>
            <a:ext cx="686277" cy="4535487"/>
          </a:xfrm>
          <a:custGeom>
            <a:avLst/>
            <a:gdLst>
              <a:gd name="connsiteX0" fmla="*/ 102774 w 686277"/>
              <a:gd name="connsiteY0" fmla="*/ 0 h 4535487"/>
              <a:gd name="connsiteX1" fmla="*/ 686277 w 686277"/>
              <a:gd name="connsiteY1" fmla="*/ 0 h 4535487"/>
              <a:gd name="connsiteX2" fmla="*/ 686277 w 686277"/>
              <a:gd name="connsiteY2" fmla="*/ 4535487 h 4535487"/>
              <a:gd name="connsiteX3" fmla="*/ 102774 w 686277"/>
              <a:gd name="connsiteY3" fmla="*/ 4535487 h 4535487"/>
              <a:gd name="connsiteX4" fmla="*/ 0 w 686277"/>
              <a:gd name="connsiteY4" fmla="*/ 4432713 h 4535487"/>
              <a:gd name="connsiteX5" fmla="*/ 0 w 686277"/>
              <a:gd name="connsiteY5" fmla="*/ 102774 h 4535487"/>
              <a:gd name="connsiteX6" fmla="*/ 102774 w 686277"/>
              <a:gd name="connsiteY6" fmla="*/ 0 h 4535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6277" h="4535487">
                <a:moveTo>
                  <a:pt x="102774" y="0"/>
                </a:moveTo>
                <a:lnTo>
                  <a:pt x="686277" y="0"/>
                </a:lnTo>
                <a:lnTo>
                  <a:pt x="686277" y="4535487"/>
                </a:lnTo>
                <a:lnTo>
                  <a:pt x="102774" y="4535487"/>
                </a:lnTo>
                <a:cubicBezTo>
                  <a:pt x="46013" y="4535487"/>
                  <a:pt x="0" y="4489474"/>
                  <a:pt x="0" y="4432713"/>
                </a:cubicBezTo>
                <a:lnTo>
                  <a:pt x="0" y="102774"/>
                </a:lnTo>
                <a:cubicBezTo>
                  <a:pt x="0" y="46013"/>
                  <a:pt x="46013" y="0"/>
                  <a:pt x="102774"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21" name="Freeform: Shape 20">
            <a:extLst>
              <a:ext uri="{FF2B5EF4-FFF2-40B4-BE49-F238E27FC236}">
                <a16:creationId xmlns:a16="http://schemas.microsoft.com/office/drawing/2014/main" id="{7586AA46-EF95-470A-9AD8-1A758847D594}"/>
              </a:ext>
            </a:extLst>
          </p:cNvPr>
          <p:cNvSpPr/>
          <p:nvPr userDrawn="1"/>
        </p:nvSpPr>
        <p:spPr>
          <a:xfrm>
            <a:off x="6169026" y="1630363"/>
            <a:ext cx="686277" cy="4535487"/>
          </a:xfrm>
          <a:custGeom>
            <a:avLst/>
            <a:gdLst>
              <a:gd name="connsiteX0" fmla="*/ 102774 w 686277"/>
              <a:gd name="connsiteY0" fmla="*/ 0 h 4535487"/>
              <a:gd name="connsiteX1" fmla="*/ 686277 w 686277"/>
              <a:gd name="connsiteY1" fmla="*/ 0 h 4535487"/>
              <a:gd name="connsiteX2" fmla="*/ 686277 w 686277"/>
              <a:gd name="connsiteY2" fmla="*/ 4535487 h 4535487"/>
              <a:gd name="connsiteX3" fmla="*/ 102774 w 686277"/>
              <a:gd name="connsiteY3" fmla="*/ 4535487 h 4535487"/>
              <a:gd name="connsiteX4" fmla="*/ 0 w 686277"/>
              <a:gd name="connsiteY4" fmla="*/ 4432713 h 4535487"/>
              <a:gd name="connsiteX5" fmla="*/ 0 w 686277"/>
              <a:gd name="connsiteY5" fmla="*/ 102774 h 4535487"/>
              <a:gd name="connsiteX6" fmla="*/ 102774 w 686277"/>
              <a:gd name="connsiteY6" fmla="*/ 0 h 4535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6277" h="4535487">
                <a:moveTo>
                  <a:pt x="102774" y="0"/>
                </a:moveTo>
                <a:lnTo>
                  <a:pt x="686277" y="0"/>
                </a:lnTo>
                <a:lnTo>
                  <a:pt x="686277" y="4535487"/>
                </a:lnTo>
                <a:lnTo>
                  <a:pt x="102774" y="4535487"/>
                </a:lnTo>
                <a:cubicBezTo>
                  <a:pt x="46013" y="4535487"/>
                  <a:pt x="0" y="4489474"/>
                  <a:pt x="0" y="4432713"/>
                </a:cubicBezTo>
                <a:lnTo>
                  <a:pt x="0" y="102774"/>
                </a:lnTo>
                <a:cubicBezTo>
                  <a:pt x="0" y="46013"/>
                  <a:pt x="46013" y="0"/>
                  <a:pt x="102774" y="0"/>
                </a:cubicBezTo>
                <a:close/>
              </a:path>
            </a:pathLst>
          </a:cu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5" name="Text Placeholder 4">
            <a:extLst>
              <a:ext uri="{FF2B5EF4-FFF2-40B4-BE49-F238E27FC236}">
                <a16:creationId xmlns:a16="http://schemas.microsoft.com/office/drawing/2014/main" id="{63A92CFA-A51F-40AF-8004-E0B6498B349D}"/>
              </a:ext>
            </a:extLst>
          </p:cNvPr>
          <p:cNvSpPr>
            <a:spLocks noGrp="1"/>
          </p:cNvSpPr>
          <p:nvPr>
            <p:ph type="body" sz="quarter" idx="10"/>
          </p:nvPr>
        </p:nvSpPr>
        <p:spPr>
          <a:xfrm>
            <a:off x="1489075" y="1801019"/>
            <a:ext cx="4381500" cy="4194175"/>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2" name="Text Placeholder 4">
            <a:extLst>
              <a:ext uri="{FF2B5EF4-FFF2-40B4-BE49-F238E27FC236}">
                <a16:creationId xmlns:a16="http://schemas.microsoft.com/office/drawing/2014/main" id="{17BD4E6D-47E4-405C-97AE-C8D998952D68}"/>
              </a:ext>
            </a:extLst>
          </p:cNvPr>
          <p:cNvSpPr>
            <a:spLocks noGrp="1"/>
          </p:cNvSpPr>
          <p:nvPr>
            <p:ph type="body" sz="quarter" idx="11"/>
          </p:nvPr>
        </p:nvSpPr>
        <p:spPr>
          <a:xfrm>
            <a:off x="7105650" y="1801019"/>
            <a:ext cx="4381500" cy="4194175"/>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3" name="Text Placeholder 22">
            <a:extLst>
              <a:ext uri="{FF2B5EF4-FFF2-40B4-BE49-F238E27FC236}">
                <a16:creationId xmlns:a16="http://schemas.microsoft.com/office/drawing/2014/main" id="{77591F9E-4298-40C9-8AD9-779AD0431654}"/>
              </a:ext>
            </a:extLst>
          </p:cNvPr>
          <p:cNvSpPr>
            <a:spLocks noGrp="1"/>
          </p:cNvSpPr>
          <p:nvPr>
            <p:ph type="body" sz="quarter" idx="12" hasCustomPrompt="1"/>
          </p:nvPr>
        </p:nvSpPr>
        <p:spPr>
          <a:xfrm>
            <a:off x="605126" y="1800400"/>
            <a:ext cx="584734" cy="346075"/>
          </a:xfrm>
        </p:spPr>
        <p:txBody>
          <a:bodyPr anchor="ctr"/>
          <a:lstStyle>
            <a:lvl1pPr algn="ctr">
              <a:defRPr sz="2400" b="0">
                <a:solidFill>
                  <a:schemeClr val="bg1"/>
                </a:solidFill>
              </a:defRPr>
            </a:lvl1pPr>
          </a:lstStyle>
          <a:p>
            <a:pPr lvl="0"/>
            <a:r>
              <a:rPr lang="da-DK" dirty="0"/>
              <a:t>##</a:t>
            </a:r>
          </a:p>
        </p:txBody>
      </p:sp>
      <p:sp>
        <p:nvSpPr>
          <p:cNvPr id="25" name="Text Placeholder 22">
            <a:extLst>
              <a:ext uri="{FF2B5EF4-FFF2-40B4-BE49-F238E27FC236}">
                <a16:creationId xmlns:a16="http://schemas.microsoft.com/office/drawing/2014/main" id="{BEF44BC6-54E1-4D4B-B8B6-4641B9519BFD}"/>
              </a:ext>
            </a:extLst>
          </p:cNvPr>
          <p:cNvSpPr>
            <a:spLocks noGrp="1"/>
          </p:cNvSpPr>
          <p:nvPr>
            <p:ph type="body" sz="quarter" idx="13" hasCustomPrompt="1"/>
          </p:nvPr>
        </p:nvSpPr>
        <p:spPr>
          <a:xfrm>
            <a:off x="6219797" y="1800400"/>
            <a:ext cx="584734" cy="346075"/>
          </a:xfrm>
        </p:spPr>
        <p:txBody>
          <a:bodyPr anchor="ctr"/>
          <a:lstStyle>
            <a:lvl1pPr algn="ctr">
              <a:defRPr sz="2400" b="0">
                <a:solidFill>
                  <a:schemeClr val="bg1"/>
                </a:solidFill>
              </a:defRPr>
            </a:lvl1pPr>
          </a:lstStyle>
          <a:p>
            <a:pPr lvl="0"/>
            <a:r>
              <a:rPr lang="da-DK" dirty="0"/>
              <a:t>##</a:t>
            </a:r>
          </a:p>
        </p:txBody>
      </p:sp>
    </p:spTree>
    <p:extLst>
      <p:ext uri="{BB962C8B-B14F-4D97-AF65-F5344CB8AC3E}">
        <p14:creationId xmlns:p14="http://schemas.microsoft.com/office/powerpoint/2010/main" val="2137770742"/>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our Numbered Sections">
    <p:spTree>
      <p:nvGrpSpPr>
        <p:cNvPr id="1" name=""/>
        <p:cNvGrpSpPr/>
        <p:nvPr/>
      </p:nvGrpSpPr>
      <p:grpSpPr>
        <a:xfrm>
          <a:off x="0" y="0"/>
          <a:ext cx="0" cy="0"/>
          <a:chOff x="0" y="0"/>
          <a:chExt cx="0" cy="0"/>
        </a:xfrm>
      </p:grpSpPr>
      <p:sp>
        <p:nvSpPr>
          <p:cNvPr id="15" name="Rectangle: Rounded Corners 14">
            <a:extLst>
              <a:ext uri="{FF2B5EF4-FFF2-40B4-BE49-F238E27FC236}">
                <a16:creationId xmlns:a16="http://schemas.microsoft.com/office/drawing/2014/main" id="{538BF4A2-4249-4C70-A387-186456123E44}"/>
              </a:ext>
            </a:extLst>
          </p:cNvPr>
          <p:cNvSpPr/>
          <p:nvPr userDrawn="1"/>
        </p:nvSpPr>
        <p:spPr>
          <a:xfrm>
            <a:off x="554354" y="1630363"/>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33" name="Freeform: Shape 32">
            <a:extLst>
              <a:ext uri="{FF2B5EF4-FFF2-40B4-BE49-F238E27FC236}">
                <a16:creationId xmlns:a16="http://schemas.microsoft.com/office/drawing/2014/main" id="{57B96F70-3901-4A1E-AFAE-C8668131347D}"/>
              </a:ext>
            </a:extLst>
          </p:cNvPr>
          <p:cNvSpPr/>
          <p:nvPr userDrawn="1"/>
        </p:nvSpPr>
        <p:spPr>
          <a:xfrm>
            <a:off x="554354" y="1630363"/>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16" name="Rectangle: Rounded Corners 15">
            <a:extLst>
              <a:ext uri="{FF2B5EF4-FFF2-40B4-BE49-F238E27FC236}">
                <a16:creationId xmlns:a16="http://schemas.microsoft.com/office/drawing/2014/main" id="{B65682A8-D697-4B58-9C54-433A51914A59}"/>
              </a:ext>
            </a:extLst>
          </p:cNvPr>
          <p:cNvSpPr/>
          <p:nvPr userDrawn="1"/>
        </p:nvSpPr>
        <p:spPr>
          <a:xfrm>
            <a:off x="6170929" y="1630363"/>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32" name="Freeform: Shape 31">
            <a:extLst>
              <a:ext uri="{FF2B5EF4-FFF2-40B4-BE49-F238E27FC236}">
                <a16:creationId xmlns:a16="http://schemas.microsoft.com/office/drawing/2014/main" id="{46795A92-CD9F-42D7-AE7F-2AAF9EE15A03}"/>
              </a:ext>
            </a:extLst>
          </p:cNvPr>
          <p:cNvSpPr/>
          <p:nvPr userDrawn="1"/>
        </p:nvSpPr>
        <p:spPr>
          <a:xfrm>
            <a:off x="6170929" y="1630363"/>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lvl="0" algn="ctr"/>
            <a:endParaRPr lang="da-DK" sz="1400" dirty="0"/>
          </a:p>
        </p:txBody>
      </p:sp>
      <p:sp>
        <p:nvSpPr>
          <p:cNvPr id="13" name="Title 1">
            <a:extLst>
              <a:ext uri="{FF2B5EF4-FFF2-40B4-BE49-F238E27FC236}">
                <a16:creationId xmlns:a16="http://schemas.microsoft.com/office/drawing/2014/main" id="{20AAB75F-98E0-412D-9915-AC88DB8D69E1}"/>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4" name="Straight Connector 13">
            <a:extLst>
              <a:ext uri="{FF2B5EF4-FFF2-40B4-BE49-F238E27FC236}">
                <a16:creationId xmlns:a16="http://schemas.microsoft.com/office/drawing/2014/main" id="{2C832523-F430-4885-A9AE-3A3E1E8FCC3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7" name="Text Placeholder 4">
            <a:extLst>
              <a:ext uri="{FF2B5EF4-FFF2-40B4-BE49-F238E27FC236}">
                <a16:creationId xmlns:a16="http://schemas.microsoft.com/office/drawing/2014/main" id="{1CE12E21-7B47-422F-AE27-4A68936B4C0F}"/>
              </a:ext>
            </a:extLst>
          </p:cNvPr>
          <p:cNvSpPr>
            <a:spLocks noGrp="1"/>
          </p:cNvSpPr>
          <p:nvPr>
            <p:ph type="body" sz="quarter" idx="10"/>
          </p:nvPr>
        </p:nvSpPr>
        <p:spPr>
          <a:xfrm>
            <a:off x="1489075" y="1801020"/>
            <a:ext cx="4381500" cy="1831297"/>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8" name="Text Placeholder 4">
            <a:extLst>
              <a:ext uri="{FF2B5EF4-FFF2-40B4-BE49-F238E27FC236}">
                <a16:creationId xmlns:a16="http://schemas.microsoft.com/office/drawing/2014/main" id="{F224B68A-803C-4651-89F9-0C1D6DBF590C}"/>
              </a:ext>
            </a:extLst>
          </p:cNvPr>
          <p:cNvSpPr>
            <a:spLocks noGrp="1"/>
          </p:cNvSpPr>
          <p:nvPr>
            <p:ph type="body" sz="quarter" idx="11"/>
          </p:nvPr>
        </p:nvSpPr>
        <p:spPr>
          <a:xfrm>
            <a:off x="7105650" y="1801020"/>
            <a:ext cx="4381500" cy="1831297"/>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9" name="Text Placeholder 22">
            <a:extLst>
              <a:ext uri="{FF2B5EF4-FFF2-40B4-BE49-F238E27FC236}">
                <a16:creationId xmlns:a16="http://schemas.microsoft.com/office/drawing/2014/main" id="{6949C67E-7D60-434D-B416-D1AEBAD7CE48}"/>
              </a:ext>
            </a:extLst>
          </p:cNvPr>
          <p:cNvSpPr>
            <a:spLocks noGrp="1"/>
          </p:cNvSpPr>
          <p:nvPr>
            <p:ph type="body" sz="quarter" idx="12" hasCustomPrompt="1"/>
          </p:nvPr>
        </p:nvSpPr>
        <p:spPr>
          <a:xfrm>
            <a:off x="605126" y="1800400"/>
            <a:ext cx="584734" cy="346075"/>
          </a:xfrm>
        </p:spPr>
        <p:txBody>
          <a:bodyPr anchor="ctr"/>
          <a:lstStyle>
            <a:lvl1pPr algn="ctr">
              <a:defRPr sz="2400" b="0">
                <a:solidFill>
                  <a:schemeClr val="bg1"/>
                </a:solidFill>
              </a:defRPr>
            </a:lvl1pPr>
          </a:lstStyle>
          <a:p>
            <a:pPr lvl="0"/>
            <a:r>
              <a:rPr lang="da-DK" dirty="0"/>
              <a:t>##</a:t>
            </a:r>
          </a:p>
        </p:txBody>
      </p:sp>
      <p:sp>
        <p:nvSpPr>
          <p:cNvPr id="30" name="Text Placeholder 22">
            <a:extLst>
              <a:ext uri="{FF2B5EF4-FFF2-40B4-BE49-F238E27FC236}">
                <a16:creationId xmlns:a16="http://schemas.microsoft.com/office/drawing/2014/main" id="{44EACF4A-ABD3-476D-A291-F24243781CE5}"/>
              </a:ext>
            </a:extLst>
          </p:cNvPr>
          <p:cNvSpPr>
            <a:spLocks noGrp="1"/>
          </p:cNvSpPr>
          <p:nvPr>
            <p:ph type="body" sz="quarter" idx="13" hasCustomPrompt="1"/>
          </p:nvPr>
        </p:nvSpPr>
        <p:spPr>
          <a:xfrm>
            <a:off x="6219797" y="1800400"/>
            <a:ext cx="584734" cy="346075"/>
          </a:xfrm>
        </p:spPr>
        <p:txBody>
          <a:bodyPr anchor="ctr"/>
          <a:lstStyle>
            <a:lvl1pPr algn="ctr">
              <a:defRPr sz="2400" b="0">
                <a:solidFill>
                  <a:schemeClr val="bg1"/>
                </a:solidFill>
              </a:defRPr>
            </a:lvl1pPr>
          </a:lstStyle>
          <a:p>
            <a:pPr lvl="0"/>
            <a:r>
              <a:rPr lang="da-DK" dirty="0"/>
              <a:t>##</a:t>
            </a:r>
          </a:p>
        </p:txBody>
      </p:sp>
      <p:sp>
        <p:nvSpPr>
          <p:cNvPr id="34" name="Rectangle: Rounded Corners 33">
            <a:extLst>
              <a:ext uri="{FF2B5EF4-FFF2-40B4-BE49-F238E27FC236}">
                <a16:creationId xmlns:a16="http://schemas.microsoft.com/office/drawing/2014/main" id="{11AA2E1C-4A85-4BCF-B07C-43C6BAFD7B58}"/>
              </a:ext>
            </a:extLst>
          </p:cNvPr>
          <p:cNvSpPr/>
          <p:nvPr userDrawn="1"/>
        </p:nvSpPr>
        <p:spPr>
          <a:xfrm>
            <a:off x="554354" y="3970335"/>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35" name="Freeform: Shape 34">
            <a:extLst>
              <a:ext uri="{FF2B5EF4-FFF2-40B4-BE49-F238E27FC236}">
                <a16:creationId xmlns:a16="http://schemas.microsoft.com/office/drawing/2014/main" id="{4348496C-CF0A-483F-9E69-94F9A8766023}"/>
              </a:ext>
            </a:extLst>
          </p:cNvPr>
          <p:cNvSpPr/>
          <p:nvPr userDrawn="1"/>
        </p:nvSpPr>
        <p:spPr>
          <a:xfrm>
            <a:off x="554354" y="3970335"/>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36" name="Rectangle: Rounded Corners 35">
            <a:extLst>
              <a:ext uri="{FF2B5EF4-FFF2-40B4-BE49-F238E27FC236}">
                <a16:creationId xmlns:a16="http://schemas.microsoft.com/office/drawing/2014/main" id="{E1F3B116-57B2-469E-AB45-668DFDA5C9D6}"/>
              </a:ext>
            </a:extLst>
          </p:cNvPr>
          <p:cNvSpPr/>
          <p:nvPr userDrawn="1"/>
        </p:nvSpPr>
        <p:spPr>
          <a:xfrm>
            <a:off x="6170929" y="3970335"/>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37" name="Freeform: Shape 36">
            <a:extLst>
              <a:ext uri="{FF2B5EF4-FFF2-40B4-BE49-F238E27FC236}">
                <a16:creationId xmlns:a16="http://schemas.microsoft.com/office/drawing/2014/main" id="{1DA8E883-F428-49FC-BE6E-07352EE24210}"/>
              </a:ext>
            </a:extLst>
          </p:cNvPr>
          <p:cNvSpPr/>
          <p:nvPr userDrawn="1"/>
        </p:nvSpPr>
        <p:spPr>
          <a:xfrm>
            <a:off x="6170929" y="3970335"/>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38" name="Text Placeholder 4">
            <a:extLst>
              <a:ext uri="{FF2B5EF4-FFF2-40B4-BE49-F238E27FC236}">
                <a16:creationId xmlns:a16="http://schemas.microsoft.com/office/drawing/2014/main" id="{FDABCE45-7D49-4FD4-9C5D-6BDEA65EEF67}"/>
              </a:ext>
            </a:extLst>
          </p:cNvPr>
          <p:cNvSpPr>
            <a:spLocks noGrp="1"/>
          </p:cNvSpPr>
          <p:nvPr>
            <p:ph type="body" sz="quarter" idx="14"/>
          </p:nvPr>
        </p:nvSpPr>
        <p:spPr>
          <a:xfrm>
            <a:off x="1489075" y="4140992"/>
            <a:ext cx="4381500" cy="1831297"/>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9" name="Text Placeholder 4">
            <a:extLst>
              <a:ext uri="{FF2B5EF4-FFF2-40B4-BE49-F238E27FC236}">
                <a16:creationId xmlns:a16="http://schemas.microsoft.com/office/drawing/2014/main" id="{81DE17ED-8055-4BA9-BF5F-7F43C588ED6E}"/>
              </a:ext>
            </a:extLst>
          </p:cNvPr>
          <p:cNvSpPr>
            <a:spLocks noGrp="1"/>
          </p:cNvSpPr>
          <p:nvPr>
            <p:ph type="body" sz="quarter" idx="15"/>
          </p:nvPr>
        </p:nvSpPr>
        <p:spPr>
          <a:xfrm>
            <a:off x="7105650" y="4140992"/>
            <a:ext cx="4381500" cy="1831297"/>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40" name="Text Placeholder 22">
            <a:extLst>
              <a:ext uri="{FF2B5EF4-FFF2-40B4-BE49-F238E27FC236}">
                <a16:creationId xmlns:a16="http://schemas.microsoft.com/office/drawing/2014/main" id="{02C7C153-DA40-4613-8167-F11EF5E36B3B}"/>
              </a:ext>
            </a:extLst>
          </p:cNvPr>
          <p:cNvSpPr>
            <a:spLocks noGrp="1"/>
          </p:cNvSpPr>
          <p:nvPr>
            <p:ph type="body" sz="quarter" idx="16" hasCustomPrompt="1"/>
          </p:nvPr>
        </p:nvSpPr>
        <p:spPr>
          <a:xfrm>
            <a:off x="605126" y="4140372"/>
            <a:ext cx="584734" cy="346075"/>
          </a:xfrm>
        </p:spPr>
        <p:txBody>
          <a:bodyPr anchor="ctr"/>
          <a:lstStyle>
            <a:lvl1pPr algn="ctr">
              <a:defRPr sz="2400" b="0">
                <a:solidFill>
                  <a:schemeClr val="bg1"/>
                </a:solidFill>
              </a:defRPr>
            </a:lvl1pPr>
          </a:lstStyle>
          <a:p>
            <a:pPr lvl="0"/>
            <a:r>
              <a:rPr lang="da-DK" dirty="0"/>
              <a:t>##</a:t>
            </a:r>
          </a:p>
        </p:txBody>
      </p:sp>
      <p:sp>
        <p:nvSpPr>
          <p:cNvPr id="41" name="Text Placeholder 22">
            <a:extLst>
              <a:ext uri="{FF2B5EF4-FFF2-40B4-BE49-F238E27FC236}">
                <a16:creationId xmlns:a16="http://schemas.microsoft.com/office/drawing/2014/main" id="{6BBE5E78-188C-4A10-B21B-C772A22F133C}"/>
              </a:ext>
            </a:extLst>
          </p:cNvPr>
          <p:cNvSpPr>
            <a:spLocks noGrp="1"/>
          </p:cNvSpPr>
          <p:nvPr>
            <p:ph type="body" sz="quarter" idx="17" hasCustomPrompt="1"/>
          </p:nvPr>
        </p:nvSpPr>
        <p:spPr>
          <a:xfrm>
            <a:off x="6219797" y="4140372"/>
            <a:ext cx="584734" cy="346075"/>
          </a:xfrm>
        </p:spPr>
        <p:txBody>
          <a:bodyPr anchor="ctr"/>
          <a:lstStyle>
            <a:lvl1pPr algn="ctr">
              <a:defRPr sz="2400" b="0">
                <a:solidFill>
                  <a:schemeClr val="bg1"/>
                </a:solidFill>
              </a:defRPr>
            </a:lvl1pPr>
          </a:lstStyle>
          <a:p>
            <a:pPr lvl="0"/>
            <a:r>
              <a:rPr lang="da-DK" dirty="0"/>
              <a:t>##</a:t>
            </a:r>
          </a:p>
        </p:txBody>
      </p:sp>
    </p:spTree>
    <p:extLst>
      <p:ext uri="{BB962C8B-B14F-4D97-AF65-F5344CB8AC3E}">
        <p14:creationId xmlns:p14="http://schemas.microsoft.com/office/powerpoint/2010/main" val="3639119824"/>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Full image">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06FDCFA3-9581-4F5B-985C-33BCD71CC195}"/>
              </a:ext>
            </a:extLst>
          </p:cNvPr>
          <p:cNvSpPr>
            <a:spLocks noGrp="1"/>
          </p:cNvSpPr>
          <p:nvPr>
            <p:ph type="pic" sz="quarter" idx="22"/>
          </p:nvPr>
        </p:nvSpPr>
        <p:spPr>
          <a:xfrm>
            <a:off x="0" y="0"/>
            <a:ext cx="12195175" cy="6859588"/>
          </a:xfrm>
          <a:solidFill>
            <a:schemeClr val="accent5"/>
          </a:solidFill>
        </p:spPr>
        <p:txBody>
          <a:bodyPr lIns="40918" tIns="40918" rIns="40918" bIns="40918" anchor="ctr">
            <a:normAutofit/>
          </a:bodyPr>
          <a:lstStyle>
            <a:lvl1pPr algn="ctr">
              <a:lnSpc>
                <a:spcPct val="100000"/>
              </a:lnSpc>
              <a:spcAft>
                <a:spcPts val="0"/>
              </a:spcAft>
              <a:defRPr sz="1800">
                <a:solidFill>
                  <a:schemeClr val="bg1"/>
                </a:solidFill>
              </a:defRPr>
            </a:lvl1pPr>
          </a:lstStyle>
          <a:p>
            <a:endParaRPr lang="da-DK"/>
          </a:p>
        </p:txBody>
      </p:sp>
    </p:spTree>
    <p:extLst>
      <p:ext uri="{BB962C8B-B14F-4D97-AF65-F5344CB8AC3E}">
        <p14:creationId xmlns:p14="http://schemas.microsoft.com/office/powerpoint/2010/main" val="1338748150"/>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Left Image &amp; Quote">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ADC8A702-05C1-466F-9696-79C1B367F9AA}"/>
              </a:ext>
            </a:extLst>
          </p:cNvPr>
          <p:cNvSpPr>
            <a:spLocks noGrp="1"/>
          </p:cNvSpPr>
          <p:nvPr>
            <p:ph type="body" sz="quarter" idx="22"/>
          </p:nvPr>
        </p:nvSpPr>
        <p:spPr>
          <a:xfrm>
            <a:off x="6777427" y="1535113"/>
            <a:ext cx="4672012" cy="3155950"/>
          </a:xfrm>
        </p:spPr>
        <p:txBody>
          <a:bodyPr anchor="ct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endParaRPr lang="da-DK" dirty="0"/>
          </a:p>
          <a:p>
            <a:pPr lvl="1"/>
            <a:r>
              <a:rPr lang="da-DK" noProof="0" dirty="0"/>
              <a:t>Second </a:t>
            </a:r>
            <a:r>
              <a:rPr lang="da-DK" noProof="0" dirty="0" err="1"/>
              <a:t>level</a:t>
            </a:r>
            <a:endParaRPr lang="da-DK" dirty="0"/>
          </a:p>
          <a:p>
            <a:pPr lvl="2"/>
            <a:r>
              <a:rPr lang="da-DK" noProof="0" dirty="0"/>
              <a:t>Third </a:t>
            </a:r>
            <a:r>
              <a:rPr lang="da-DK" noProof="0" dirty="0" err="1"/>
              <a:t>level</a:t>
            </a:r>
            <a:endParaRPr lang="da-DK" dirty="0"/>
          </a:p>
          <a:p>
            <a:pPr lvl="3"/>
            <a:r>
              <a:rPr lang="da-DK" noProof="0" dirty="0" err="1"/>
              <a:t>Fourth</a:t>
            </a:r>
            <a:r>
              <a:rPr lang="da-DK" noProof="0" dirty="0"/>
              <a:t> </a:t>
            </a:r>
            <a:r>
              <a:rPr lang="da-DK" noProof="0" dirty="0" err="1"/>
              <a:t>level</a:t>
            </a:r>
            <a:endParaRPr lang="da-DK" dirty="0"/>
          </a:p>
          <a:p>
            <a:pPr lvl="4"/>
            <a:r>
              <a:rPr lang="da-DK" noProof="0" dirty="0"/>
              <a:t>Fifth </a:t>
            </a:r>
            <a:r>
              <a:rPr lang="da-DK" noProof="0" dirty="0" err="1"/>
              <a:t>level</a:t>
            </a:r>
            <a:endParaRPr lang="da-DK" dirty="0"/>
          </a:p>
        </p:txBody>
      </p:sp>
      <p:sp>
        <p:nvSpPr>
          <p:cNvPr id="9" name="Text Placeholder 2">
            <a:extLst>
              <a:ext uri="{FF2B5EF4-FFF2-40B4-BE49-F238E27FC236}">
                <a16:creationId xmlns:a16="http://schemas.microsoft.com/office/drawing/2014/main" id="{0B5F9FB9-8CC1-4CE8-A91F-FCE2CD2C692F}"/>
              </a:ext>
            </a:extLst>
          </p:cNvPr>
          <p:cNvSpPr>
            <a:spLocks noGrp="1"/>
          </p:cNvSpPr>
          <p:nvPr>
            <p:ph type="body" sz="quarter" idx="23"/>
          </p:nvPr>
        </p:nvSpPr>
        <p:spPr>
          <a:xfrm>
            <a:off x="6777427" y="4729606"/>
            <a:ext cx="4672012" cy="614657"/>
          </a:xfrm>
        </p:spPr>
        <p:txBody>
          <a:bodyPr anchor="ctr"/>
          <a:lstStyle>
            <a:lvl1pPr>
              <a:defRPr lang="en-GB" sz="1400" b="0" kern="1200" cap="none" baseline="0" noProof="0" dirty="0">
                <a:solidFill>
                  <a:schemeClr val="accent4"/>
                </a:solidFill>
                <a:latin typeface="+mn-lt"/>
                <a:ea typeface="+mn-ea"/>
                <a:cs typeface="+mn-cs"/>
              </a:defRPr>
            </a:lvl1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endParaRPr lang="da-DK" dirty="0"/>
          </a:p>
        </p:txBody>
      </p:sp>
      <p:sp>
        <p:nvSpPr>
          <p:cNvPr id="6" name="Picture Placeholder 11">
            <a:extLst>
              <a:ext uri="{FF2B5EF4-FFF2-40B4-BE49-F238E27FC236}">
                <a16:creationId xmlns:a16="http://schemas.microsoft.com/office/drawing/2014/main" id="{7EB83C3C-2A77-4E10-94AE-237369138EB8}"/>
              </a:ext>
            </a:extLst>
          </p:cNvPr>
          <p:cNvSpPr>
            <a:spLocks noGrp="1"/>
          </p:cNvSpPr>
          <p:nvPr>
            <p:ph type="pic" sz="quarter" idx="19"/>
          </p:nvPr>
        </p:nvSpPr>
        <p:spPr>
          <a:xfrm>
            <a:off x="556261" y="697954"/>
            <a:ext cx="5469889" cy="5472110"/>
          </a:xfrm>
          <a:prstGeom prst="roundRect">
            <a:avLst>
              <a:gd name="adj" fmla="val 1534"/>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528408593"/>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ight Image &amp; Quote">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7FBDA5FB-4C71-443D-8793-BDC2C3033730}"/>
              </a:ext>
            </a:extLst>
          </p:cNvPr>
          <p:cNvSpPr>
            <a:spLocks noGrp="1"/>
          </p:cNvSpPr>
          <p:nvPr>
            <p:ph type="body" sz="quarter" idx="22"/>
          </p:nvPr>
        </p:nvSpPr>
        <p:spPr>
          <a:xfrm>
            <a:off x="737767" y="1535113"/>
            <a:ext cx="4672012" cy="3155950"/>
          </a:xfrm>
        </p:spPr>
        <p:txBody>
          <a:bodyPr anchor="ct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endParaRPr lang="da-DK" dirty="0"/>
          </a:p>
          <a:p>
            <a:pPr lvl="1"/>
            <a:r>
              <a:rPr lang="da-DK" noProof="0" dirty="0"/>
              <a:t>Second </a:t>
            </a:r>
            <a:r>
              <a:rPr lang="da-DK" noProof="0" dirty="0" err="1"/>
              <a:t>level</a:t>
            </a:r>
            <a:endParaRPr lang="da-DK" dirty="0"/>
          </a:p>
          <a:p>
            <a:pPr lvl="2"/>
            <a:r>
              <a:rPr lang="da-DK" noProof="0" dirty="0"/>
              <a:t>Third </a:t>
            </a:r>
            <a:r>
              <a:rPr lang="da-DK" noProof="0" dirty="0" err="1"/>
              <a:t>level</a:t>
            </a:r>
            <a:endParaRPr lang="da-DK" dirty="0"/>
          </a:p>
          <a:p>
            <a:pPr lvl="3"/>
            <a:r>
              <a:rPr lang="da-DK" noProof="0" dirty="0" err="1"/>
              <a:t>Fourth</a:t>
            </a:r>
            <a:r>
              <a:rPr lang="da-DK" noProof="0" dirty="0"/>
              <a:t> </a:t>
            </a:r>
            <a:r>
              <a:rPr lang="da-DK" noProof="0" dirty="0" err="1"/>
              <a:t>level</a:t>
            </a:r>
            <a:endParaRPr lang="da-DK" dirty="0"/>
          </a:p>
          <a:p>
            <a:pPr lvl="4"/>
            <a:r>
              <a:rPr lang="da-DK" noProof="0" dirty="0"/>
              <a:t>Fifth </a:t>
            </a:r>
            <a:r>
              <a:rPr lang="da-DK" noProof="0" dirty="0" err="1"/>
              <a:t>level</a:t>
            </a:r>
            <a:endParaRPr lang="da-DK" dirty="0"/>
          </a:p>
        </p:txBody>
      </p:sp>
      <p:sp>
        <p:nvSpPr>
          <p:cNvPr id="9" name="Text Placeholder 2">
            <a:extLst>
              <a:ext uri="{FF2B5EF4-FFF2-40B4-BE49-F238E27FC236}">
                <a16:creationId xmlns:a16="http://schemas.microsoft.com/office/drawing/2014/main" id="{1099938B-35CB-409A-85BE-CEC2A3A7C71D}"/>
              </a:ext>
            </a:extLst>
          </p:cNvPr>
          <p:cNvSpPr>
            <a:spLocks noGrp="1"/>
          </p:cNvSpPr>
          <p:nvPr>
            <p:ph type="body" sz="quarter" idx="23"/>
          </p:nvPr>
        </p:nvSpPr>
        <p:spPr>
          <a:xfrm>
            <a:off x="737767" y="4729606"/>
            <a:ext cx="4672012" cy="614657"/>
          </a:xfrm>
        </p:spPr>
        <p:txBody>
          <a:bodyPr anchor="ctr"/>
          <a:lstStyle>
            <a:lvl1pPr>
              <a:defRPr b="0">
                <a:solidFill>
                  <a:schemeClr val="accent4"/>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endParaRPr lang="da-DK" dirty="0"/>
          </a:p>
        </p:txBody>
      </p:sp>
      <p:sp>
        <p:nvSpPr>
          <p:cNvPr id="6" name="Picture Placeholder 11">
            <a:extLst>
              <a:ext uri="{FF2B5EF4-FFF2-40B4-BE49-F238E27FC236}">
                <a16:creationId xmlns:a16="http://schemas.microsoft.com/office/drawing/2014/main" id="{DB342D35-F6DC-44E1-9BEF-AEF703AA1DB4}"/>
              </a:ext>
            </a:extLst>
          </p:cNvPr>
          <p:cNvSpPr>
            <a:spLocks noGrp="1"/>
          </p:cNvSpPr>
          <p:nvPr>
            <p:ph type="pic" sz="quarter" idx="19"/>
          </p:nvPr>
        </p:nvSpPr>
        <p:spPr>
          <a:xfrm>
            <a:off x="6169025" y="697954"/>
            <a:ext cx="5469889" cy="5472110"/>
          </a:xfrm>
          <a:prstGeom prst="roundRect">
            <a:avLst>
              <a:gd name="adj" fmla="val 1534"/>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2328509836"/>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2B443EEA-87F0-4E5C-8B49-91D3CAD2130D}"/>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8" name="Straight Connector 7">
            <a:extLst>
              <a:ext uri="{FF2B5EF4-FFF2-40B4-BE49-F238E27FC236}">
                <a16:creationId xmlns:a16="http://schemas.microsoft.com/office/drawing/2014/main" id="{973CB7B5-6736-435E-8AC5-AD73BFCB85D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55794217"/>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B - Light">
    <p:spTree>
      <p:nvGrpSpPr>
        <p:cNvPr id="1" name=""/>
        <p:cNvGrpSpPr/>
        <p:nvPr/>
      </p:nvGrpSpPr>
      <p:grpSpPr>
        <a:xfrm>
          <a:off x="0" y="0"/>
          <a:ext cx="0" cy="0"/>
          <a:chOff x="0" y="0"/>
          <a:chExt cx="0" cy="0"/>
        </a:xfrm>
      </p:grpSpPr>
      <p:sp>
        <p:nvSpPr>
          <p:cNvPr id="31" name="Picture Placeholder 30">
            <a:extLst>
              <a:ext uri="{FF2B5EF4-FFF2-40B4-BE49-F238E27FC236}">
                <a16:creationId xmlns:a16="http://schemas.microsoft.com/office/drawing/2014/main" id="{3626A88A-71BE-4088-831C-26B525BD2479}"/>
              </a:ext>
            </a:extLst>
          </p:cNvPr>
          <p:cNvSpPr>
            <a:spLocks noGrp="1"/>
          </p:cNvSpPr>
          <p:nvPr>
            <p:ph type="pic" sz="quarter" idx="23"/>
          </p:nvPr>
        </p:nvSpPr>
        <p:spPr>
          <a:xfrm>
            <a:off x="9913937" y="2567305"/>
            <a:ext cx="1728788" cy="1720162"/>
          </a:xfrm>
          <a:custGeom>
            <a:avLst/>
            <a:gdLst>
              <a:gd name="connsiteX0" fmla="*/ 66880 w 1728788"/>
              <a:gd name="connsiteY0" fmla="*/ 0 h 1720162"/>
              <a:gd name="connsiteX1" fmla="*/ 1661908 w 1728788"/>
              <a:gd name="connsiteY1" fmla="*/ 0 h 1720162"/>
              <a:gd name="connsiteX2" fmla="*/ 1728788 w 1728788"/>
              <a:gd name="connsiteY2" fmla="*/ 66880 h 1720162"/>
              <a:gd name="connsiteX3" fmla="*/ 1728788 w 1728788"/>
              <a:gd name="connsiteY3" fmla="*/ 1653282 h 1720162"/>
              <a:gd name="connsiteX4" fmla="*/ 1661908 w 1728788"/>
              <a:gd name="connsiteY4" fmla="*/ 1720162 h 1720162"/>
              <a:gd name="connsiteX5" fmla="*/ 66880 w 1728788"/>
              <a:gd name="connsiteY5" fmla="*/ 1720162 h 1720162"/>
              <a:gd name="connsiteX6" fmla="*/ 0 w 1728788"/>
              <a:gd name="connsiteY6" fmla="*/ 1653282 h 1720162"/>
              <a:gd name="connsiteX7" fmla="*/ 0 w 1728788"/>
              <a:gd name="connsiteY7" fmla="*/ 66880 h 1720162"/>
              <a:gd name="connsiteX8" fmla="*/ 66880 w 1728788"/>
              <a:gd name="connsiteY8" fmla="*/ 0 h 17201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0162">
                <a:moveTo>
                  <a:pt x="66880" y="0"/>
                </a:moveTo>
                <a:lnTo>
                  <a:pt x="1661908" y="0"/>
                </a:lnTo>
                <a:cubicBezTo>
                  <a:pt x="1698845" y="0"/>
                  <a:pt x="1728788" y="29943"/>
                  <a:pt x="1728788" y="66880"/>
                </a:cubicBezTo>
                <a:lnTo>
                  <a:pt x="1728788" y="1653282"/>
                </a:lnTo>
                <a:cubicBezTo>
                  <a:pt x="1728788" y="1690219"/>
                  <a:pt x="1698845" y="1720162"/>
                  <a:pt x="1661908" y="1720162"/>
                </a:cubicBezTo>
                <a:lnTo>
                  <a:pt x="66880" y="1720162"/>
                </a:lnTo>
                <a:cubicBezTo>
                  <a:pt x="29943" y="1720162"/>
                  <a:pt x="0" y="1690219"/>
                  <a:pt x="0" y="1653282"/>
                </a:cubicBezTo>
                <a:lnTo>
                  <a:pt x="0" y="66880"/>
                </a:lnTo>
                <a:cubicBezTo>
                  <a:pt x="0" y="29943"/>
                  <a:pt x="29943" y="0"/>
                  <a:pt x="66880" y="0"/>
                </a:cubicBezTo>
                <a:close/>
              </a:path>
            </a:pathLst>
          </a:custGeom>
          <a:solidFill>
            <a:schemeClr val="accent6"/>
          </a:solidFill>
        </p:spPr>
        <p:txBody>
          <a:bodyPr wrap="square" anchor="ctr">
            <a:noAutofit/>
          </a:bodyPr>
          <a:lstStyle>
            <a:lvl1pPr algn="ctr">
              <a:defRPr/>
            </a:lvl1pPr>
          </a:lstStyle>
          <a:p>
            <a:endParaRPr lang="da-DK"/>
          </a:p>
        </p:txBody>
      </p:sp>
      <p:sp>
        <p:nvSpPr>
          <p:cNvPr id="30" name="Picture Placeholder 29">
            <a:extLst>
              <a:ext uri="{FF2B5EF4-FFF2-40B4-BE49-F238E27FC236}">
                <a16:creationId xmlns:a16="http://schemas.microsoft.com/office/drawing/2014/main" id="{D0AF4480-B11D-4AF6-AD5D-D5A8F20FE385}"/>
              </a:ext>
            </a:extLst>
          </p:cNvPr>
          <p:cNvSpPr>
            <a:spLocks noGrp="1"/>
          </p:cNvSpPr>
          <p:nvPr>
            <p:ph type="pic" sz="quarter" idx="22"/>
          </p:nvPr>
        </p:nvSpPr>
        <p:spPr>
          <a:xfrm>
            <a:off x="6169025" y="2567305"/>
            <a:ext cx="3600452" cy="3600441"/>
          </a:xfrm>
          <a:custGeom>
            <a:avLst/>
            <a:gdLst>
              <a:gd name="connsiteX0" fmla="*/ 66716 w 3600452"/>
              <a:gd name="connsiteY0" fmla="*/ 0 h 3600441"/>
              <a:gd name="connsiteX1" fmla="*/ 3533736 w 3600452"/>
              <a:gd name="connsiteY1" fmla="*/ 0 h 3600441"/>
              <a:gd name="connsiteX2" fmla="*/ 3600452 w 3600452"/>
              <a:gd name="connsiteY2" fmla="*/ 66716 h 3600441"/>
              <a:gd name="connsiteX3" fmla="*/ 3600452 w 3600452"/>
              <a:gd name="connsiteY3" fmla="*/ 3533725 h 3600441"/>
              <a:gd name="connsiteX4" fmla="*/ 3533736 w 3600452"/>
              <a:gd name="connsiteY4" fmla="*/ 3600441 h 3600441"/>
              <a:gd name="connsiteX5" fmla="*/ 66716 w 3600452"/>
              <a:gd name="connsiteY5" fmla="*/ 3600441 h 3600441"/>
              <a:gd name="connsiteX6" fmla="*/ 0 w 3600452"/>
              <a:gd name="connsiteY6" fmla="*/ 3533725 h 3600441"/>
              <a:gd name="connsiteX7" fmla="*/ 0 w 3600452"/>
              <a:gd name="connsiteY7" fmla="*/ 66716 h 3600441"/>
              <a:gd name="connsiteX8" fmla="*/ 66716 w 3600452"/>
              <a:gd name="connsiteY8" fmla="*/ 0 h 36004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600452" h="3600441">
                <a:moveTo>
                  <a:pt x="66716" y="0"/>
                </a:moveTo>
                <a:lnTo>
                  <a:pt x="3533736" y="0"/>
                </a:lnTo>
                <a:cubicBezTo>
                  <a:pt x="3570582" y="0"/>
                  <a:pt x="3600452" y="29870"/>
                  <a:pt x="3600452" y="66716"/>
                </a:cubicBezTo>
                <a:lnTo>
                  <a:pt x="3600452" y="3533725"/>
                </a:lnTo>
                <a:cubicBezTo>
                  <a:pt x="3600452" y="3570571"/>
                  <a:pt x="3570582" y="3600441"/>
                  <a:pt x="3533736" y="3600441"/>
                </a:cubicBezTo>
                <a:lnTo>
                  <a:pt x="66716" y="3600441"/>
                </a:lnTo>
                <a:cubicBezTo>
                  <a:pt x="29870" y="3600441"/>
                  <a:pt x="0" y="3570571"/>
                  <a:pt x="0" y="3533725"/>
                </a:cubicBezTo>
                <a:lnTo>
                  <a:pt x="0" y="66716"/>
                </a:lnTo>
                <a:cubicBezTo>
                  <a:pt x="0" y="29870"/>
                  <a:pt x="29870" y="0"/>
                  <a:pt x="66716" y="0"/>
                </a:cubicBezTo>
                <a:close/>
              </a:path>
            </a:pathLst>
          </a:custGeom>
          <a:solidFill>
            <a:schemeClr val="accent6"/>
          </a:solidFill>
        </p:spPr>
        <p:txBody>
          <a:bodyPr wrap="square" anchor="ctr">
            <a:noAutofit/>
          </a:bodyPr>
          <a:lstStyle>
            <a:lvl1pPr algn="ctr">
              <a:defRPr/>
            </a:lvl1pPr>
          </a:lstStyle>
          <a:p>
            <a:endParaRPr lang="da-DK"/>
          </a:p>
        </p:txBody>
      </p:sp>
      <p:sp>
        <p:nvSpPr>
          <p:cNvPr id="29" name="Picture Placeholder 28">
            <a:extLst>
              <a:ext uri="{FF2B5EF4-FFF2-40B4-BE49-F238E27FC236}">
                <a16:creationId xmlns:a16="http://schemas.microsoft.com/office/drawing/2014/main" id="{5A93A15E-4B47-4F33-876A-32CA65B40F9A}"/>
              </a:ext>
            </a:extLst>
          </p:cNvPr>
          <p:cNvSpPr>
            <a:spLocks noGrp="1"/>
          </p:cNvSpPr>
          <p:nvPr>
            <p:ph type="pic" sz="quarter" idx="21"/>
          </p:nvPr>
        </p:nvSpPr>
        <p:spPr>
          <a:xfrm>
            <a:off x="6170930" y="695062"/>
            <a:ext cx="1728788" cy="1727464"/>
          </a:xfrm>
          <a:custGeom>
            <a:avLst/>
            <a:gdLst>
              <a:gd name="connsiteX0" fmla="*/ 69029 w 1728788"/>
              <a:gd name="connsiteY0" fmla="*/ 0 h 1727464"/>
              <a:gd name="connsiteX1" fmla="*/ 1659759 w 1728788"/>
              <a:gd name="connsiteY1" fmla="*/ 0 h 1727464"/>
              <a:gd name="connsiteX2" fmla="*/ 1728788 w 1728788"/>
              <a:gd name="connsiteY2" fmla="*/ 69029 h 1727464"/>
              <a:gd name="connsiteX3" fmla="*/ 1728788 w 1728788"/>
              <a:gd name="connsiteY3" fmla="*/ 1658435 h 1727464"/>
              <a:gd name="connsiteX4" fmla="*/ 1659759 w 1728788"/>
              <a:gd name="connsiteY4" fmla="*/ 1727464 h 1727464"/>
              <a:gd name="connsiteX5" fmla="*/ 69029 w 1728788"/>
              <a:gd name="connsiteY5" fmla="*/ 1727464 h 1727464"/>
              <a:gd name="connsiteX6" fmla="*/ 0 w 1728788"/>
              <a:gd name="connsiteY6" fmla="*/ 1658435 h 1727464"/>
              <a:gd name="connsiteX7" fmla="*/ 0 w 1728788"/>
              <a:gd name="connsiteY7" fmla="*/ 69029 h 1727464"/>
              <a:gd name="connsiteX8" fmla="*/ 69029 w 1728788"/>
              <a:gd name="connsiteY8" fmla="*/ 0 h 17274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7464">
                <a:moveTo>
                  <a:pt x="69029" y="0"/>
                </a:moveTo>
                <a:lnTo>
                  <a:pt x="1659759" y="0"/>
                </a:lnTo>
                <a:cubicBezTo>
                  <a:pt x="1697883" y="0"/>
                  <a:pt x="1728788" y="30905"/>
                  <a:pt x="1728788" y="69029"/>
                </a:cubicBezTo>
                <a:lnTo>
                  <a:pt x="1728788" y="1658435"/>
                </a:lnTo>
                <a:cubicBezTo>
                  <a:pt x="1728788" y="1696559"/>
                  <a:pt x="1697883" y="1727464"/>
                  <a:pt x="1659759" y="1727464"/>
                </a:cubicBezTo>
                <a:lnTo>
                  <a:pt x="69029" y="1727464"/>
                </a:lnTo>
                <a:cubicBezTo>
                  <a:pt x="30905" y="1727464"/>
                  <a:pt x="0" y="1696559"/>
                  <a:pt x="0" y="1658435"/>
                </a:cubicBezTo>
                <a:lnTo>
                  <a:pt x="0" y="69029"/>
                </a:lnTo>
                <a:cubicBezTo>
                  <a:pt x="0" y="30905"/>
                  <a:pt x="30905" y="0"/>
                  <a:pt x="69029" y="0"/>
                </a:cubicBezTo>
                <a:close/>
              </a:path>
            </a:pathLst>
          </a:custGeom>
          <a:solidFill>
            <a:schemeClr val="accent6"/>
          </a:solidFill>
        </p:spPr>
        <p:txBody>
          <a:bodyPr wrap="square" anchor="ctr">
            <a:noAutofit/>
          </a:bodyPr>
          <a:lstStyle>
            <a:lvl1pPr algn="ctr">
              <a:defRPr/>
            </a:lvl1pPr>
          </a:lstStyle>
          <a:p>
            <a:endParaRPr lang="da-DK"/>
          </a:p>
        </p:txBody>
      </p:sp>
      <p:sp>
        <p:nvSpPr>
          <p:cNvPr id="10" name="txtSecureMarker1" hidden="1"/>
          <p:cNvSpPr txBox="1"/>
          <p:nvPr userDrawn="1"/>
        </p:nvSpPr>
        <p:spPr>
          <a:xfrm>
            <a:off x="3762235" y="2653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txtSecureMarker2" hidden="1"/>
          <p:cNvSpPr txBox="1"/>
          <p:nvPr userDrawn="1"/>
        </p:nvSpPr>
        <p:spPr>
          <a:xfrm>
            <a:off x="4080241" y="6326065"/>
            <a:ext cx="4034692" cy="466997"/>
          </a:xfrm>
          <a:prstGeom prst="rect">
            <a:avLst/>
          </a:prstGeom>
          <a:noFill/>
        </p:spPr>
        <p:txBody>
          <a:bodyPr wrap="square" lIns="103931" tIns="51965" rIns="103931" bIns="51965" rtlCol="0" anchor="b" anchorCtr="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pic>
        <p:nvPicPr>
          <p:cNvPr id="13" name="Picture 12">
            <a:extLst>
              <a:ext uri="{FF2B5EF4-FFF2-40B4-BE49-F238E27FC236}">
                <a16:creationId xmlns:a16="http://schemas.microsoft.com/office/drawing/2014/main" id="{87F3E6FF-991B-4EEE-BA62-2925B04EDBE0}"/>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554356" y="5811850"/>
            <a:ext cx="2045333" cy="354000"/>
          </a:xfrm>
          <a:prstGeom prst="rect">
            <a:avLst/>
          </a:prstGeom>
        </p:spPr>
      </p:pic>
      <p:pic>
        <p:nvPicPr>
          <p:cNvPr id="14" name="Graphic 13">
            <a:extLst>
              <a:ext uri="{FF2B5EF4-FFF2-40B4-BE49-F238E27FC236}">
                <a16:creationId xmlns:a16="http://schemas.microsoft.com/office/drawing/2014/main" id="{2A186C81-374F-4EE6-9233-C724E7C91A8E}"/>
              </a:ext>
            </a:extLst>
          </p:cNvPr>
          <p:cNvPicPr>
            <a:picLocks noChangeAspect="1"/>
          </p:cNvPicPr>
          <p:nvPr userDrawn="1"/>
        </p:nvPicPr>
        <p:blipFill>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850563" y="700776"/>
            <a:ext cx="792162" cy="699572"/>
          </a:xfrm>
          <a:prstGeom prst="rect">
            <a:avLst/>
          </a:prstGeom>
        </p:spPr>
      </p:pic>
      <p:sp>
        <p:nvSpPr>
          <p:cNvPr id="21" name="Text Placeholder 7">
            <a:extLst>
              <a:ext uri="{FF2B5EF4-FFF2-40B4-BE49-F238E27FC236}">
                <a16:creationId xmlns:a16="http://schemas.microsoft.com/office/drawing/2014/main" id="{4A064FF8-5D5B-4CED-9876-D59D4983B18C}"/>
              </a:ext>
            </a:extLst>
          </p:cNvPr>
          <p:cNvSpPr>
            <a:spLocks noGrp="1"/>
          </p:cNvSpPr>
          <p:nvPr>
            <p:ph type="body" sz="quarter" idx="15" hasCustomPrompt="1"/>
          </p:nvPr>
        </p:nvSpPr>
        <p:spPr>
          <a:xfrm>
            <a:off x="547205" y="696966"/>
            <a:ext cx="5329339"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accent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da-DK" dirty="0" err="1"/>
              <a:t>Click</a:t>
            </a:r>
            <a:r>
              <a:rPr lang="da-DK" dirty="0"/>
              <a:t> to </a:t>
            </a:r>
            <a:r>
              <a:rPr lang="da-DK" dirty="0" err="1"/>
              <a:t>add</a:t>
            </a:r>
            <a:r>
              <a:rPr lang="da-DK" dirty="0"/>
              <a:t> </a:t>
            </a:r>
            <a:r>
              <a:rPr lang="da-DK" dirty="0" err="1"/>
              <a:t>title</a:t>
            </a:r>
            <a:endParaRPr lang="da-DK" dirty="0"/>
          </a:p>
        </p:txBody>
      </p:sp>
      <p:cxnSp>
        <p:nvCxnSpPr>
          <p:cNvPr id="22" name="Straight Connector 21">
            <a:extLst>
              <a:ext uri="{FF2B5EF4-FFF2-40B4-BE49-F238E27FC236}">
                <a16:creationId xmlns:a16="http://schemas.microsoft.com/office/drawing/2014/main" id="{DD6C5442-D800-41C8-AF65-CF6815099E9C}"/>
              </a:ext>
            </a:extLst>
          </p:cNvPr>
          <p:cNvCxnSpPr/>
          <p:nvPr userDrawn="1"/>
        </p:nvCxnSpPr>
        <p:spPr>
          <a:xfrm>
            <a:off x="549109" y="3516910"/>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3" name="Text Placeholder 3">
            <a:extLst>
              <a:ext uri="{FF2B5EF4-FFF2-40B4-BE49-F238E27FC236}">
                <a16:creationId xmlns:a16="http://schemas.microsoft.com/office/drawing/2014/main" id="{FB6A44D4-B386-4943-9D12-7E3E6AC5FB8B}"/>
              </a:ext>
            </a:extLst>
          </p:cNvPr>
          <p:cNvSpPr>
            <a:spLocks noGrp="1"/>
          </p:cNvSpPr>
          <p:nvPr>
            <p:ph type="body" sz="quarter" idx="20"/>
          </p:nvPr>
        </p:nvSpPr>
        <p:spPr>
          <a:xfrm>
            <a:off x="547205" y="3676453"/>
            <a:ext cx="5329339"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a:solidFill>
                  <a:schemeClr val="accent4"/>
                </a:solidFill>
                <a:latin typeface="+mn-lt"/>
                <a:ea typeface="+mn-ea"/>
                <a:cs typeface="+mn-cs"/>
              </a:defRPr>
            </a:lvl1pPr>
            <a:lvl2pPr>
              <a:defRPr b="0">
                <a:solidFill>
                  <a:schemeClr val="accent1"/>
                </a:solidFill>
              </a:defRPr>
            </a:lvl2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spTree>
    <p:extLst>
      <p:ext uri="{BB962C8B-B14F-4D97-AF65-F5344CB8AC3E}">
        <p14:creationId xmlns:p14="http://schemas.microsoft.com/office/powerpoint/2010/main" val="1673298468"/>
      </p:ext>
    </p:extLst>
  </p:cSld>
  <p:clrMapOvr>
    <a:masterClrMapping/>
  </p:clrMapOvr>
  <p:transition>
    <p:fade/>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Only - Dark">
    <p:bg>
      <p:bgPr>
        <a:solidFill>
          <a:schemeClr val="accent1"/>
        </a:solidFill>
        <a:effectLst/>
      </p:bgPr>
    </p:bg>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2B443EEA-87F0-4E5C-8B49-91D3CAD2130D}"/>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8" name="Straight Connector 7">
            <a:extLst>
              <a:ext uri="{FF2B5EF4-FFF2-40B4-BE49-F238E27FC236}">
                <a16:creationId xmlns:a16="http://schemas.microsoft.com/office/drawing/2014/main" id="{973CB7B5-6736-435E-8AC5-AD73BFCB85D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35760801"/>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843197567"/>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type="blank" preserve="1">
  <p:cSld name="Blank - Dark">
    <p:bg>
      <p:bgPr>
        <a:solidFill>
          <a:schemeClr val="accent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945785647"/>
      </p:ext>
    </p:extLst>
  </p:cSld>
  <p:clrMapOvr>
    <a:masterClrMapping/>
  </p:clrMapOvr>
  <p:transition>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Back Page">
    <p:spTree>
      <p:nvGrpSpPr>
        <p:cNvPr id="1" name=""/>
        <p:cNvGrpSpPr/>
        <p:nvPr/>
      </p:nvGrpSpPr>
      <p:grpSpPr>
        <a:xfrm>
          <a:off x="0" y="0"/>
          <a:ext cx="0" cy="0"/>
          <a:chOff x="0" y="0"/>
          <a:chExt cx="0" cy="0"/>
        </a:xfrm>
      </p:grpSpPr>
      <p:sp>
        <p:nvSpPr>
          <p:cNvPr id="24" name="shpShading">
            <a:extLst>
              <a:ext uri="{FF2B5EF4-FFF2-40B4-BE49-F238E27FC236}">
                <a16:creationId xmlns:a16="http://schemas.microsoft.com/office/drawing/2014/main" id="{6FFE6848-84C4-420B-B98C-9302375B7C9D}"/>
              </a:ext>
            </a:extLst>
          </p:cNvPr>
          <p:cNvSpPr/>
          <p:nvPr userDrawn="1"/>
        </p:nvSpPr>
        <p:spPr>
          <a:xfrm>
            <a:off x="8474149" y="0"/>
            <a:ext cx="3721026" cy="685958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03931" tIns="51965" rIns="103931" bIns="51965" rtlCol="0" anchor="ctr"/>
          <a:lstStyle/>
          <a:p>
            <a:pPr algn="ctr"/>
            <a:endParaRPr lang="da-DK" dirty="0"/>
          </a:p>
        </p:txBody>
      </p:sp>
      <p:pic>
        <p:nvPicPr>
          <p:cNvPr id="25" name="Graphic 24">
            <a:extLst>
              <a:ext uri="{FF2B5EF4-FFF2-40B4-BE49-F238E27FC236}">
                <a16:creationId xmlns:a16="http://schemas.microsoft.com/office/drawing/2014/main" id="{77FDF551-A5B3-408F-A200-178A7EA08E0F}"/>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850563" y="700776"/>
            <a:ext cx="792162" cy="699572"/>
          </a:xfrm>
          <a:prstGeom prst="rect">
            <a:avLst/>
          </a:prstGeom>
        </p:spPr>
      </p:pic>
      <p:pic>
        <p:nvPicPr>
          <p:cNvPr id="57" name="picLogoLight" hidden="1">
            <a:extLst>
              <a:ext uri="{FF2B5EF4-FFF2-40B4-BE49-F238E27FC236}">
                <a16:creationId xmlns:a16="http://schemas.microsoft.com/office/drawing/2014/main" id="{B2942888-CD23-457D-9EA4-62C68C207438}"/>
              </a:ext>
            </a:extLst>
          </p:cNvPr>
          <p:cNvPicPr>
            <a:picLocks/>
          </p:cNvPicPr>
          <p:nvPr userDrawn="1"/>
        </p:nvPicPr>
        <p:blipFill>
          <a:blip r:embed="rId4" cstate="screen">
            <a:extLst>
              <a:ext uri="{28A0092B-C50C-407E-A947-70E740481C1C}">
                <a14:useLocalDpi xmlns:a14="http://schemas.microsoft.com/office/drawing/2010/main"/>
              </a:ext>
            </a:extLst>
          </a:blip>
          <a:stretch>
            <a:fillRect/>
          </a:stretch>
        </p:blipFill>
        <p:spPr>
          <a:xfrm>
            <a:off x="10896093" y="584640"/>
            <a:ext cx="619200" cy="565021"/>
          </a:xfrm>
          <a:prstGeom prst="rect">
            <a:avLst/>
          </a:prstGeom>
        </p:spPr>
      </p:pic>
      <p:sp>
        <p:nvSpPr>
          <p:cNvPr id="14" name="txtDetails5">
            <a:extLst>
              <a:ext uri="{FF2B5EF4-FFF2-40B4-BE49-F238E27FC236}">
                <a16:creationId xmlns:a16="http://schemas.microsoft.com/office/drawing/2014/main" id="{11E204E2-083B-8BE4-737E-FE0992923490}"/>
              </a:ext>
            </a:extLst>
          </p:cNvPr>
          <p:cNvSpPr txBox="1">
            <a:spLocks noChangeArrowheads="1"/>
          </p:cNvSpPr>
          <p:nvPr userDrawn="1"/>
        </p:nvSpPr>
        <p:spPr bwMode="auto">
          <a:xfrm>
            <a:off x="8824983" y="4411255"/>
            <a:ext cx="2592000" cy="361637"/>
          </a:xfrm>
          <a:prstGeom prst="rect">
            <a:avLst/>
          </a:prstGeom>
          <a:noFill/>
          <a:ln>
            <a:noFill/>
          </a:ln>
          <a:extLst>
            <a:ext uri="{909E8E84-426E-40dd-AFC4-6F175D3DCCD1}">
              <a14:hiddenFill xmlns="" xmlns:asvg="http://schemas.microsoft.com/office/drawing/2016/SVG/main" xmlns:a14="http://schemas.microsoft.com/office/drawing/2010/main" xmlns:p15="http://schemas.microsoft.com/office/powerpoint/2012/main" xmlns:p14="http://schemas.microsoft.com/office/powerpoint/2010/main" xmlns:ahyp="http://schemas.microsoft.com/office/drawing/2018/hyperlinkcolor" xmlns:a16="http://schemas.microsoft.com/office/drawing/2014/main">
                <a:solidFill>
                  <a:srgbClr val="FFFFFF"/>
                </a:solidFill>
              </a14:hiddenFill>
            </a:ext>
            <a:ext uri="{91240B29-F687-4f45-9708-019B960494DF}">
              <a14:hiddenLine xmlns="" xmlns:asvg="http://schemas.microsoft.com/office/drawing/2016/SVG/main" xmlns:a14="http://schemas.microsoft.com/office/drawing/2010/main" xmlns:p15="http://schemas.microsoft.com/office/powerpoint/2012/main" xmlns:p14="http://schemas.microsoft.com/office/powerpoint/2010/main" xmlns:ahyp="http://schemas.microsoft.com/office/drawing/2018/hyperlinkcolor" xmlns:a16="http://schemas.microsoft.com/office/drawing/2014/main" w="9525">
                <a:solidFill>
                  <a:srgbClr val="000000"/>
                </a:solidFill>
                <a:miter lim="800000"/>
                <a:headEnd/>
                <a:tailEnd/>
              </a14:hiddenLine>
            </a:ext>
          </a:extLst>
        </p:spPr>
        <p:txBody>
          <a:bodyPr wrap="square" lIns="0" tIns="0" rIns="0" bIns="0" anchor="b" anchorCtr="0">
            <a:spAutoFit/>
          </a:bodyPr>
          <a:lstStyle>
            <a:defPPr>
              <a:defRPr lang="en-GB"/>
            </a:defPPr>
            <a:lvl1pPr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1pPr>
            <a:lvl2pPr marL="4572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2pPr>
            <a:lvl3pPr marL="9144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3pPr>
            <a:lvl4pPr marL="13716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4pPr>
            <a:lvl5pPr marL="18288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5pPr>
            <a:lvl6pPr marL="2286000" algn="l" defTabSz="914400" rtl="0" eaLnBrk="1" latinLnBrk="0" hangingPunct="1">
              <a:defRPr sz="1400" kern="1200">
                <a:solidFill>
                  <a:srgbClr val="737377"/>
                </a:solidFill>
                <a:latin typeface="Arial" charset="0"/>
                <a:ea typeface="+mn-ea"/>
                <a:cs typeface="+mn-cs"/>
              </a:defRPr>
            </a:lvl6pPr>
            <a:lvl7pPr marL="2743200" algn="l" defTabSz="914400" rtl="0" eaLnBrk="1" latinLnBrk="0" hangingPunct="1">
              <a:defRPr sz="1400" kern="1200">
                <a:solidFill>
                  <a:srgbClr val="737377"/>
                </a:solidFill>
                <a:latin typeface="Arial" charset="0"/>
                <a:ea typeface="+mn-ea"/>
                <a:cs typeface="+mn-cs"/>
              </a:defRPr>
            </a:lvl7pPr>
            <a:lvl8pPr marL="3200400" algn="l" defTabSz="914400" rtl="0" eaLnBrk="1" latinLnBrk="0" hangingPunct="1">
              <a:defRPr sz="1400" kern="1200">
                <a:solidFill>
                  <a:srgbClr val="737377"/>
                </a:solidFill>
                <a:latin typeface="Arial" charset="0"/>
                <a:ea typeface="+mn-ea"/>
                <a:cs typeface="+mn-cs"/>
              </a:defRPr>
            </a:lvl8pPr>
            <a:lvl9pPr marL="3657600" algn="l" defTabSz="914400" rtl="0" eaLnBrk="1" latinLnBrk="0" hangingPunct="1">
              <a:defRPr sz="1400" kern="1200">
                <a:solidFill>
                  <a:srgbClr val="737377"/>
                </a:solidFill>
                <a:latin typeface="Arial" charset="0"/>
                <a:ea typeface="+mn-ea"/>
                <a:cs typeface="+mn-cs"/>
              </a:defRPr>
            </a:lvl9pPr>
          </a:lstStyle>
          <a:p>
            <a:pPr algn="l" rtl="0">
              <a:spcBef>
                <a:spcPts val="0"/>
              </a:spcBef>
              <a:spcAft>
                <a:spcPts val="900"/>
              </a:spcAft>
            </a:pPr>
            <a:r>
              <a:rPr lang="da-DK" sz="800" b="1" i="0" u="none" strike="noStrike" kern="1200" baseline="0" dirty="0">
                <a:solidFill>
                  <a:schemeClr val="accent5"/>
                </a:solidFill>
                <a:latin typeface="Arial" charset="0"/>
                <a:ea typeface="+mn-ea"/>
                <a:cs typeface="+mn-cs"/>
              </a:rPr>
              <a:t>paconsulting.com</a:t>
            </a:r>
            <a:endParaRPr lang="da-DK" dirty="0"/>
          </a:p>
          <a:p>
            <a:pPr algn="l" rtl="0">
              <a:spcBef>
                <a:spcPts val="0"/>
              </a:spcBef>
            </a:pPr>
            <a:r>
              <a:rPr lang="da-DK" sz="800" b="1" i="0" u="none" strike="noStrike" kern="1200" baseline="0" dirty="0">
                <a:solidFill>
                  <a:schemeClr val="accent5"/>
                </a:solidFill>
                <a:latin typeface="Arial" charset="0"/>
                <a:ea typeface="+mn-ea"/>
                <a:cs typeface="+mn-cs"/>
              </a:rPr>
              <a:t>All </a:t>
            </a:r>
            <a:r>
              <a:rPr lang="da-DK" sz="800" b="1" i="0" u="none" strike="noStrike" kern="1200" baseline="0" dirty="0" err="1">
                <a:solidFill>
                  <a:schemeClr val="accent5"/>
                </a:solidFill>
                <a:latin typeface="Arial" charset="0"/>
                <a:ea typeface="+mn-ea"/>
                <a:cs typeface="+mn-cs"/>
              </a:rPr>
              <a:t>rights</a:t>
            </a:r>
            <a:r>
              <a:rPr lang="da-DK" sz="800" b="1" i="0" u="none" strike="noStrike" kern="1200" baseline="0" dirty="0">
                <a:solidFill>
                  <a:schemeClr val="accent5"/>
                </a:solidFill>
                <a:latin typeface="Arial" charset="0"/>
                <a:ea typeface="+mn-ea"/>
                <a:cs typeface="+mn-cs"/>
              </a:rPr>
              <a:t> </a:t>
            </a:r>
            <a:r>
              <a:rPr lang="da-DK" sz="800" b="1" i="0" u="none" strike="noStrike" kern="1200" baseline="0" dirty="0" err="1">
                <a:solidFill>
                  <a:schemeClr val="accent5"/>
                </a:solidFill>
                <a:latin typeface="Arial" charset="0"/>
                <a:ea typeface="+mn-ea"/>
                <a:cs typeface="+mn-cs"/>
              </a:rPr>
              <a:t>reserved</a:t>
            </a:r>
            <a:r>
              <a:rPr lang="da-DK" sz="800" b="1" i="0" u="none" strike="noStrike" kern="1200" baseline="0" dirty="0">
                <a:solidFill>
                  <a:schemeClr val="accent5"/>
                </a:solidFill>
                <a:latin typeface="Arial" charset="0"/>
                <a:ea typeface="+mn-ea"/>
                <a:cs typeface="+mn-cs"/>
              </a:rPr>
              <a:t> © PA Knowledge Limited 2025</a:t>
            </a:r>
            <a:endParaRPr lang="da-DK" dirty="0"/>
          </a:p>
        </p:txBody>
      </p:sp>
      <p:sp>
        <p:nvSpPr>
          <p:cNvPr id="15" name="OfficeName" descr="{&quot;templafy&quot;:{&quot;id&quot;:&quot;879f66e4-540f-43d3-815c-ee0461cfb939&quot;}}">
            <a:extLst>
              <a:ext uri="{FF2B5EF4-FFF2-40B4-BE49-F238E27FC236}">
                <a16:creationId xmlns:a16="http://schemas.microsoft.com/office/drawing/2014/main" id="{B584A4AE-89E3-E9CE-6BAB-1487A7C6C289}"/>
              </a:ext>
            </a:extLst>
          </p:cNvPr>
          <p:cNvSpPr/>
          <p:nvPr userDrawn="1"/>
        </p:nvSpPr>
        <p:spPr>
          <a:xfrm>
            <a:off x="8824984" y="1534670"/>
            <a:ext cx="2592000" cy="12311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da-DK" sz="800" b="1" dirty="0">
                <a:solidFill>
                  <a:schemeClr val="bg1"/>
                </a:solidFill>
              </a:rPr>
              <a:t>Copenhagen Office</a:t>
            </a:r>
          </a:p>
        </p:txBody>
      </p:sp>
      <p:sp>
        <p:nvSpPr>
          <p:cNvPr id="17" name="Disclaimer1" descr="{&quot;templafy&quot;:{&quot;id&quot;:&quot;26b3648d-de9d-4701-aaa2-3aed752c9aee&quot;}}">
            <a:extLst>
              <a:ext uri="{FF2B5EF4-FFF2-40B4-BE49-F238E27FC236}">
                <a16:creationId xmlns:a16="http://schemas.microsoft.com/office/drawing/2014/main" id="{32CA410F-2F8F-D647-36B7-E066817EA6CB}"/>
              </a:ext>
            </a:extLst>
          </p:cNvPr>
          <p:cNvSpPr/>
          <p:nvPr userDrawn="1"/>
        </p:nvSpPr>
        <p:spPr>
          <a:xfrm>
            <a:off x="8824984" y="4165525"/>
            <a:ext cx="2592000" cy="12311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spAutoFit/>
          </a:bodyPr>
          <a:lstStyle/>
          <a:p>
            <a:pPr algn="l"/>
            <a:endParaRPr lang="da-DK" sz="800" b="0" dirty="0">
              <a:solidFill>
                <a:schemeClr val="accent5"/>
              </a:solidFill>
            </a:endParaRPr>
          </a:p>
        </p:txBody>
      </p:sp>
      <p:sp>
        <p:nvSpPr>
          <p:cNvPr id="18" name="Disclaimer2" descr="{&quot;templafy&quot;:{&quot;id&quot;:&quot;61ca9983-2490-46ec-9dfb-59b5ede564e2&quot;}}">
            <a:extLst>
              <a:ext uri="{FF2B5EF4-FFF2-40B4-BE49-F238E27FC236}">
                <a16:creationId xmlns:a16="http://schemas.microsoft.com/office/drawing/2014/main" id="{BE665671-15A8-8F7C-DFB9-BC6BD5FB40EC}"/>
              </a:ext>
            </a:extLst>
          </p:cNvPr>
          <p:cNvSpPr/>
          <p:nvPr userDrawn="1"/>
        </p:nvSpPr>
        <p:spPr>
          <a:xfrm>
            <a:off x="8824984" y="4895020"/>
            <a:ext cx="2592000" cy="123110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da-DK" sz="800" b="0" dirty="0">
                <a:solidFill>
                  <a:schemeClr val="accent5"/>
                </a:solidFill>
              </a:rPr>
              <a:t>This </a:t>
            </a:r>
            <a:r>
              <a:rPr lang="da-DK" sz="800" b="0" dirty="0" err="1">
                <a:solidFill>
                  <a:schemeClr val="accent5"/>
                </a:solidFill>
              </a:rPr>
              <a:t>document</a:t>
            </a:r>
            <a:r>
              <a:rPr lang="da-DK" sz="800" b="0" dirty="0">
                <a:solidFill>
                  <a:schemeClr val="accent5"/>
                </a:solidFill>
              </a:rPr>
              <a:t> is </a:t>
            </a:r>
            <a:r>
              <a:rPr lang="da-DK" sz="800" b="0" dirty="0" err="1">
                <a:solidFill>
                  <a:schemeClr val="accent5"/>
                </a:solidFill>
              </a:rPr>
              <a:t>confidential</a:t>
            </a:r>
            <a:r>
              <a:rPr lang="da-DK" sz="800" b="0" dirty="0">
                <a:solidFill>
                  <a:schemeClr val="accent5"/>
                </a:solidFill>
              </a:rPr>
              <a:t> to PA Consulting Group and </a:t>
            </a:r>
            <a:r>
              <a:rPr lang="da-DK" sz="800" b="0" dirty="0" err="1">
                <a:solidFill>
                  <a:schemeClr val="accent5"/>
                </a:solidFill>
              </a:rPr>
              <a:t>may</a:t>
            </a:r>
            <a:r>
              <a:rPr lang="da-DK" sz="800" b="0" dirty="0">
                <a:solidFill>
                  <a:schemeClr val="accent5"/>
                </a:solidFill>
              </a:rPr>
              <a:t> not </a:t>
            </a:r>
            <a:r>
              <a:rPr lang="da-DK" sz="800" b="0" dirty="0" err="1">
                <a:solidFill>
                  <a:schemeClr val="accent5"/>
                </a:solidFill>
              </a:rPr>
              <a:t>be</a:t>
            </a:r>
            <a:r>
              <a:rPr lang="da-DK" sz="800" b="0" dirty="0">
                <a:solidFill>
                  <a:schemeClr val="accent5"/>
                </a:solidFill>
              </a:rPr>
              <a:t> </a:t>
            </a:r>
            <a:r>
              <a:rPr lang="da-DK" sz="800" b="0" dirty="0" err="1">
                <a:solidFill>
                  <a:schemeClr val="accent5"/>
                </a:solidFill>
              </a:rPr>
              <a:t>reproduced</a:t>
            </a:r>
            <a:r>
              <a:rPr lang="da-DK" sz="800" b="0" dirty="0">
                <a:solidFill>
                  <a:schemeClr val="accent5"/>
                </a:solidFill>
              </a:rPr>
              <a:t>, </a:t>
            </a:r>
            <a:r>
              <a:rPr lang="da-DK" sz="800" b="0" dirty="0" err="1">
                <a:solidFill>
                  <a:schemeClr val="accent5"/>
                </a:solidFill>
              </a:rPr>
              <a:t>stored</a:t>
            </a:r>
            <a:r>
              <a:rPr lang="da-DK" sz="800" b="0" dirty="0">
                <a:solidFill>
                  <a:schemeClr val="accent5"/>
                </a:solidFill>
              </a:rPr>
              <a:t> in a </a:t>
            </a:r>
            <a:r>
              <a:rPr lang="da-DK" sz="800" b="0" dirty="0" err="1">
                <a:solidFill>
                  <a:schemeClr val="accent5"/>
                </a:solidFill>
              </a:rPr>
              <a:t>retrieval</a:t>
            </a:r>
            <a:r>
              <a:rPr lang="da-DK" sz="800" b="0" dirty="0">
                <a:solidFill>
                  <a:schemeClr val="accent5"/>
                </a:solidFill>
              </a:rPr>
              <a:t> system, or </a:t>
            </a:r>
            <a:r>
              <a:rPr lang="da-DK" sz="800" b="0" dirty="0" err="1">
                <a:solidFill>
                  <a:schemeClr val="accent5"/>
                </a:solidFill>
              </a:rPr>
              <a:t>transmitted</a:t>
            </a:r>
            <a:r>
              <a:rPr lang="da-DK" sz="800" b="0" dirty="0">
                <a:solidFill>
                  <a:schemeClr val="accent5"/>
                </a:solidFill>
              </a:rPr>
              <a:t> in </a:t>
            </a:r>
            <a:r>
              <a:rPr lang="da-DK" sz="800" b="0" dirty="0" err="1">
                <a:solidFill>
                  <a:schemeClr val="accent5"/>
                </a:solidFill>
              </a:rPr>
              <a:t>any</a:t>
            </a:r>
            <a:r>
              <a:rPr lang="da-DK" sz="800" b="0" dirty="0">
                <a:solidFill>
                  <a:schemeClr val="accent5"/>
                </a:solidFill>
              </a:rPr>
              <a:t> form or by </a:t>
            </a:r>
            <a:r>
              <a:rPr lang="da-DK" sz="800" b="0" dirty="0" err="1">
                <a:solidFill>
                  <a:schemeClr val="accent5"/>
                </a:solidFill>
              </a:rPr>
              <a:t>any</a:t>
            </a:r>
            <a:r>
              <a:rPr lang="da-DK" sz="800" b="0" dirty="0">
                <a:solidFill>
                  <a:schemeClr val="accent5"/>
                </a:solidFill>
              </a:rPr>
              <a:t> </a:t>
            </a:r>
            <a:r>
              <a:rPr lang="da-DK" sz="800" b="0" dirty="0" err="1">
                <a:solidFill>
                  <a:schemeClr val="accent5"/>
                </a:solidFill>
              </a:rPr>
              <a:t>means</a:t>
            </a:r>
            <a:r>
              <a:rPr lang="da-DK" sz="800" b="0" dirty="0">
                <a:solidFill>
                  <a:schemeClr val="accent5"/>
                </a:solidFill>
              </a:rPr>
              <a:t>, </a:t>
            </a:r>
            <a:r>
              <a:rPr lang="da-DK" sz="800" b="0" dirty="0" err="1">
                <a:solidFill>
                  <a:schemeClr val="accent5"/>
                </a:solidFill>
              </a:rPr>
              <a:t>electronic</a:t>
            </a:r>
            <a:r>
              <a:rPr lang="da-DK" sz="800" b="0" dirty="0">
                <a:solidFill>
                  <a:schemeClr val="accent5"/>
                </a:solidFill>
              </a:rPr>
              <a:t>, </a:t>
            </a:r>
            <a:r>
              <a:rPr lang="da-DK" sz="800" b="0" dirty="0" err="1">
                <a:solidFill>
                  <a:schemeClr val="accent5"/>
                </a:solidFill>
              </a:rPr>
              <a:t>mechanical</a:t>
            </a:r>
            <a:r>
              <a:rPr lang="da-DK" sz="800" b="0" dirty="0">
                <a:solidFill>
                  <a:schemeClr val="accent5"/>
                </a:solidFill>
              </a:rPr>
              <a:t> or </a:t>
            </a:r>
            <a:r>
              <a:rPr lang="da-DK" sz="800" b="0" dirty="0" err="1">
                <a:solidFill>
                  <a:schemeClr val="accent5"/>
                </a:solidFill>
              </a:rPr>
              <a:t>otherwise</a:t>
            </a:r>
            <a:r>
              <a:rPr lang="da-DK" sz="800" b="0" dirty="0">
                <a:solidFill>
                  <a:schemeClr val="accent5"/>
                </a:solidFill>
              </a:rPr>
              <a:t>, </a:t>
            </a:r>
            <a:r>
              <a:rPr lang="da-DK" sz="800" b="0" dirty="0" err="1">
                <a:solidFill>
                  <a:schemeClr val="accent5"/>
                </a:solidFill>
              </a:rPr>
              <a:t>without</a:t>
            </a:r>
            <a:r>
              <a:rPr lang="da-DK" sz="800" b="0" dirty="0">
                <a:solidFill>
                  <a:schemeClr val="accent5"/>
                </a:solidFill>
              </a:rPr>
              <a:t> the prior </a:t>
            </a:r>
            <a:r>
              <a:rPr lang="da-DK" sz="800" b="0" dirty="0" err="1">
                <a:solidFill>
                  <a:schemeClr val="accent5"/>
                </a:solidFill>
              </a:rPr>
              <a:t>written</a:t>
            </a:r>
            <a:r>
              <a:rPr lang="da-DK" sz="800" b="0" dirty="0">
                <a:solidFill>
                  <a:schemeClr val="accent5"/>
                </a:solidFill>
              </a:rPr>
              <a:t> permission of PA Consulting Group. In the event </a:t>
            </a:r>
            <a:r>
              <a:rPr lang="da-DK" sz="800" b="0" dirty="0" err="1">
                <a:solidFill>
                  <a:schemeClr val="accent5"/>
                </a:solidFill>
              </a:rPr>
              <a:t>that</a:t>
            </a:r>
            <a:r>
              <a:rPr lang="da-DK" sz="800" b="0" dirty="0">
                <a:solidFill>
                  <a:schemeClr val="accent5"/>
                </a:solidFill>
              </a:rPr>
              <a:t> </a:t>
            </a:r>
            <a:r>
              <a:rPr lang="da-DK" sz="800" b="0" dirty="0" err="1">
                <a:solidFill>
                  <a:schemeClr val="accent5"/>
                </a:solidFill>
              </a:rPr>
              <a:t>you</a:t>
            </a:r>
            <a:r>
              <a:rPr lang="da-DK" sz="800" b="0" dirty="0">
                <a:solidFill>
                  <a:schemeClr val="accent5"/>
                </a:solidFill>
              </a:rPr>
              <a:t> </a:t>
            </a:r>
            <a:r>
              <a:rPr lang="da-DK" sz="800" b="0" dirty="0" err="1">
                <a:solidFill>
                  <a:schemeClr val="accent5"/>
                </a:solidFill>
              </a:rPr>
              <a:t>receive</a:t>
            </a:r>
            <a:r>
              <a:rPr lang="da-DK" sz="800" b="0" dirty="0">
                <a:solidFill>
                  <a:schemeClr val="accent5"/>
                </a:solidFill>
              </a:rPr>
              <a:t> </a:t>
            </a:r>
            <a:r>
              <a:rPr lang="da-DK" sz="800" b="0" dirty="0" err="1">
                <a:solidFill>
                  <a:schemeClr val="accent5"/>
                </a:solidFill>
              </a:rPr>
              <a:t>this</a:t>
            </a:r>
            <a:r>
              <a:rPr lang="da-DK" sz="800" b="0" dirty="0">
                <a:solidFill>
                  <a:schemeClr val="accent5"/>
                </a:solidFill>
              </a:rPr>
              <a:t> </a:t>
            </a:r>
            <a:r>
              <a:rPr lang="da-DK" sz="800" b="0" dirty="0" err="1">
                <a:solidFill>
                  <a:schemeClr val="accent5"/>
                </a:solidFill>
              </a:rPr>
              <a:t>document</a:t>
            </a:r>
            <a:r>
              <a:rPr lang="da-DK" sz="800" b="0" dirty="0">
                <a:solidFill>
                  <a:schemeClr val="accent5"/>
                </a:solidFill>
              </a:rPr>
              <a:t> in </a:t>
            </a:r>
            <a:r>
              <a:rPr lang="da-DK" sz="800" b="0" dirty="0" err="1">
                <a:solidFill>
                  <a:schemeClr val="accent5"/>
                </a:solidFill>
              </a:rPr>
              <a:t>error</a:t>
            </a:r>
            <a:r>
              <a:rPr lang="da-DK" sz="800" b="0" dirty="0">
                <a:solidFill>
                  <a:schemeClr val="accent5"/>
                </a:solidFill>
              </a:rPr>
              <a:t>, </a:t>
            </a:r>
            <a:r>
              <a:rPr lang="da-DK" sz="800" b="0" dirty="0" err="1">
                <a:solidFill>
                  <a:schemeClr val="accent5"/>
                </a:solidFill>
              </a:rPr>
              <a:t>you</a:t>
            </a:r>
            <a:r>
              <a:rPr lang="da-DK" sz="800" b="0" dirty="0">
                <a:solidFill>
                  <a:schemeClr val="accent5"/>
                </a:solidFill>
              </a:rPr>
              <a:t> </a:t>
            </a:r>
            <a:r>
              <a:rPr lang="da-DK" sz="800" b="0" dirty="0" err="1">
                <a:solidFill>
                  <a:schemeClr val="accent5"/>
                </a:solidFill>
              </a:rPr>
              <a:t>should</a:t>
            </a:r>
            <a:r>
              <a:rPr lang="da-DK" sz="800" b="0" dirty="0">
                <a:solidFill>
                  <a:schemeClr val="accent5"/>
                </a:solidFill>
              </a:rPr>
              <a:t> return it to PA Consulting Group, Portland Towers, Göteborg Plads 1, DK-2150, Nordhavn. PA Consulting Group accepts no </a:t>
            </a:r>
            <a:r>
              <a:rPr lang="da-DK" sz="800" b="0" dirty="0" err="1">
                <a:solidFill>
                  <a:schemeClr val="accent5"/>
                </a:solidFill>
              </a:rPr>
              <a:t>liability</a:t>
            </a:r>
            <a:r>
              <a:rPr lang="da-DK" sz="800" b="0" dirty="0">
                <a:solidFill>
                  <a:schemeClr val="accent5"/>
                </a:solidFill>
              </a:rPr>
              <a:t> </a:t>
            </a:r>
            <a:r>
              <a:rPr lang="da-DK" sz="800" b="0" dirty="0" err="1">
                <a:solidFill>
                  <a:schemeClr val="accent5"/>
                </a:solidFill>
              </a:rPr>
              <a:t>whatsoever</a:t>
            </a:r>
            <a:r>
              <a:rPr lang="da-DK" sz="800" b="0" dirty="0">
                <a:solidFill>
                  <a:schemeClr val="accent5"/>
                </a:solidFill>
              </a:rPr>
              <a:t> </a:t>
            </a:r>
            <a:r>
              <a:rPr lang="da-DK" sz="800" b="0" dirty="0" err="1">
                <a:solidFill>
                  <a:schemeClr val="accent5"/>
                </a:solidFill>
              </a:rPr>
              <a:t>should</a:t>
            </a:r>
            <a:r>
              <a:rPr lang="da-DK" sz="800" b="0" dirty="0">
                <a:solidFill>
                  <a:schemeClr val="accent5"/>
                </a:solidFill>
              </a:rPr>
              <a:t> an </a:t>
            </a:r>
            <a:r>
              <a:rPr lang="da-DK" sz="800" b="0" dirty="0" err="1">
                <a:solidFill>
                  <a:schemeClr val="accent5"/>
                </a:solidFill>
              </a:rPr>
              <a:t>unauthorised</a:t>
            </a:r>
            <a:r>
              <a:rPr lang="da-DK" sz="800" b="0" dirty="0">
                <a:solidFill>
                  <a:schemeClr val="accent5"/>
                </a:solidFill>
              </a:rPr>
              <a:t> recipient of </a:t>
            </a:r>
            <a:r>
              <a:rPr lang="da-DK" sz="800" b="0" dirty="0" err="1">
                <a:solidFill>
                  <a:schemeClr val="accent5"/>
                </a:solidFill>
              </a:rPr>
              <a:t>this</a:t>
            </a:r>
            <a:r>
              <a:rPr lang="da-DK" sz="800" b="0" dirty="0">
                <a:solidFill>
                  <a:schemeClr val="accent5"/>
                </a:solidFill>
              </a:rPr>
              <a:t> </a:t>
            </a:r>
            <a:r>
              <a:rPr lang="da-DK" sz="800" b="0" dirty="0" err="1">
                <a:solidFill>
                  <a:schemeClr val="accent5"/>
                </a:solidFill>
              </a:rPr>
              <a:t>report</a:t>
            </a:r>
            <a:r>
              <a:rPr lang="da-DK" sz="800" b="0" dirty="0">
                <a:solidFill>
                  <a:schemeClr val="accent5"/>
                </a:solidFill>
              </a:rPr>
              <a:t> </a:t>
            </a:r>
            <a:r>
              <a:rPr lang="da-DK" sz="800" b="0" dirty="0" err="1">
                <a:solidFill>
                  <a:schemeClr val="accent5"/>
                </a:solidFill>
              </a:rPr>
              <a:t>act</a:t>
            </a:r>
            <a:r>
              <a:rPr lang="da-DK" sz="800" b="0" dirty="0">
                <a:solidFill>
                  <a:schemeClr val="accent5"/>
                </a:solidFill>
              </a:rPr>
              <a:t> on </a:t>
            </a:r>
            <a:r>
              <a:rPr lang="da-DK" sz="800" b="0" dirty="0" err="1">
                <a:solidFill>
                  <a:schemeClr val="accent5"/>
                </a:solidFill>
              </a:rPr>
              <a:t>its</a:t>
            </a:r>
            <a:r>
              <a:rPr lang="da-DK" sz="800" b="0" dirty="0">
                <a:solidFill>
                  <a:schemeClr val="accent5"/>
                </a:solidFill>
              </a:rPr>
              <a:t> contents.</a:t>
            </a:r>
          </a:p>
        </p:txBody>
      </p:sp>
      <p:sp>
        <p:nvSpPr>
          <p:cNvPr id="19" name="txtMTD" descr="{&quot;templafy&quot;:{&quot;id&quot;:&quot;79413afe-5e89-4639-a7d1-9ada8e64d6b7&quot;}}">
            <a:extLst>
              <a:ext uri="{FF2B5EF4-FFF2-40B4-BE49-F238E27FC236}">
                <a16:creationId xmlns:a16="http://schemas.microsoft.com/office/drawing/2014/main" id="{042B07BD-2084-4A86-9287-02698B0FBBD3}"/>
              </a:ext>
            </a:extLst>
          </p:cNvPr>
          <p:cNvSpPr/>
          <p:nvPr userDrawn="1"/>
        </p:nvSpPr>
        <p:spPr>
          <a:xfrm>
            <a:off x="552449" y="3709835"/>
            <a:ext cx="6211207" cy="2038042"/>
          </a:xfrm>
          <a:prstGeom prst="rect">
            <a:avLst/>
          </a:prstGeom>
        </p:spPr>
        <p:txBody>
          <a:bodyPr wrap="square" lIns="0" tIns="0" rIns="0" bIns="0" anchor="t">
            <a:noAutofit/>
          </a:bodyPr>
          <a:lstStyle>
            <a:defPPr>
              <a:defRPr lang="en-GB"/>
            </a:defPPr>
            <a:lvl1pPr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1pPr>
            <a:lvl2pPr marL="4572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2pPr>
            <a:lvl3pPr marL="9144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3pPr>
            <a:lvl4pPr marL="13716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4pPr>
            <a:lvl5pPr marL="18288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5pPr>
            <a:lvl6pPr marL="2286000" algn="l" defTabSz="914400" rtl="0" eaLnBrk="1" latinLnBrk="0" hangingPunct="1">
              <a:defRPr sz="1400" kern="1200">
                <a:solidFill>
                  <a:srgbClr val="737377"/>
                </a:solidFill>
                <a:latin typeface="Arial" charset="0"/>
                <a:ea typeface="+mn-ea"/>
                <a:cs typeface="+mn-cs"/>
              </a:defRPr>
            </a:lvl6pPr>
            <a:lvl7pPr marL="2743200" algn="l" defTabSz="914400" rtl="0" eaLnBrk="1" latinLnBrk="0" hangingPunct="1">
              <a:defRPr sz="1400" kern="1200">
                <a:solidFill>
                  <a:srgbClr val="737377"/>
                </a:solidFill>
                <a:latin typeface="Arial" charset="0"/>
                <a:ea typeface="+mn-ea"/>
                <a:cs typeface="+mn-cs"/>
              </a:defRPr>
            </a:lvl7pPr>
            <a:lvl8pPr marL="3200400" algn="l" defTabSz="914400" rtl="0" eaLnBrk="1" latinLnBrk="0" hangingPunct="1">
              <a:defRPr sz="1400" kern="1200">
                <a:solidFill>
                  <a:srgbClr val="737377"/>
                </a:solidFill>
                <a:latin typeface="Arial" charset="0"/>
                <a:ea typeface="+mn-ea"/>
                <a:cs typeface="+mn-cs"/>
              </a:defRPr>
            </a:lvl8pPr>
            <a:lvl9pPr marL="3657600" algn="l" defTabSz="914400" rtl="0" eaLnBrk="1" latinLnBrk="0" hangingPunct="1">
              <a:defRPr sz="1400" kern="1200">
                <a:solidFill>
                  <a:srgbClr val="737377"/>
                </a:solidFill>
                <a:latin typeface="Arial" charset="0"/>
                <a:ea typeface="+mn-ea"/>
                <a:cs typeface="+mn-cs"/>
              </a:defRPr>
            </a:lvl9pPr>
          </a:lstStyle>
          <a:p>
            <a:pPr algn="l" rtl="0"/>
            <a:r>
              <a:rPr lang="da-DK" sz="1000" b="1" i="0" u="none" strike="noStrike" kern="1200" normalizeH="0" baseline="0" dirty="0" err="1">
                <a:solidFill>
                  <a:schemeClr val="tx1"/>
                </a:solidFill>
                <a:latin typeface="Arial" charset="0"/>
                <a:ea typeface="+mn-ea"/>
                <a:cs typeface="+mn-cs"/>
              </a:rPr>
              <a:t>About</a:t>
            </a:r>
            <a:r>
              <a:rPr lang="da-DK" sz="1000" b="1" i="0" u="none" strike="noStrike" kern="1200" normalizeH="0" baseline="0" dirty="0">
                <a:solidFill>
                  <a:schemeClr val="tx1"/>
                </a:solidFill>
                <a:latin typeface="Arial" charset="0"/>
                <a:ea typeface="+mn-ea"/>
                <a:cs typeface="+mn-cs"/>
              </a:rPr>
              <a:t> PA.</a:t>
            </a:r>
            <a:endParaRPr lang="da-DK" dirty="0"/>
          </a:p>
          <a:p>
            <a:pPr algn="l" rtl="0"/>
            <a:r>
              <a:rPr lang="da-DK" sz="1000" b="0" i="0" u="none" strike="noStrike" kern="1200" normalizeH="0" baseline="0" dirty="0" err="1">
                <a:solidFill>
                  <a:schemeClr val="tx1"/>
                </a:solidFill>
                <a:latin typeface="Arial" charset="0"/>
                <a:ea typeface="+mn-ea"/>
                <a:cs typeface="+mn-cs"/>
              </a:rPr>
              <a:t>W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believe</a:t>
            </a:r>
            <a:r>
              <a:rPr lang="da-DK" sz="1000" b="0" i="0" u="none" strike="noStrike" kern="1200" normalizeH="0" baseline="0" dirty="0">
                <a:solidFill>
                  <a:schemeClr val="tx1"/>
                </a:solidFill>
                <a:latin typeface="Arial" charset="0"/>
                <a:ea typeface="+mn-ea"/>
                <a:cs typeface="+mn-cs"/>
              </a:rPr>
              <a:t> in the power of </a:t>
            </a:r>
            <a:r>
              <a:rPr lang="da-DK" sz="1000" b="0" i="0" u="none" strike="noStrike" kern="1200" normalizeH="0" baseline="0" dirty="0" err="1">
                <a:solidFill>
                  <a:schemeClr val="tx1"/>
                </a:solidFill>
                <a:latin typeface="Arial" charset="0"/>
                <a:ea typeface="+mn-ea"/>
                <a:cs typeface="+mn-cs"/>
              </a:rPr>
              <a:t>ingenuity</a:t>
            </a:r>
            <a:r>
              <a:rPr lang="da-DK" sz="1000" b="0" i="0" u="none" strike="noStrike" kern="1200" normalizeH="0" baseline="0" dirty="0">
                <a:solidFill>
                  <a:schemeClr val="tx1"/>
                </a:solidFill>
                <a:latin typeface="Arial" charset="0"/>
                <a:ea typeface="+mn-ea"/>
                <a:cs typeface="+mn-cs"/>
              </a:rPr>
              <a:t> to </a:t>
            </a:r>
            <a:r>
              <a:rPr lang="da-DK" sz="1000" b="0" i="0" u="none" strike="noStrike" kern="1200" normalizeH="0" baseline="0" dirty="0" err="1">
                <a:solidFill>
                  <a:schemeClr val="tx1"/>
                </a:solidFill>
                <a:latin typeface="Arial" charset="0"/>
                <a:ea typeface="+mn-ea"/>
                <a:cs typeface="+mn-cs"/>
              </a:rPr>
              <a:t>build</a:t>
            </a:r>
            <a:r>
              <a:rPr lang="da-DK" sz="1000" b="0" i="0" u="none" strike="noStrike" kern="1200" normalizeH="0" baseline="0" dirty="0">
                <a:solidFill>
                  <a:schemeClr val="tx1"/>
                </a:solidFill>
                <a:latin typeface="Arial" charset="0"/>
                <a:ea typeface="+mn-ea"/>
                <a:cs typeface="+mn-cs"/>
              </a:rPr>
              <a:t> a positive human future. </a:t>
            </a:r>
            <a:endParaRPr lang="da-DK" dirty="0"/>
          </a:p>
          <a:p>
            <a:pPr algn="l" rtl="0"/>
            <a:r>
              <a:rPr lang="da-DK" sz="1000" b="0" i="0" u="none" strike="noStrike" kern="1200" normalizeH="0" baseline="0" dirty="0">
                <a:solidFill>
                  <a:schemeClr val="tx1"/>
                </a:solidFill>
                <a:latin typeface="Arial" charset="0"/>
                <a:ea typeface="+mn-ea"/>
                <a:cs typeface="+mn-cs"/>
              </a:rPr>
              <a:t>As </a:t>
            </a:r>
            <a:r>
              <a:rPr lang="da-DK" sz="1000" b="0" i="0" u="none" strike="noStrike" kern="1200" normalizeH="0" baseline="0" dirty="0" err="1">
                <a:solidFill>
                  <a:schemeClr val="tx1"/>
                </a:solidFill>
                <a:latin typeface="Arial" charset="0"/>
                <a:ea typeface="+mn-ea"/>
                <a:cs typeface="+mn-cs"/>
              </a:rPr>
              <a:t>strategie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technologies</a:t>
            </a:r>
            <a:r>
              <a:rPr lang="da-DK" sz="1000" b="0" i="0" u="none" strike="noStrike" kern="1200" normalizeH="0" baseline="0" dirty="0">
                <a:solidFill>
                  <a:schemeClr val="tx1"/>
                </a:solidFill>
                <a:latin typeface="Arial" charset="0"/>
                <a:ea typeface="+mn-ea"/>
                <a:cs typeface="+mn-cs"/>
              </a:rPr>
              <a:t>, and innovation </a:t>
            </a:r>
            <a:r>
              <a:rPr lang="da-DK" sz="1000" b="0" i="0" u="none" strike="noStrike" kern="1200" normalizeH="0" baseline="0" dirty="0" err="1">
                <a:solidFill>
                  <a:schemeClr val="tx1"/>
                </a:solidFill>
                <a:latin typeface="Arial" charset="0"/>
                <a:ea typeface="+mn-ea"/>
                <a:cs typeface="+mn-cs"/>
              </a:rPr>
              <a:t>collid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w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creat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opportunity</a:t>
            </a:r>
            <a:r>
              <a:rPr lang="da-DK" sz="1000" b="0" i="0" u="none" strike="noStrike" kern="1200" normalizeH="0" baseline="0" dirty="0">
                <a:solidFill>
                  <a:schemeClr val="tx1"/>
                </a:solidFill>
                <a:latin typeface="Arial" charset="0"/>
                <a:ea typeface="+mn-ea"/>
                <a:cs typeface="+mn-cs"/>
              </a:rPr>
              <a:t> from </a:t>
            </a:r>
            <a:r>
              <a:rPr lang="da-DK" sz="1000" b="0" i="0" u="none" strike="noStrike" kern="1200" normalizeH="0" baseline="0" dirty="0" err="1">
                <a:solidFill>
                  <a:schemeClr val="tx1"/>
                </a:solidFill>
                <a:latin typeface="Arial" charset="0"/>
                <a:ea typeface="+mn-ea"/>
                <a:cs typeface="+mn-cs"/>
              </a:rPr>
              <a:t>complexity</a:t>
            </a:r>
            <a:r>
              <a:rPr lang="da-DK" sz="1000" b="0" i="0" u="none" strike="noStrike" kern="1200" normalizeH="0" baseline="0" dirty="0">
                <a:solidFill>
                  <a:schemeClr val="tx1"/>
                </a:solidFill>
                <a:latin typeface="Arial" charset="0"/>
                <a:ea typeface="+mn-ea"/>
                <a:cs typeface="+mn-cs"/>
              </a:rPr>
              <a:t>.</a:t>
            </a:r>
            <a:endParaRPr lang="da-DK" dirty="0"/>
          </a:p>
          <a:p>
            <a:pPr algn="l" rtl="0"/>
            <a:r>
              <a:rPr lang="da-DK" sz="1000" b="0" i="0" u="none" strike="noStrike" kern="1200" normalizeH="0" baseline="0" dirty="0" err="1">
                <a:solidFill>
                  <a:schemeClr val="tx1"/>
                </a:solidFill>
                <a:latin typeface="Arial" charset="0"/>
                <a:ea typeface="+mn-ea"/>
                <a:cs typeface="+mn-cs"/>
              </a:rPr>
              <a:t>Our</a:t>
            </a:r>
            <a:r>
              <a:rPr lang="da-DK" sz="1000" b="0" i="0" u="none" strike="noStrike" kern="1200" normalizeH="0" baseline="0" dirty="0">
                <a:solidFill>
                  <a:schemeClr val="tx1"/>
                </a:solidFill>
                <a:latin typeface="Arial" charset="0"/>
                <a:ea typeface="+mn-ea"/>
                <a:cs typeface="+mn-cs"/>
              </a:rPr>
              <a:t> diverse teams of </a:t>
            </a:r>
            <a:r>
              <a:rPr lang="da-DK" sz="1000" b="0" i="0" u="none" strike="noStrike" kern="1200" normalizeH="0" baseline="0" dirty="0" err="1">
                <a:solidFill>
                  <a:schemeClr val="tx1"/>
                </a:solidFill>
                <a:latin typeface="Arial" charset="0"/>
                <a:ea typeface="+mn-ea"/>
                <a:cs typeface="+mn-cs"/>
              </a:rPr>
              <a:t>expert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combine</a:t>
            </a:r>
            <a:r>
              <a:rPr lang="da-DK" sz="1000" b="0" i="0" u="none" strike="noStrike" kern="1200" normalizeH="0" baseline="0" dirty="0">
                <a:solidFill>
                  <a:schemeClr val="tx1"/>
                </a:solidFill>
                <a:latin typeface="Arial" charset="0"/>
                <a:ea typeface="+mn-ea"/>
                <a:cs typeface="+mn-cs"/>
              </a:rPr>
              <a:t> innovative </a:t>
            </a:r>
            <a:r>
              <a:rPr lang="da-DK" sz="1000" b="0" i="0" u="none" strike="noStrike" kern="1200" normalizeH="0" baseline="0" dirty="0" err="1">
                <a:solidFill>
                  <a:schemeClr val="tx1"/>
                </a:solidFill>
                <a:latin typeface="Arial" charset="0"/>
                <a:ea typeface="+mn-ea"/>
                <a:cs typeface="+mn-cs"/>
              </a:rPr>
              <a:t>thinking</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breakthrough</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technologies</a:t>
            </a:r>
            <a:r>
              <a:rPr lang="da-DK" sz="1000" b="0" i="0" u="none" strike="noStrike" kern="1200" normalizeH="0" baseline="0" dirty="0">
                <a:solidFill>
                  <a:schemeClr val="tx1"/>
                </a:solidFill>
                <a:latin typeface="Arial" charset="0"/>
                <a:ea typeface="+mn-ea"/>
                <a:cs typeface="+mn-cs"/>
              </a:rPr>
              <a:t> to </a:t>
            </a:r>
            <a:r>
              <a:rPr lang="da-DK" sz="1000" b="0" i="0" u="none" strike="noStrike" kern="1200" normalizeH="0" baseline="0" dirty="0" err="1">
                <a:solidFill>
                  <a:schemeClr val="tx1"/>
                </a:solidFill>
                <a:latin typeface="Arial" charset="0"/>
                <a:ea typeface="+mn-ea"/>
                <a:cs typeface="+mn-cs"/>
              </a:rPr>
              <a:t>progres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further</a:t>
            </a:r>
            <a:r>
              <a:rPr lang="da-DK" sz="1000" b="0" i="0" u="none" strike="noStrike" kern="1200" normalizeH="0" baseline="0" dirty="0">
                <a:solidFill>
                  <a:schemeClr val="tx1"/>
                </a:solidFill>
                <a:latin typeface="Arial" charset="0"/>
                <a:ea typeface="+mn-ea"/>
                <a:cs typeface="+mn-cs"/>
              </a:rPr>
              <a:t>, faster. </a:t>
            </a:r>
            <a:r>
              <a:rPr lang="da-DK" sz="1000" b="0" i="0" u="none" strike="noStrike" kern="1200" normalizeH="0" baseline="0" dirty="0" err="1">
                <a:solidFill>
                  <a:schemeClr val="tx1"/>
                </a:solidFill>
                <a:latin typeface="Arial" charset="0"/>
                <a:ea typeface="+mn-ea"/>
                <a:cs typeface="+mn-cs"/>
              </a:rPr>
              <a:t>Our</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client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adapt</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transform</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together</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w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achiev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enduring</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results</a:t>
            </a:r>
            <a:r>
              <a:rPr lang="da-DK" sz="1000" b="0" i="0" u="none" strike="noStrike" kern="1200" normalizeH="0" baseline="0" dirty="0">
                <a:solidFill>
                  <a:schemeClr val="tx1"/>
                </a:solidFill>
                <a:latin typeface="Arial" charset="0"/>
                <a:ea typeface="+mn-ea"/>
                <a:cs typeface="+mn-cs"/>
              </a:rPr>
              <a:t>.</a:t>
            </a:r>
            <a:endParaRPr lang="da-DK" dirty="0"/>
          </a:p>
          <a:p>
            <a:pPr algn="l" rtl="0"/>
            <a:r>
              <a:rPr lang="da-DK" sz="1000" b="0" i="0" u="none" strike="noStrike" kern="1200" normalizeH="0" baseline="0" dirty="0" err="1">
                <a:solidFill>
                  <a:schemeClr val="tx1"/>
                </a:solidFill>
                <a:latin typeface="Arial" charset="0"/>
                <a:ea typeface="+mn-ea"/>
                <a:cs typeface="+mn-cs"/>
              </a:rPr>
              <a:t>W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ar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about</a:t>
            </a:r>
            <a:r>
              <a:rPr lang="da-DK" sz="1000" b="0" i="0" u="none" strike="noStrike" kern="1200" normalizeH="0" baseline="0" dirty="0">
                <a:solidFill>
                  <a:schemeClr val="tx1"/>
                </a:solidFill>
                <a:latin typeface="Arial" charset="0"/>
                <a:ea typeface="+mn-ea"/>
                <a:cs typeface="+mn-cs"/>
              </a:rPr>
              <a:t> 4,000 strategists, innovators, designers, </a:t>
            </a:r>
            <a:r>
              <a:rPr lang="da-DK" sz="1000" b="0" i="0" u="none" strike="noStrike" kern="1200" normalizeH="0" baseline="0" dirty="0" err="1">
                <a:solidFill>
                  <a:schemeClr val="tx1"/>
                </a:solidFill>
                <a:latin typeface="Arial" charset="0"/>
                <a:ea typeface="+mn-ea"/>
                <a:cs typeface="+mn-cs"/>
              </a:rPr>
              <a:t>consultants</a:t>
            </a:r>
            <a:r>
              <a:rPr lang="da-DK" sz="1000" b="0" i="0" u="none" strike="noStrike" kern="1200" normalizeH="0" baseline="0" dirty="0">
                <a:solidFill>
                  <a:schemeClr val="tx1"/>
                </a:solidFill>
                <a:latin typeface="Arial" charset="0"/>
                <a:ea typeface="+mn-ea"/>
                <a:cs typeface="+mn-cs"/>
              </a:rPr>
              <a:t>, digital </a:t>
            </a:r>
            <a:r>
              <a:rPr lang="da-DK" sz="1000" b="0" i="0" u="none" strike="noStrike" kern="1200" normalizeH="0" baseline="0" dirty="0" err="1">
                <a:solidFill>
                  <a:schemeClr val="tx1"/>
                </a:solidFill>
                <a:latin typeface="Arial" charset="0"/>
                <a:ea typeface="+mn-ea"/>
                <a:cs typeface="+mn-cs"/>
              </a:rPr>
              <a:t>expert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scientist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engineers</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technologists</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we</a:t>
            </a:r>
            <a:r>
              <a:rPr lang="da-DK" sz="1000" b="0" i="0" u="none" strike="noStrike" kern="1200" normalizeH="0" baseline="0" dirty="0">
                <a:solidFill>
                  <a:schemeClr val="tx1"/>
                </a:solidFill>
                <a:latin typeface="Arial" charset="0"/>
                <a:ea typeface="+mn-ea"/>
                <a:cs typeface="+mn-cs"/>
              </a:rPr>
              <a:t> have </a:t>
            </a:r>
            <a:r>
              <a:rPr lang="da-DK" sz="1000" b="0" i="0" u="none" strike="noStrike" kern="1200" normalizeH="0" baseline="0" dirty="0" err="1">
                <a:solidFill>
                  <a:schemeClr val="tx1"/>
                </a:solidFill>
                <a:latin typeface="Arial" charset="0"/>
                <a:ea typeface="+mn-ea"/>
                <a:cs typeface="+mn-cs"/>
              </a:rPr>
              <a:t>deep</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expertise</a:t>
            </a:r>
            <a:r>
              <a:rPr lang="da-DK" sz="1000" b="0" i="0" u="none" strike="noStrike" kern="1200" normalizeH="0" baseline="0" dirty="0">
                <a:solidFill>
                  <a:schemeClr val="tx1"/>
                </a:solidFill>
                <a:latin typeface="Arial" charset="0"/>
                <a:ea typeface="+mn-ea"/>
                <a:cs typeface="+mn-cs"/>
              </a:rPr>
              <a:t> in </a:t>
            </a:r>
            <a:r>
              <a:rPr lang="da-DK" sz="1000" b="0" i="0" u="none" strike="noStrike" kern="1200" normalizeH="0" baseline="0" dirty="0" err="1">
                <a:solidFill>
                  <a:schemeClr val="tx1"/>
                </a:solidFill>
                <a:latin typeface="Arial" charset="0"/>
                <a:ea typeface="+mn-ea"/>
                <a:cs typeface="+mn-cs"/>
              </a:rPr>
              <a:t>consumer</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manufacturing</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defence</a:t>
            </a:r>
            <a:r>
              <a:rPr lang="da-DK" sz="1000" b="0" i="0" u="none" strike="noStrike" kern="1200" normalizeH="0" baseline="0" dirty="0">
                <a:solidFill>
                  <a:schemeClr val="tx1"/>
                </a:solidFill>
                <a:latin typeface="Arial" charset="0"/>
                <a:ea typeface="+mn-ea"/>
                <a:cs typeface="+mn-cs"/>
              </a:rPr>
              <a:t> and security, </a:t>
            </a:r>
            <a:r>
              <a:rPr lang="da-DK" sz="1000" b="0" i="0" u="none" strike="noStrike" kern="1200" normalizeH="0" baseline="0" dirty="0" err="1">
                <a:solidFill>
                  <a:schemeClr val="tx1"/>
                </a:solidFill>
                <a:latin typeface="Arial" charset="0"/>
                <a:ea typeface="+mn-ea"/>
                <a:cs typeface="+mn-cs"/>
              </a:rPr>
              <a:t>energy</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utilitie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financial</a:t>
            </a:r>
            <a:r>
              <a:rPr lang="da-DK" sz="1000" b="0" i="0" u="none" strike="noStrike" kern="1200" normalizeH="0" baseline="0" dirty="0">
                <a:solidFill>
                  <a:schemeClr val="tx1"/>
                </a:solidFill>
                <a:latin typeface="Arial" charset="0"/>
                <a:ea typeface="+mn-ea"/>
                <a:cs typeface="+mn-cs"/>
              </a:rPr>
              <a:t> services, </a:t>
            </a:r>
            <a:r>
              <a:rPr lang="da-DK" sz="1000" b="0" i="0" u="none" strike="noStrike" kern="1200" normalizeH="0" baseline="0" dirty="0" err="1">
                <a:solidFill>
                  <a:schemeClr val="tx1"/>
                </a:solidFill>
                <a:latin typeface="Arial" charset="0"/>
                <a:ea typeface="+mn-ea"/>
                <a:cs typeface="+mn-cs"/>
              </a:rPr>
              <a:t>government</a:t>
            </a:r>
            <a:r>
              <a:rPr lang="da-DK" sz="1000" b="0" i="0" u="none" strike="noStrike" kern="1200" normalizeH="0" baseline="0" dirty="0">
                <a:solidFill>
                  <a:schemeClr val="tx1"/>
                </a:solidFill>
                <a:latin typeface="Arial" charset="0"/>
                <a:ea typeface="+mn-ea"/>
                <a:cs typeface="+mn-cs"/>
              </a:rPr>
              <a:t> and public services, </a:t>
            </a:r>
            <a:r>
              <a:rPr lang="da-DK" sz="1000" b="0" i="0" u="none" strike="noStrike" kern="1200" normalizeH="0" baseline="0" dirty="0" err="1">
                <a:solidFill>
                  <a:schemeClr val="tx1"/>
                </a:solidFill>
                <a:latin typeface="Arial" charset="0"/>
                <a:ea typeface="+mn-ea"/>
                <a:cs typeface="+mn-cs"/>
              </a:rPr>
              <a:t>health</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lif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sciences</a:t>
            </a:r>
            <a:r>
              <a:rPr lang="da-DK" sz="1000" b="0" i="0" u="none" strike="noStrike" kern="1200" normalizeH="0" baseline="0" dirty="0">
                <a:solidFill>
                  <a:schemeClr val="tx1"/>
                </a:solidFill>
                <a:latin typeface="Arial" charset="0"/>
                <a:ea typeface="+mn-ea"/>
                <a:cs typeface="+mn-cs"/>
              </a:rPr>
              <a:t>, and transport. </a:t>
            </a:r>
            <a:endParaRPr lang="da-DK" dirty="0"/>
          </a:p>
          <a:p>
            <a:pPr algn="l" rtl="0"/>
            <a:r>
              <a:rPr lang="da-DK" sz="1000" b="0" i="0" u="none" strike="noStrike" kern="1200" normalizeH="0" baseline="0" dirty="0" err="1">
                <a:solidFill>
                  <a:schemeClr val="tx1"/>
                </a:solidFill>
                <a:latin typeface="Arial" charset="0"/>
                <a:ea typeface="+mn-ea"/>
                <a:cs typeface="+mn-cs"/>
              </a:rPr>
              <a:t>Our</a:t>
            </a:r>
            <a:r>
              <a:rPr lang="da-DK" sz="1000" b="0" i="0" u="none" strike="noStrike" kern="1200" normalizeH="0" baseline="0" dirty="0">
                <a:solidFill>
                  <a:schemeClr val="tx1"/>
                </a:solidFill>
                <a:latin typeface="Arial" charset="0"/>
                <a:ea typeface="+mn-ea"/>
                <a:cs typeface="+mn-cs"/>
              </a:rPr>
              <a:t> teams </a:t>
            </a:r>
            <a:r>
              <a:rPr lang="da-DK" sz="1000" b="0" i="0" u="none" strike="noStrike" kern="1200" normalizeH="0" baseline="0" dirty="0" err="1">
                <a:solidFill>
                  <a:schemeClr val="tx1"/>
                </a:solidFill>
                <a:latin typeface="Arial" charset="0"/>
                <a:ea typeface="+mn-ea"/>
                <a:cs typeface="+mn-cs"/>
              </a:rPr>
              <a:t>operat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globally</a:t>
            </a:r>
            <a:r>
              <a:rPr lang="da-DK" sz="1000" b="0" i="0" u="none" strike="noStrike" kern="1200" normalizeH="0" baseline="0" dirty="0">
                <a:solidFill>
                  <a:schemeClr val="tx1"/>
                </a:solidFill>
                <a:latin typeface="Arial" charset="0"/>
                <a:ea typeface="+mn-ea"/>
                <a:cs typeface="+mn-cs"/>
              </a:rPr>
              <a:t> from </a:t>
            </a:r>
            <a:r>
              <a:rPr lang="da-DK" sz="1000" b="0" i="0" u="none" strike="noStrike" kern="1200" normalizeH="0" baseline="0" dirty="0" err="1">
                <a:solidFill>
                  <a:schemeClr val="tx1"/>
                </a:solidFill>
                <a:latin typeface="Arial" charset="0"/>
                <a:ea typeface="+mn-ea"/>
                <a:cs typeface="+mn-cs"/>
              </a:rPr>
              <a:t>office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across</a:t>
            </a:r>
            <a:r>
              <a:rPr lang="da-DK" sz="1000" b="0" i="0" u="none" strike="noStrike" kern="1200" normalizeH="0" baseline="0" dirty="0">
                <a:solidFill>
                  <a:schemeClr val="tx1"/>
                </a:solidFill>
                <a:latin typeface="Arial" charset="0"/>
                <a:ea typeface="+mn-ea"/>
                <a:cs typeface="+mn-cs"/>
              </a:rPr>
              <a:t> the UK, Ireland, US, Nordics, and </a:t>
            </a:r>
            <a:r>
              <a:rPr lang="da-DK" sz="1000" b="0" i="0" u="none" strike="noStrike" kern="1200" normalizeH="0" baseline="0" dirty="0" err="1">
                <a:solidFill>
                  <a:schemeClr val="tx1"/>
                </a:solidFill>
                <a:latin typeface="Arial" charset="0"/>
                <a:ea typeface="+mn-ea"/>
                <a:cs typeface="+mn-cs"/>
              </a:rPr>
              <a:t>Netherlands</a:t>
            </a:r>
            <a:r>
              <a:rPr lang="da-DK" sz="1000" b="0" i="0" u="none" strike="noStrike" kern="1200" normalizeH="0" baseline="0" dirty="0">
                <a:solidFill>
                  <a:schemeClr val="tx1"/>
                </a:solidFill>
                <a:latin typeface="Arial" charset="0"/>
                <a:ea typeface="+mn-ea"/>
                <a:cs typeface="+mn-cs"/>
              </a:rPr>
              <a:t>. </a:t>
            </a:r>
            <a:endParaRPr lang="da-DK" dirty="0"/>
          </a:p>
          <a:p>
            <a:pPr algn="l" rtl="0"/>
            <a:r>
              <a:rPr kumimoji="0" lang="da-DK" sz="1000" b="1" i="0" u="none" strike="noStrike" kern="1200" cap="none" spc="0" normalizeH="0" baseline="0" noProof="0" dirty="0">
                <a:ln>
                  <a:noFill/>
                </a:ln>
                <a:solidFill>
                  <a:schemeClr val="tx1"/>
                </a:solidFill>
                <a:effectLst/>
                <a:uLnTx/>
                <a:uFillTx/>
                <a:latin typeface="Arial" charset="0"/>
                <a:ea typeface="+mn-ea"/>
                <a:cs typeface="+mn-cs"/>
              </a:rPr>
              <a:t>PA. </a:t>
            </a:r>
            <a:r>
              <a:rPr kumimoji="0" lang="da-DK" sz="1000" b="1" i="0" u="none" strike="noStrike" kern="1200" cap="none" spc="0" normalizeH="0" baseline="0" noProof="0" dirty="0" err="1">
                <a:ln>
                  <a:noFill/>
                </a:ln>
                <a:solidFill>
                  <a:schemeClr val="tx1"/>
                </a:solidFill>
                <a:effectLst/>
                <a:uLnTx/>
                <a:uFillTx/>
                <a:latin typeface="Arial" charset="0"/>
                <a:ea typeface="+mn-ea"/>
                <a:cs typeface="+mn-cs"/>
              </a:rPr>
              <a:t>Bringing</a:t>
            </a:r>
            <a:r>
              <a:rPr kumimoji="0" lang="da-DK" sz="1000" b="1" i="0" u="none" strike="noStrike" kern="1200" cap="none" spc="0" normalizeH="0" baseline="0" noProof="0" dirty="0">
                <a:ln>
                  <a:noFill/>
                </a:ln>
                <a:solidFill>
                  <a:schemeClr val="tx1"/>
                </a:solidFill>
                <a:effectLst/>
                <a:uLnTx/>
                <a:uFillTx/>
                <a:latin typeface="Arial" charset="0"/>
                <a:ea typeface="+mn-ea"/>
                <a:cs typeface="+mn-cs"/>
              </a:rPr>
              <a:t> </a:t>
            </a:r>
            <a:r>
              <a:rPr kumimoji="0" lang="da-DK" sz="1000" b="1" i="0" u="none" strike="noStrike" kern="1200" cap="none" spc="0" normalizeH="0" baseline="0" noProof="0" dirty="0" err="1">
                <a:ln>
                  <a:noFill/>
                </a:ln>
                <a:solidFill>
                  <a:schemeClr val="tx1"/>
                </a:solidFill>
                <a:effectLst/>
                <a:uLnTx/>
                <a:uFillTx/>
                <a:latin typeface="Arial" charset="0"/>
                <a:ea typeface="+mn-ea"/>
                <a:cs typeface="+mn-cs"/>
              </a:rPr>
              <a:t>Ingenuity</a:t>
            </a:r>
            <a:r>
              <a:rPr kumimoji="0" lang="da-DK" sz="1000" b="1" i="0" u="none" strike="noStrike" kern="1200" cap="none" spc="0" normalizeH="0" baseline="0" noProof="0" dirty="0">
                <a:ln>
                  <a:noFill/>
                </a:ln>
                <a:solidFill>
                  <a:schemeClr val="tx1"/>
                </a:solidFill>
                <a:effectLst/>
                <a:uLnTx/>
                <a:uFillTx/>
                <a:latin typeface="Arial" charset="0"/>
                <a:ea typeface="+mn-ea"/>
                <a:cs typeface="+mn-cs"/>
              </a:rPr>
              <a:t> to Life.</a:t>
            </a:r>
            <a:endParaRPr lang="da-DK" dirty="0"/>
          </a:p>
        </p:txBody>
      </p:sp>
      <p:sp>
        <p:nvSpPr>
          <p:cNvPr id="20" name="Rectangle 19">
            <a:extLst>
              <a:ext uri="{FF2B5EF4-FFF2-40B4-BE49-F238E27FC236}">
                <a16:creationId xmlns:a16="http://schemas.microsoft.com/office/drawing/2014/main" id="{EB3F913C-45D3-4E14-B83F-587DFD213D06}"/>
              </a:ext>
            </a:extLst>
          </p:cNvPr>
          <p:cNvSpPr/>
          <p:nvPr userDrawn="1"/>
        </p:nvSpPr>
        <p:spPr>
          <a:xfrm>
            <a:off x="552450" y="6011962"/>
            <a:ext cx="4249561" cy="153888"/>
          </a:xfrm>
          <a:prstGeom prst="rect">
            <a:avLst/>
          </a:prstGeom>
        </p:spPr>
        <p:txBody>
          <a:bodyPr wrap="none" lIns="0" tIns="0" rIns="0" bIns="0">
            <a:spAutoFit/>
          </a:bodyPr>
          <a:lstStyle/>
          <a:p>
            <a:pPr fontAlgn="base"/>
            <a:r>
              <a:rPr lang="da-DK" sz="1000" u="none" dirty="0" err="1">
                <a:solidFill>
                  <a:srgbClr val="000000"/>
                </a:solidFill>
                <a:effectLst/>
                <a:latin typeface="+mn-lt"/>
                <a:ea typeface="Calibri" panose="020F0502020204030204" pitchFamily="34" charset="0"/>
              </a:rPr>
              <a:t>Discover</a:t>
            </a:r>
            <a:r>
              <a:rPr lang="da-DK" sz="1000" u="none" dirty="0">
                <a:solidFill>
                  <a:srgbClr val="000000"/>
                </a:solidFill>
                <a:effectLst/>
                <a:latin typeface="+mn-lt"/>
                <a:ea typeface="Calibri" panose="020F0502020204030204" pitchFamily="34" charset="0"/>
              </a:rPr>
              <a:t> more at </a:t>
            </a:r>
            <a:r>
              <a:rPr lang="da-DK" sz="1000" u="sng" dirty="0">
                <a:solidFill>
                  <a:srgbClr val="0563C1"/>
                </a:solidFill>
                <a:effectLst/>
                <a:latin typeface="+mn-lt"/>
                <a:ea typeface="Calibri" panose="020F0502020204030204" pitchFamily="34" charset="0"/>
                <a:hlinkClick r:id="rId5">
                  <a:extLst>
                    <a:ext uri="{A12FA001-AC4F-418D-AE19-62706E023703}">
                      <ahyp:hlinkClr xmlns:ahyp="http://schemas.microsoft.com/office/drawing/2018/hyperlinkcolor" val="tx"/>
                    </a:ext>
                  </a:extLst>
                </a:hlinkClick>
              </a:rPr>
              <a:t>paconsulting.com</a:t>
            </a:r>
            <a:r>
              <a:rPr lang="da-DK" sz="1000" dirty="0">
                <a:solidFill>
                  <a:srgbClr val="000000"/>
                </a:solidFill>
                <a:effectLst/>
                <a:latin typeface="+mn-lt"/>
                <a:ea typeface="Calibri" panose="020F0502020204030204" pitchFamily="34" charset="0"/>
              </a:rPr>
              <a:t> and </a:t>
            </a:r>
            <a:r>
              <a:rPr lang="da-DK" sz="1000" dirty="0" err="1">
                <a:solidFill>
                  <a:srgbClr val="000000"/>
                </a:solidFill>
                <a:effectLst/>
                <a:latin typeface="+mn-lt"/>
                <a:ea typeface="Calibri" panose="020F0502020204030204" pitchFamily="34" charset="0"/>
              </a:rPr>
              <a:t>connect</a:t>
            </a:r>
            <a:r>
              <a:rPr lang="da-DK" sz="1000" dirty="0">
                <a:solidFill>
                  <a:srgbClr val="000000"/>
                </a:solidFill>
                <a:effectLst/>
                <a:latin typeface="+mn-lt"/>
                <a:ea typeface="Calibri" panose="020F0502020204030204" pitchFamily="34" charset="0"/>
              </a:rPr>
              <a:t> with PA on </a:t>
            </a:r>
            <a:r>
              <a:rPr lang="da-DK" sz="1000" u="sng" dirty="0">
                <a:solidFill>
                  <a:srgbClr val="0563C1"/>
                </a:solidFill>
                <a:effectLst/>
                <a:latin typeface="+mn-lt"/>
                <a:ea typeface="Calibri" panose="020F0502020204030204" pitchFamily="34" charset="0"/>
                <a:hlinkClick r:id="rId6">
                  <a:extLst>
                    <a:ext uri="{A12FA001-AC4F-418D-AE19-62706E023703}">
                      <ahyp:hlinkClr xmlns:ahyp="http://schemas.microsoft.com/office/drawing/2018/hyperlinkcolor" val="tx"/>
                    </a:ext>
                  </a:extLst>
                </a:hlinkClick>
              </a:rPr>
              <a:t>LinkedIn</a:t>
            </a:r>
            <a:r>
              <a:rPr lang="da-DK" sz="1000" u="sng" dirty="0">
                <a:solidFill>
                  <a:srgbClr val="0563C1"/>
                </a:solidFill>
                <a:effectLst/>
                <a:latin typeface="+mn-lt"/>
                <a:ea typeface="Calibri" panose="020F0502020204030204" pitchFamily="34" charset="0"/>
              </a:rPr>
              <a:t> </a:t>
            </a:r>
            <a:r>
              <a:rPr lang="da-DK" sz="1000" dirty="0">
                <a:solidFill>
                  <a:srgbClr val="000000"/>
                </a:solidFill>
                <a:effectLst/>
                <a:latin typeface="+mn-lt"/>
                <a:ea typeface="Calibri" panose="020F0502020204030204" pitchFamily="34" charset="0"/>
              </a:rPr>
              <a:t>and </a:t>
            </a:r>
            <a:r>
              <a:rPr lang="da-DK" sz="1000" u="sng" dirty="0">
                <a:solidFill>
                  <a:srgbClr val="0563C1"/>
                </a:solidFill>
                <a:effectLst/>
                <a:latin typeface="+mn-lt"/>
                <a:ea typeface="Calibri" panose="020F0502020204030204" pitchFamily="34" charset="0"/>
                <a:hlinkClick r:id="rId7">
                  <a:extLst>
                    <a:ext uri="{A12FA001-AC4F-418D-AE19-62706E023703}">
                      <ahyp:hlinkClr xmlns:ahyp="http://schemas.microsoft.com/office/drawing/2018/hyperlinkcolor" val="tx"/>
                    </a:ext>
                  </a:extLst>
                </a:hlinkClick>
              </a:rPr>
              <a:t>X</a:t>
            </a:r>
            <a:endParaRPr lang="da-DK" sz="1000" dirty="0">
              <a:solidFill>
                <a:srgbClr val="0563C1"/>
              </a:solidFill>
              <a:effectLst/>
              <a:latin typeface="+mn-lt"/>
              <a:ea typeface="Calibri" panose="020F0502020204030204" pitchFamily="34" charset="0"/>
            </a:endParaRPr>
          </a:p>
        </p:txBody>
      </p:sp>
      <p:cxnSp>
        <p:nvCxnSpPr>
          <p:cNvPr id="21" name="Straight Connector 20">
            <a:extLst>
              <a:ext uri="{FF2B5EF4-FFF2-40B4-BE49-F238E27FC236}">
                <a16:creationId xmlns:a16="http://schemas.microsoft.com/office/drawing/2014/main" id="{EB31A90E-52D8-4B71-8D75-C40ACD13D4FE}"/>
              </a:ext>
            </a:extLst>
          </p:cNvPr>
          <p:cNvCxnSpPr>
            <a:cxnSpLocks/>
          </p:cNvCxnSpPr>
          <p:nvPr userDrawn="1"/>
        </p:nvCxnSpPr>
        <p:spPr>
          <a:xfrm>
            <a:off x="552450" y="5845581"/>
            <a:ext cx="5619318" cy="0"/>
          </a:xfrm>
          <a:prstGeom prst="line">
            <a:avLst/>
          </a:prstGeom>
          <a:ln>
            <a:solidFill>
              <a:schemeClr val="accent4"/>
            </a:solidFill>
          </a:ln>
        </p:spPr>
        <p:style>
          <a:lnRef idx="1">
            <a:schemeClr val="accent1"/>
          </a:lnRef>
          <a:fillRef idx="0">
            <a:schemeClr val="accent1"/>
          </a:fillRef>
          <a:effectRef idx="0">
            <a:schemeClr val="accent1"/>
          </a:effectRef>
          <a:fontRef idx="minor">
            <a:schemeClr val="tx1"/>
          </a:fontRef>
        </p:style>
      </p:cxnSp>
      <p:sp>
        <p:nvSpPr>
          <p:cNvPr id="2" name="Address" descr="{&quot;templafy&quot;:{&quot;id&quot;:&quot;a342c253-05fa-429e-b450-f65e69f38240&quot;}}">
            <a:extLst>
              <a:ext uri="{FF2B5EF4-FFF2-40B4-BE49-F238E27FC236}">
                <a16:creationId xmlns:a16="http://schemas.microsoft.com/office/drawing/2014/main" id="{8901F19C-00DF-080E-BE3B-A06051CA14B8}"/>
              </a:ext>
            </a:extLst>
          </p:cNvPr>
          <p:cNvSpPr/>
          <p:nvPr userDrawn="1"/>
        </p:nvSpPr>
        <p:spPr>
          <a:xfrm>
            <a:off x="8829604" y="1759589"/>
            <a:ext cx="2592000" cy="61555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da-DK" sz="800" b="0" dirty="0">
                <a:solidFill>
                  <a:schemeClr val="bg1"/>
                </a:solidFill>
              </a:rPr>
              <a:t>Portland Towers
Göteborg Plads 1
DK-2150
Nordhavn
+45 39 25 5000</a:t>
            </a:r>
          </a:p>
        </p:txBody>
      </p:sp>
    </p:spTree>
    <p:extLst>
      <p:ext uri="{BB962C8B-B14F-4D97-AF65-F5344CB8AC3E}">
        <p14:creationId xmlns:p14="http://schemas.microsoft.com/office/powerpoint/2010/main" val="277305366"/>
      </p:ext>
    </p:extLst>
  </p:cSld>
  <p:clrMapOvr>
    <a:masterClrMapping/>
  </p:clrMapOvr>
  <p:transition>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OC Slide">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86A2DEF8-1492-4366-9112-AE7D0E10CD94}"/>
              </a:ext>
            </a:extLst>
          </p:cNvPr>
          <p:cNvSpPr>
            <a:spLocks noGrp="1"/>
          </p:cNvSpPr>
          <p:nvPr>
            <p:ph type="title" hasCustomPrompt="1"/>
          </p:nvPr>
        </p:nvSpPr>
        <p:spPr>
          <a:xfrm>
            <a:off x="554355" y="512763"/>
            <a:ext cx="5469890" cy="792465"/>
          </a:xfrm>
        </p:spPr>
        <p:txBody>
          <a:bodyPr/>
          <a:lstStyle>
            <a:lvl1pPr>
              <a:defRPr/>
            </a:lvl1pPr>
          </a:lstStyle>
          <a:p>
            <a:r>
              <a:rPr lang="da-DK"/>
              <a:t>Contents</a:t>
            </a:r>
          </a:p>
        </p:txBody>
      </p:sp>
      <p:cxnSp>
        <p:nvCxnSpPr>
          <p:cNvPr id="6" name="Straight Connector 5">
            <a:extLst>
              <a:ext uri="{FF2B5EF4-FFF2-40B4-BE49-F238E27FC236}">
                <a16:creationId xmlns:a16="http://schemas.microsoft.com/office/drawing/2014/main" id="{B912F9E5-5382-4E55-BAA9-D274B2F3603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95613812"/>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C Slide B">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86A2DEF8-1492-4366-9112-AE7D0E10CD94}"/>
              </a:ext>
            </a:extLst>
          </p:cNvPr>
          <p:cNvSpPr>
            <a:spLocks noGrp="1"/>
          </p:cNvSpPr>
          <p:nvPr>
            <p:ph type="title" hasCustomPrompt="1"/>
          </p:nvPr>
        </p:nvSpPr>
        <p:spPr>
          <a:xfrm>
            <a:off x="554355" y="512763"/>
            <a:ext cx="5469890" cy="792465"/>
          </a:xfrm>
        </p:spPr>
        <p:txBody>
          <a:bodyPr/>
          <a:lstStyle>
            <a:lvl1pPr>
              <a:defRPr/>
            </a:lvl1pPr>
          </a:lstStyle>
          <a:p>
            <a:r>
              <a:rPr lang="da-DK" dirty="0"/>
              <a:t>Contents</a:t>
            </a:r>
          </a:p>
        </p:txBody>
      </p:sp>
      <p:cxnSp>
        <p:nvCxnSpPr>
          <p:cNvPr id="6" name="Straight Connector 5">
            <a:extLst>
              <a:ext uri="{FF2B5EF4-FFF2-40B4-BE49-F238E27FC236}">
                <a16:creationId xmlns:a16="http://schemas.microsoft.com/office/drawing/2014/main" id="{B912F9E5-5382-4E55-BAA9-D274B2F3603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4" name="Picture Placeholder 3">
            <a:extLst>
              <a:ext uri="{FF2B5EF4-FFF2-40B4-BE49-F238E27FC236}">
                <a16:creationId xmlns:a16="http://schemas.microsoft.com/office/drawing/2014/main" id="{4D56E0F0-0940-44DB-A9DE-1C99EB033B1E}"/>
              </a:ext>
            </a:extLst>
          </p:cNvPr>
          <p:cNvSpPr>
            <a:spLocks noGrp="1"/>
          </p:cNvSpPr>
          <p:nvPr>
            <p:ph type="pic" sz="quarter" idx="24"/>
          </p:nvPr>
        </p:nvSpPr>
        <p:spPr>
          <a:xfrm>
            <a:off x="8042277" y="0"/>
            <a:ext cx="4152897" cy="6859588"/>
          </a:xfrm>
          <a:custGeom>
            <a:avLst/>
            <a:gdLst>
              <a:gd name="connsiteX0" fmla="*/ 103786 w 4152897"/>
              <a:gd name="connsiteY0" fmla="*/ 0 h 6859588"/>
              <a:gd name="connsiteX1" fmla="*/ 4152897 w 4152897"/>
              <a:gd name="connsiteY1" fmla="*/ 0 h 6859588"/>
              <a:gd name="connsiteX2" fmla="*/ 4152897 w 4152897"/>
              <a:gd name="connsiteY2" fmla="*/ 6859588 h 6859588"/>
              <a:gd name="connsiteX3" fmla="*/ 103786 w 4152897"/>
              <a:gd name="connsiteY3" fmla="*/ 6859588 h 6859588"/>
              <a:gd name="connsiteX4" fmla="*/ 0 w 4152897"/>
              <a:gd name="connsiteY4" fmla="*/ 6755802 h 6859588"/>
              <a:gd name="connsiteX5" fmla="*/ 0 w 4152897"/>
              <a:gd name="connsiteY5" fmla="*/ 103786 h 6859588"/>
              <a:gd name="connsiteX6" fmla="*/ 103786 w 415289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152897" h="6859588">
                <a:moveTo>
                  <a:pt x="103786" y="0"/>
                </a:moveTo>
                <a:lnTo>
                  <a:pt x="4152897" y="0"/>
                </a:lnTo>
                <a:lnTo>
                  <a:pt x="415289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3419460365"/>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Quote - Large Image 1">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2CF645C-E224-46A4-A63E-73E0CCF51C5E}"/>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flipH="1">
            <a:off x="-1" y="0"/>
            <a:ext cx="12195175" cy="6859786"/>
          </a:xfrm>
          <a:prstGeom prst="rect">
            <a:avLst/>
          </a:prstGeom>
        </p:spPr>
      </p:pic>
      <p:sp>
        <p:nvSpPr>
          <p:cNvPr id="21" name="Text Placeholder 2">
            <a:extLst>
              <a:ext uri="{FF2B5EF4-FFF2-40B4-BE49-F238E27FC236}">
                <a16:creationId xmlns:a16="http://schemas.microsoft.com/office/drawing/2014/main" id="{5592E049-09F0-4A02-954E-2DE6D31D169A}"/>
              </a:ext>
            </a:extLst>
          </p:cNvPr>
          <p:cNvSpPr>
            <a:spLocks noGrp="1"/>
          </p:cNvSpPr>
          <p:nvPr>
            <p:ph type="body" sz="quarter" idx="21"/>
          </p:nvPr>
        </p:nvSpPr>
        <p:spPr>
          <a:xfrm>
            <a:off x="552450" y="2680569"/>
            <a:ext cx="3749675" cy="2799083"/>
          </a:xfrm>
        </p:spPr>
        <p:txBody>
          <a:bodyPr tIns="0" rIns="0" bIns="0" anchor="b"/>
          <a:lstStyle>
            <a:lvl1pPr marL="0" indent="0" algn="l">
              <a:spcAft>
                <a:spcPts val="0"/>
              </a:spcAft>
              <a:defRPr>
                <a:solidFill>
                  <a:schemeClr val="bg1"/>
                </a:solidFill>
              </a:defRPr>
            </a:lvl1pPr>
            <a:lvl2pPr algn="l">
              <a:spcAft>
                <a:spcPts val="0"/>
              </a:spcAft>
              <a:defRPr>
                <a:solidFill>
                  <a:schemeClr val="bg1"/>
                </a:solidFill>
              </a:defRPr>
            </a:lvl2pPr>
            <a:lvl3pPr algn="l">
              <a:spcAft>
                <a:spcPts val="0"/>
              </a:spcAft>
              <a:defRPr>
                <a:solidFill>
                  <a:schemeClr val="bg1"/>
                </a:solidFill>
              </a:defRPr>
            </a:lvl3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p:txBody>
      </p:sp>
      <p:sp>
        <p:nvSpPr>
          <p:cNvPr id="28" name="Text Placeholder 55">
            <a:extLst>
              <a:ext uri="{FF2B5EF4-FFF2-40B4-BE49-F238E27FC236}">
                <a16:creationId xmlns:a16="http://schemas.microsoft.com/office/drawing/2014/main" id="{5E3817F9-0257-4167-BCFB-AD122192FF9B}"/>
              </a:ext>
            </a:extLst>
          </p:cNvPr>
          <p:cNvSpPr>
            <a:spLocks noGrp="1"/>
          </p:cNvSpPr>
          <p:nvPr>
            <p:ph type="body" sz="quarter" idx="19" hasCustomPrompt="1"/>
          </p:nvPr>
        </p:nvSpPr>
        <p:spPr>
          <a:xfrm>
            <a:off x="552450" y="5783703"/>
            <a:ext cx="3749675" cy="382147"/>
          </a:xfrm>
        </p:spPr>
        <p:txBody>
          <a:bodyPr lIns="0" rIns="0" anchor="ctr">
            <a:normAutofit/>
          </a:bodyPr>
          <a:lstStyle>
            <a:lvl1pPr algn="l">
              <a:lnSpc>
                <a:spcPct val="100000"/>
              </a:lnSpc>
              <a:spcAft>
                <a:spcPts val="0"/>
              </a:spcAft>
              <a:defRPr sz="1200" b="1" cap="none" baseline="0">
                <a:solidFill>
                  <a:schemeClr val="bg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da-DK" dirty="0" err="1"/>
              <a:t>Click</a:t>
            </a:r>
            <a:r>
              <a:rPr lang="da-DK" dirty="0"/>
              <a:t> to </a:t>
            </a:r>
            <a:r>
              <a:rPr lang="da-DK" dirty="0" err="1"/>
              <a:t>edit</a:t>
            </a:r>
            <a:r>
              <a:rPr lang="da-DK" dirty="0"/>
              <a:t> </a:t>
            </a:r>
            <a:r>
              <a:rPr lang="da-DK" dirty="0" err="1"/>
              <a:t>text</a:t>
            </a:r>
            <a:endParaRPr lang="da-DK" dirty="0"/>
          </a:p>
        </p:txBody>
      </p:sp>
      <p:pic>
        <p:nvPicPr>
          <p:cNvPr id="10" name="Graphic 9">
            <a:extLst>
              <a:ext uri="{FF2B5EF4-FFF2-40B4-BE49-F238E27FC236}">
                <a16:creationId xmlns:a16="http://schemas.microsoft.com/office/drawing/2014/main" id="{6EFAF493-0227-46EB-828B-1090860DE109}"/>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9" name="plcSlideNumber">
            <a:extLst>
              <a:ext uri="{FF2B5EF4-FFF2-40B4-BE49-F238E27FC236}">
                <a16:creationId xmlns:a16="http://schemas.microsoft.com/office/drawing/2014/main" id="{020595E3-E86C-4621-9760-24D10EE97DD5}"/>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bg1"/>
                </a:solidFill>
              </a:rPr>
              <a:pPr algn="ctr"/>
              <a:t>‹#›</a:t>
            </a:fld>
            <a:endParaRPr lang="da-DK" sz="800" dirty="0">
              <a:solidFill>
                <a:schemeClr val="bg1"/>
              </a:solidFill>
            </a:endParaRPr>
          </a:p>
        </p:txBody>
      </p:sp>
      <p:sp>
        <p:nvSpPr>
          <p:cNvPr id="11" name="txtFooter">
            <a:extLst>
              <a:ext uri="{FF2B5EF4-FFF2-40B4-BE49-F238E27FC236}">
                <a16:creationId xmlns:a16="http://schemas.microsoft.com/office/drawing/2014/main" id="{8EF16F5E-BBAF-4051-8163-CC854CC891F2}"/>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bg1"/>
                </a:solidFill>
              </a:rPr>
              <a:t>© PA Knowledge Limited  |     </a:t>
            </a:r>
            <a:endParaRPr lang="da-DK" dirty="0"/>
          </a:p>
        </p:txBody>
      </p:sp>
      <p:sp>
        <p:nvSpPr>
          <p:cNvPr id="12" name="Rectangle 11" descr="{&quot;templafy&quot;:{&quot;id&quot;:&quot;5312ccd1-8416-4684-b9f0-d6e349f3d2f7&quot;}}">
            <a:extLst>
              <a:ext uri="{FF2B5EF4-FFF2-40B4-BE49-F238E27FC236}">
                <a16:creationId xmlns:a16="http://schemas.microsoft.com/office/drawing/2014/main" id="{FD9CFC47-A7DE-4052-85A4-195DFC7ED710}"/>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chemeClr val="bg1"/>
              </a:solidFill>
            </a:endParaRPr>
          </a:p>
        </p:txBody>
      </p:sp>
    </p:spTree>
    <p:extLst>
      <p:ext uri="{BB962C8B-B14F-4D97-AF65-F5344CB8AC3E}">
        <p14:creationId xmlns:p14="http://schemas.microsoft.com/office/powerpoint/2010/main" val="317380234"/>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Quote - Large Image 2">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6B7FF157-8C02-42D2-9D40-6DB3CDC28CF8}"/>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352" y="0"/>
            <a:ext cx="12194823" cy="6859588"/>
          </a:xfrm>
          <a:prstGeom prst="rect">
            <a:avLst/>
          </a:prstGeom>
        </p:spPr>
      </p:pic>
      <p:sp>
        <p:nvSpPr>
          <p:cNvPr id="23" name="Text Placeholder 55">
            <a:extLst>
              <a:ext uri="{FF2B5EF4-FFF2-40B4-BE49-F238E27FC236}">
                <a16:creationId xmlns:a16="http://schemas.microsoft.com/office/drawing/2014/main" id="{7F248BB4-B6EA-40E2-AE11-23AFB181FE51}"/>
              </a:ext>
            </a:extLst>
          </p:cNvPr>
          <p:cNvSpPr>
            <a:spLocks noGrp="1"/>
          </p:cNvSpPr>
          <p:nvPr>
            <p:ph type="body" sz="quarter" idx="19" hasCustomPrompt="1"/>
          </p:nvPr>
        </p:nvSpPr>
        <p:spPr>
          <a:xfrm>
            <a:off x="552450" y="5767481"/>
            <a:ext cx="3749675" cy="382147"/>
          </a:xfrm>
        </p:spPr>
        <p:txBody>
          <a:bodyPr lIns="0" rIns="0" anchor="ctr">
            <a:normAutofit/>
          </a:bodyPr>
          <a:lstStyle>
            <a:lvl1pPr algn="l">
              <a:lnSpc>
                <a:spcPct val="100000"/>
              </a:lnSpc>
              <a:spcAft>
                <a:spcPts val="0"/>
              </a:spcAft>
              <a:defRPr sz="1200" b="1" cap="none" baseline="0">
                <a:solidFill>
                  <a:schemeClr val="bg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da-DK" dirty="0" err="1"/>
              <a:t>Click</a:t>
            </a:r>
            <a:r>
              <a:rPr lang="da-DK" dirty="0"/>
              <a:t> to </a:t>
            </a:r>
            <a:r>
              <a:rPr lang="da-DK" dirty="0" err="1"/>
              <a:t>edit</a:t>
            </a:r>
            <a:r>
              <a:rPr lang="da-DK" dirty="0"/>
              <a:t> </a:t>
            </a:r>
            <a:r>
              <a:rPr lang="da-DK" dirty="0" err="1"/>
              <a:t>text</a:t>
            </a:r>
            <a:endParaRPr lang="da-DK" dirty="0"/>
          </a:p>
        </p:txBody>
      </p:sp>
      <p:sp>
        <p:nvSpPr>
          <p:cNvPr id="24" name="Text Placeholder 2">
            <a:extLst>
              <a:ext uri="{FF2B5EF4-FFF2-40B4-BE49-F238E27FC236}">
                <a16:creationId xmlns:a16="http://schemas.microsoft.com/office/drawing/2014/main" id="{DE8EDB23-EE53-419D-A82E-C8C4C02CF053}"/>
              </a:ext>
            </a:extLst>
          </p:cNvPr>
          <p:cNvSpPr>
            <a:spLocks noGrp="1"/>
          </p:cNvSpPr>
          <p:nvPr>
            <p:ph type="body" sz="quarter" idx="21"/>
          </p:nvPr>
        </p:nvSpPr>
        <p:spPr>
          <a:xfrm>
            <a:off x="552450" y="2743200"/>
            <a:ext cx="3749675" cy="2739878"/>
          </a:xfrm>
        </p:spPr>
        <p:txBody>
          <a:bodyPr tIns="0" rIns="0" bIns="0" anchor="b"/>
          <a:lstStyle>
            <a:lvl1pPr marL="0" indent="0" algn="l">
              <a:spcAft>
                <a:spcPts val="0"/>
              </a:spcAft>
              <a:defRPr>
                <a:solidFill>
                  <a:schemeClr val="bg1"/>
                </a:solidFill>
              </a:defRPr>
            </a:lvl1pPr>
            <a:lvl2pPr algn="l">
              <a:spcAft>
                <a:spcPts val="0"/>
              </a:spcAft>
              <a:defRPr>
                <a:solidFill>
                  <a:schemeClr val="bg1"/>
                </a:solidFill>
              </a:defRPr>
            </a:lvl2pPr>
            <a:lvl3pPr algn="l">
              <a:spcAft>
                <a:spcPts val="0"/>
              </a:spcAft>
              <a:defRPr>
                <a:solidFill>
                  <a:schemeClr val="bg1"/>
                </a:solidFill>
              </a:defRPr>
            </a:lvl3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p:txBody>
      </p:sp>
      <p:pic>
        <p:nvPicPr>
          <p:cNvPr id="9" name="Graphic 8">
            <a:extLst>
              <a:ext uri="{FF2B5EF4-FFF2-40B4-BE49-F238E27FC236}">
                <a16:creationId xmlns:a16="http://schemas.microsoft.com/office/drawing/2014/main" id="{4B423117-1635-4D38-8B9C-DB61C078C622}"/>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DE4B54FF-136E-4E19-A121-C485059C6DD1}"/>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bg1"/>
                </a:solidFill>
              </a:rPr>
              <a:pPr algn="ctr"/>
              <a:t>‹#›</a:t>
            </a:fld>
            <a:endParaRPr lang="da-DK" sz="800" dirty="0">
              <a:solidFill>
                <a:schemeClr val="bg1"/>
              </a:solidFill>
            </a:endParaRPr>
          </a:p>
        </p:txBody>
      </p:sp>
      <p:sp>
        <p:nvSpPr>
          <p:cNvPr id="11" name="txtFooter">
            <a:extLst>
              <a:ext uri="{FF2B5EF4-FFF2-40B4-BE49-F238E27FC236}">
                <a16:creationId xmlns:a16="http://schemas.microsoft.com/office/drawing/2014/main" id="{C41CC7B7-D9D8-4267-B230-B664784DB0DA}"/>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bg1"/>
                </a:solidFill>
              </a:rPr>
              <a:t>© PA Knowledge Limited  |     </a:t>
            </a:r>
            <a:endParaRPr lang="da-DK" dirty="0"/>
          </a:p>
        </p:txBody>
      </p:sp>
      <p:sp>
        <p:nvSpPr>
          <p:cNvPr id="12" name="Rectangle 11" descr="{&quot;templafy&quot;:{&quot;id&quot;:&quot;137052e9-e3dd-4213-b36e-5b4c4b527c5c&quot;}}">
            <a:extLst>
              <a:ext uri="{FF2B5EF4-FFF2-40B4-BE49-F238E27FC236}">
                <a16:creationId xmlns:a16="http://schemas.microsoft.com/office/drawing/2014/main" id="{F3D323A7-E77D-4AA0-B4B7-2C78C9599641}"/>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chemeClr val="bg1"/>
              </a:solidFill>
            </a:endParaRPr>
          </a:p>
        </p:txBody>
      </p:sp>
    </p:spTree>
    <p:extLst>
      <p:ext uri="{BB962C8B-B14F-4D97-AF65-F5344CB8AC3E}">
        <p14:creationId xmlns:p14="http://schemas.microsoft.com/office/powerpoint/2010/main" val="3569314465"/>
      </p:ext>
    </p:extLst>
  </p:cSld>
  <p:clrMapOvr>
    <a:masterClrMapping/>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Quote - Large Image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FBB8C12A-7A9B-4B3E-BF98-3C61A1623096}"/>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352" y="0"/>
            <a:ext cx="12194823" cy="6859588"/>
          </a:xfrm>
          <a:prstGeom prst="rect">
            <a:avLst/>
          </a:prstGeom>
        </p:spPr>
      </p:pic>
      <p:sp>
        <p:nvSpPr>
          <p:cNvPr id="23" name="Text Placeholder 55">
            <a:extLst>
              <a:ext uri="{FF2B5EF4-FFF2-40B4-BE49-F238E27FC236}">
                <a16:creationId xmlns:a16="http://schemas.microsoft.com/office/drawing/2014/main" id="{803AD0AC-8770-47D0-A058-D5070344EE9D}"/>
              </a:ext>
            </a:extLst>
          </p:cNvPr>
          <p:cNvSpPr>
            <a:spLocks noGrp="1"/>
          </p:cNvSpPr>
          <p:nvPr>
            <p:ph type="body" sz="quarter" idx="22" hasCustomPrompt="1"/>
          </p:nvPr>
        </p:nvSpPr>
        <p:spPr>
          <a:xfrm>
            <a:off x="552451" y="5786679"/>
            <a:ext cx="3756437" cy="382147"/>
          </a:xfrm>
        </p:spPr>
        <p:txBody>
          <a:bodyPr lIns="0" rIns="0" anchor="ctr">
            <a:normAutofit/>
          </a:bodyPr>
          <a:lstStyle>
            <a:lvl1pPr algn="l">
              <a:lnSpc>
                <a:spcPct val="100000"/>
              </a:lnSpc>
              <a:spcAft>
                <a:spcPts val="0"/>
              </a:spcAft>
              <a:defRPr sz="1200" b="1" cap="none" baseline="0">
                <a:solidFill>
                  <a:schemeClr val="accent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da-DK" dirty="0" err="1"/>
              <a:t>Click</a:t>
            </a:r>
            <a:r>
              <a:rPr lang="da-DK" dirty="0"/>
              <a:t> to </a:t>
            </a:r>
            <a:r>
              <a:rPr lang="da-DK" dirty="0" err="1"/>
              <a:t>edit</a:t>
            </a:r>
            <a:r>
              <a:rPr lang="da-DK" dirty="0"/>
              <a:t> </a:t>
            </a:r>
            <a:r>
              <a:rPr lang="da-DK" dirty="0" err="1"/>
              <a:t>text</a:t>
            </a:r>
            <a:endParaRPr lang="da-DK" dirty="0"/>
          </a:p>
        </p:txBody>
      </p:sp>
      <p:sp>
        <p:nvSpPr>
          <p:cNvPr id="24" name="Text Placeholder 2">
            <a:extLst>
              <a:ext uri="{FF2B5EF4-FFF2-40B4-BE49-F238E27FC236}">
                <a16:creationId xmlns:a16="http://schemas.microsoft.com/office/drawing/2014/main" id="{87767EBD-1C39-4540-9A42-B0B3997BF428}"/>
              </a:ext>
            </a:extLst>
          </p:cNvPr>
          <p:cNvSpPr>
            <a:spLocks noGrp="1"/>
          </p:cNvSpPr>
          <p:nvPr>
            <p:ph type="body" sz="quarter" idx="23"/>
          </p:nvPr>
        </p:nvSpPr>
        <p:spPr>
          <a:xfrm>
            <a:off x="552450" y="1520826"/>
            <a:ext cx="3756438" cy="3958828"/>
          </a:xfrm>
        </p:spPr>
        <p:txBody>
          <a:bodyPr tIns="0" rIns="0" bIns="0" anchor="b"/>
          <a:lstStyle>
            <a:lvl1pPr marL="0" indent="0" algn="l">
              <a:spcAft>
                <a:spcPts val="0"/>
              </a:spcAft>
              <a:defRPr>
                <a:solidFill>
                  <a:schemeClr val="accent1"/>
                </a:solidFill>
              </a:defRPr>
            </a:lvl1pPr>
            <a:lvl2pPr algn="l">
              <a:spcAft>
                <a:spcPts val="0"/>
              </a:spcAft>
              <a:defRPr>
                <a:solidFill>
                  <a:schemeClr val="accent1"/>
                </a:solidFill>
              </a:defRPr>
            </a:lvl2pPr>
            <a:lvl3pPr algn="l">
              <a:spcAft>
                <a:spcPts val="0"/>
              </a:spcAft>
              <a:defRPr>
                <a:solidFill>
                  <a:schemeClr val="accent1"/>
                </a:solidFill>
              </a:defRPr>
            </a:lvl3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p:txBody>
      </p:sp>
      <p:pic>
        <p:nvPicPr>
          <p:cNvPr id="9" name="Graphic 8">
            <a:extLst>
              <a:ext uri="{FF2B5EF4-FFF2-40B4-BE49-F238E27FC236}">
                <a16:creationId xmlns:a16="http://schemas.microsoft.com/office/drawing/2014/main" id="{B451735B-5DDA-4191-BACE-FC68F8E8184A}"/>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D208EDCA-4415-4A1B-8540-D36CA7ADD8B9}"/>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accent1"/>
                </a:solidFill>
              </a:rPr>
              <a:pPr algn="ctr"/>
              <a:t>‹#›</a:t>
            </a:fld>
            <a:endParaRPr lang="da-DK" sz="800" dirty="0">
              <a:solidFill>
                <a:schemeClr val="accent1"/>
              </a:solidFill>
            </a:endParaRPr>
          </a:p>
        </p:txBody>
      </p:sp>
      <p:sp>
        <p:nvSpPr>
          <p:cNvPr id="11" name="txtFooter">
            <a:extLst>
              <a:ext uri="{FF2B5EF4-FFF2-40B4-BE49-F238E27FC236}">
                <a16:creationId xmlns:a16="http://schemas.microsoft.com/office/drawing/2014/main" id="{6CEF9CDD-CF18-433A-B122-C80DFFCC890E}"/>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1"/>
                </a:solidFill>
              </a:rPr>
              <a:t>© PA Knowledge Limited  |     </a:t>
            </a:r>
            <a:endParaRPr lang="da-DK" dirty="0"/>
          </a:p>
        </p:txBody>
      </p:sp>
      <p:sp>
        <p:nvSpPr>
          <p:cNvPr id="12" name="Rectangle 11" descr="{&quot;templafy&quot;:{&quot;id&quot;:&quot;d902a427-7a12-46e8-88df-a237b255860f&quot;}}">
            <a:extLst>
              <a:ext uri="{FF2B5EF4-FFF2-40B4-BE49-F238E27FC236}">
                <a16:creationId xmlns:a16="http://schemas.microsoft.com/office/drawing/2014/main" id="{DF54FF09-93BA-41CC-AFB4-BDF4C91CA9B1}"/>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chemeClr val="accent1"/>
              </a:solidFill>
            </a:endParaRPr>
          </a:p>
        </p:txBody>
      </p:sp>
    </p:spTree>
    <p:extLst>
      <p:ext uri="{BB962C8B-B14F-4D97-AF65-F5344CB8AC3E}">
        <p14:creationId xmlns:p14="http://schemas.microsoft.com/office/powerpoint/2010/main" val="935781164"/>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Quote - Large Image 4">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F35B3C3-BBD2-448E-92B3-541E3EE6E718}"/>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352" y="0"/>
            <a:ext cx="12194823" cy="6859588"/>
          </a:xfrm>
          <a:prstGeom prst="rect">
            <a:avLst/>
          </a:prstGeom>
        </p:spPr>
      </p:pic>
      <p:sp>
        <p:nvSpPr>
          <p:cNvPr id="22" name="Text Placeholder 55">
            <a:extLst>
              <a:ext uri="{FF2B5EF4-FFF2-40B4-BE49-F238E27FC236}">
                <a16:creationId xmlns:a16="http://schemas.microsoft.com/office/drawing/2014/main" id="{5FAA94E6-4704-4E51-ACB3-3E980D1A746D}"/>
              </a:ext>
            </a:extLst>
          </p:cNvPr>
          <p:cNvSpPr>
            <a:spLocks noGrp="1"/>
          </p:cNvSpPr>
          <p:nvPr>
            <p:ph type="body" sz="quarter" idx="19" hasCustomPrompt="1"/>
          </p:nvPr>
        </p:nvSpPr>
        <p:spPr>
          <a:xfrm>
            <a:off x="560921" y="5783703"/>
            <a:ext cx="3762794" cy="382147"/>
          </a:xfrm>
        </p:spPr>
        <p:txBody>
          <a:bodyPr lIns="0" rIns="0" anchor="ctr">
            <a:normAutofit/>
          </a:bodyPr>
          <a:lstStyle>
            <a:lvl1pPr algn="l">
              <a:lnSpc>
                <a:spcPct val="100000"/>
              </a:lnSpc>
              <a:spcAft>
                <a:spcPts val="0"/>
              </a:spcAft>
              <a:defRPr sz="1200" b="1" cap="none" baseline="0">
                <a:solidFill>
                  <a:schemeClr val="bg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da-DK" dirty="0" err="1"/>
              <a:t>Click</a:t>
            </a:r>
            <a:r>
              <a:rPr lang="da-DK" dirty="0"/>
              <a:t> to </a:t>
            </a:r>
            <a:r>
              <a:rPr lang="da-DK" dirty="0" err="1"/>
              <a:t>edit</a:t>
            </a:r>
            <a:r>
              <a:rPr lang="da-DK" dirty="0"/>
              <a:t> </a:t>
            </a:r>
            <a:r>
              <a:rPr lang="da-DK" dirty="0" err="1"/>
              <a:t>text</a:t>
            </a:r>
            <a:endParaRPr lang="da-DK" dirty="0"/>
          </a:p>
        </p:txBody>
      </p:sp>
      <p:sp>
        <p:nvSpPr>
          <p:cNvPr id="23" name="Text Placeholder 2">
            <a:extLst>
              <a:ext uri="{FF2B5EF4-FFF2-40B4-BE49-F238E27FC236}">
                <a16:creationId xmlns:a16="http://schemas.microsoft.com/office/drawing/2014/main" id="{DCD9DD10-F9B6-45A4-BD8A-4AA1A8BE1A1D}"/>
              </a:ext>
            </a:extLst>
          </p:cNvPr>
          <p:cNvSpPr>
            <a:spLocks noGrp="1"/>
          </p:cNvSpPr>
          <p:nvPr>
            <p:ph type="body" sz="quarter" idx="21"/>
          </p:nvPr>
        </p:nvSpPr>
        <p:spPr>
          <a:xfrm>
            <a:off x="560921" y="1520825"/>
            <a:ext cx="3762795" cy="3958828"/>
          </a:xfrm>
        </p:spPr>
        <p:txBody>
          <a:bodyPr tIns="0" rIns="0" bIns="0" anchor="b"/>
          <a:lstStyle>
            <a:lvl1pPr marL="0" indent="0" algn="l">
              <a:spcAft>
                <a:spcPts val="0"/>
              </a:spcAft>
              <a:defRPr>
                <a:solidFill>
                  <a:schemeClr val="bg1"/>
                </a:solidFill>
              </a:defRPr>
            </a:lvl1pPr>
            <a:lvl2pPr algn="l">
              <a:spcAft>
                <a:spcPts val="0"/>
              </a:spcAft>
              <a:defRPr>
                <a:solidFill>
                  <a:schemeClr val="bg1"/>
                </a:solidFill>
              </a:defRPr>
            </a:lvl2pPr>
            <a:lvl3pPr algn="l">
              <a:spcAft>
                <a:spcPts val="0"/>
              </a:spcAft>
              <a:defRPr>
                <a:solidFill>
                  <a:schemeClr val="bg1"/>
                </a:solidFill>
              </a:defRPr>
            </a:lvl3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p:txBody>
      </p:sp>
      <p:pic>
        <p:nvPicPr>
          <p:cNvPr id="9" name="Graphic 8">
            <a:extLst>
              <a:ext uri="{FF2B5EF4-FFF2-40B4-BE49-F238E27FC236}">
                <a16:creationId xmlns:a16="http://schemas.microsoft.com/office/drawing/2014/main" id="{7F15297D-CDF8-49C0-8AE1-95303A966674}"/>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26DB7B51-086A-4BE6-AF3D-BFF37C4DB5DC}"/>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bg1"/>
                </a:solidFill>
              </a:rPr>
              <a:pPr algn="ctr"/>
              <a:t>‹#›</a:t>
            </a:fld>
            <a:endParaRPr lang="da-DK" sz="800" dirty="0">
              <a:solidFill>
                <a:schemeClr val="bg1"/>
              </a:solidFill>
            </a:endParaRPr>
          </a:p>
        </p:txBody>
      </p:sp>
      <p:sp>
        <p:nvSpPr>
          <p:cNvPr id="11" name="txtFooter">
            <a:extLst>
              <a:ext uri="{FF2B5EF4-FFF2-40B4-BE49-F238E27FC236}">
                <a16:creationId xmlns:a16="http://schemas.microsoft.com/office/drawing/2014/main" id="{DA06BBC0-A82F-41EB-A6AB-7DE7C3E1F36E}"/>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bg1"/>
                </a:solidFill>
              </a:rPr>
              <a:t>© PA Knowledge Limited  |     </a:t>
            </a:r>
            <a:endParaRPr lang="da-DK" dirty="0"/>
          </a:p>
        </p:txBody>
      </p:sp>
      <p:sp>
        <p:nvSpPr>
          <p:cNvPr id="12" name="Rectangle 11" descr="{&quot;templafy&quot;:{&quot;id&quot;:&quot;4e7e0ce2-53c5-429b-854e-dd23c8ca7104&quot;}}">
            <a:extLst>
              <a:ext uri="{FF2B5EF4-FFF2-40B4-BE49-F238E27FC236}">
                <a16:creationId xmlns:a16="http://schemas.microsoft.com/office/drawing/2014/main" id="{50D0E46F-A3EA-4535-8DC2-340BA31A1F0A}"/>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chemeClr val="bg1"/>
              </a:solidFill>
            </a:endParaRPr>
          </a:p>
        </p:txBody>
      </p:sp>
    </p:spTree>
    <p:extLst>
      <p:ext uri="{BB962C8B-B14F-4D97-AF65-F5344CB8AC3E}">
        <p14:creationId xmlns:p14="http://schemas.microsoft.com/office/powerpoint/2010/main" val="1576751484"/>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le Slide B - Dark">
    <p:bg>
      <p:bgPr>
        <a:solidFill>
          <a:schemeClr val="accent1"/>
        </a:solidFill>
        <a:effectLst/>
      </p:bgPr>
    </p:bg>
    <p:spTree>
      <p:nvGrpSpPr>
        <p:cNvPr id="1" name=""/>
        <p:cNvGrpSpPr/>
        <p:nvPr/>
      </p:nvGrpSpPr>
      <p:grpSpPr>
        <a:xfrm>
          <a:off x="0" y="0"/>
          <a:ext cx="0" cy="0"/>
          <a:chOff x="0" y="0"/>
          <a:chExt cx="0" cy="0"/>
        </a:xfrm>
      </p:grpSpPr>
      <p:sp>
        <p:nvSpPr>
          <p:cNvPr id="10" name="txtSecureMarker1" hidden="1"/>
          <p:cNvSpPr txBox="1"/>
          <p:nvPr userDrawn="1"/>
        </p:nvSpPr>
        <p:spPr>
          <a:xfrm>
            <a:off x="3762235" y="2653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txtSecureMarker2" hidden="1"/>
          <p:cNvSpPr txBox="1"/>
          <p:nvPr userDrawn="1"/>
        </p:nvSpPr>
        <p:spPr>
          <a:xfrm>
            <a:off x="4080241" y="6326065"/>
            <a:ext cx="4034692" cy="466997"/>
          </a:xfrm>
          <a:prstGeom prst="rect">
            <a:avLst/>
          </a:prstGeom>
          <a:noFill/>
        </p:spPr>
        <p:txBody>
          <a:bodyPr wrap="square" lIns="103931" tIns="51965" rIns="103931" bIns="51965" rtlCol="0" anchor="b" anchorCtr="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pic>
        <p:nvPicPr>
          <p:cNvPr id="14" name="Graphic 13">
            <a:extLst>
              <a:ext uri="{FF2B5EF4-FFF2-40B4-BE49-F238E27FC236}">
                <a16:creationId xmlns:a16="http://schemas.microsoft.com/office/drawing/2014/main" id="{2A186C81-374F-4EE6-9233-C724E7C91A8E}"/>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850563" y="700776"/>
            <a:ext cx="792162" cy="699572"/>
          </a:xfrm>
          <a:prstGeom prst="rect">
            <a:avLst/>
          </a:prstGeom>
        </p:spPr>
      </p:pic>
      <p:sp>
        <p:nvSpPr>
          <p:cNvPr id="21" name="Text Placeholder 7">
            <a:extLst>
              <a:ext uri="{FF2B5EF4-FFF2-40B4-BE49-F238E27FC236}">
                <a16:creationId xmlns:a16="http://schemas.microsoft.com/office/drawing/2014/main" id="{4A064FF8-5D5B-4CED-9876-D59D4983B18C}"/>
              </a:ext>
            </a:extLst>
          </p:cNvPr>
          <p:cNvSpPr>
            <a:spLocks noGrp="1"/>
          </p:cNvSpPr>
          <p:nvPr>
            <p:ph type="body" sz="quarter" idx="15" hasCustomPrompt="1"/>
          </p:nvPr>
        </p:nvSpPr>
        <p:spPr>
          <a:xfrm>
            <a:off x="547205" y="696966"/>
            <a:ext cx="5329339"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bg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da-DK" dirty="0" err="1"/>
              <a:t>Click</a:t>
            </a:r>
            <a:r>
              <a:rPr lang="da-DK" dirty="0"/>
              <a:t> to </a:t>
            </a:r>
            <a:r>
              <a:rPr lang="da-DK" dirty="0" err="1"/>
              <a:t>add</a:t>
            </a:r>
            <a:r>
              <a:rPr lang="da-DK" dirty="0"/>
              <a:t> </a:t>
            </a:r>
            <a:r>
              <a:rPr lang="da-DK" dirty="0" err="1"/>
              <a:t>title</a:t>
            </a:r>
            <a:endParaRPr lang="da-DK" dirty="0"/>
          </a:p>
        </p:txBody>
      </p:sp>
      <p:cxnSp>
        <p:nvCxnSpPr>
          <p:cNvPr id="22" name="Straight Connector 21">
            <a:extLst>
              <a:ext uri="{FF2B5EF4-FFF2-40B4-BE49-F238E27FC236}">
                <a16:creationId xmlns:a16="http://schemas.microsoft.com/office/drawing/2014/main" id="{DD6C5442-D800-41C8-AF65-CF6815099E9C}"/>
              </a:ext>
            </a:extLst>
          </p:cNvPr>
          <p:cNvCxnSpPr/>
          <p:nvPr userDrawn="1"/>
        </p:nvCxnSpPr>
        <p:spPr>
          <a:xfrm>
            <a:off x="549109" y="3516910"/>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3" name="Text Placeholder 3">
            <a:extLst>
              <a:ext uri="{FF2B5EF4-FFF2-40B4-BE49-F238E27FC236}">
                <a16:creationId xmlns:a16="http://schemas.microsoft.com/office/drawing/2014/main" id="{FB6A44D4-B386-4943-9D12-7E3E6AC5FB8B}"/>
              </a:ext>
            </a:extLst>
          </p:cNvPr>
          <p:cNvSpPr>
            <a:spLocks noGrp="1"/>
          </p:cNvSpPr>
          <p:nvPr>
            <p:ph type="body" sz="quarter" idx="20"/>
          </p:nvPr>
        </p:nvSpPr>
        <p:spPr>
          <a:xfrm>
            <a:off x="547205" y="3676453"/>
            <a:ext cx="5329339"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a:solidFill>
                  <a:schemeClr val="accent5"/>
                </a:solidFill>
                <a:latin typeface="+mn-lt"/>
                <a:ea typeface="+mn-ea"/>
                <a:cs typeface="+mn-cs"/>
              </a:defRPr>
            </a:lvl1pPr>
            <a:lvl2pPr>
              <a:defRPr b="0">
                <a:solidFill>
                  <a:schemeClr val="bg1"/>
                </a:solidFill>
              </a:defRPr>
            </a:lvl2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pic>
        <p:nvPicPr>
          <p:cNvPr id="15" name="Picture 14">
            <a:extLst>
              <a:ext uri="{FF2B5EF4-FFF2-40B4-BE49-F238E27FC236}">
                <a16:creationId xmlns:a16="http://schemas.microsoft.com/office/drawing/2014/main" id="{E798CB9B-D9D0-4EF8-931B-D05C3513C8A1}"/>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555321" y="5811850"/>
            <a:ext cx="2045333" cy="354000"/>
          </a:xfrm>
          <a:prstGeom prst="rect">
            <a:avLst/>
          </a:prstGeom>
        </p:spPr>
      </p:pic>
      <p:sp>
        <p:nvSpPr>
          <p:cNvPr id="25" name="Picture Placeholder 24">
            <a:extLst>
              <a:ext uri="{FF2B5EF4-FFF2-40B4-BE49-F238E27FC236}">
                <a16:creationId xmlns:a16="http://schemas.microsoft.com/office/drawing/2014/main" id="{82CAF4D6-D7EC-4C84-B5B0-6C629FC19A75}"/>
              </a:ext>
            </a:extLst>
          </p:cNvPr>
          <p:cNvSpPr>
            <a:spLocks noGrp="1"/>
          </p:cNvSpPr>
          <p:nvPr>
            <p:ph type="pic" sz="quarter" idx="23"/>
          </p:nvPr>
        </p:nvSpPr>
        <p:spPr>
          <a:xfrm>
            <a:off x="9913937" y="2567305"/>
            <a:ext cx="1728788" cy="1720162"/>
          </a:xfrm>
          <a:custGeom>
            <a:avLst/>
            <a:gdLst>
              <a:gd name="connsiteX0" fmla="*/ 66880 w 1728788"/>
              <a:gd name="connsiteY0" fmla="*/ 0 h 1720162"/>
              <a:gd name="connsiteX1" fmla="*/ 1661908 w 1728788"/>
              <a:gd name="connsiteY1" fmla="*/ 0 h 1720162"/>
              <a:gd name="connsiteX2" fmla="*/ 1728788 w 1728788"/>
              <a:gd name="connsiteY2" fmla="*/ 66880 h 1720162"/>
              <a:gd name="connsiteX3" fmla="*/ 1728788 w 1728788"/>
              <a:gd name="connsiteY3" fmla="*/ 1653282 h 1720162"/>
              <a:gd name="connsiteX4" fmla="*/ 1661908 w 1728788"/>
              <a:gd name="connsiteY4" fmla="*/ 1720162 h 1720162"/>
              <a:gd name="connsiteX5" fmla="*/ 66880 w 1728788"/>
              <a:gd name="connsiteY5" fmla="*/ 1720162 h 1720162"/>
              <a:gd name="connsiteX6" fmla="*/ 0 w 1728788"/>
              <a:gd name="connsiteY6" fmla="*/ 1653282 h 1720162"/>
              <a:gd name="connsiteX7" fmla="*/ 0 w 1728788"/>
              <a:gd name="connsiteY7" fmla="*/ 66880 h 1720162"/>
              <a:gd name="connsiteX8" fmla="*/ 66880 w 1728788"/>
              <a:gd name="connsiteY8" fmla="*/ 0 h 17201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0162">
                <a:moveTo>
                  <a:pt x="66880" y="0"/>
                </a:moveTo>
                <a:lnTo>
                  <a:pt x="1661908" y="0"/>
                </a:lnTo>
                <a:cubicBezTo>
                  <a:pt x="1698845" y="0"/>
                  <a:pt x="1728788" y="29943"/>
                  <a:pt x="1728788" y="66880"/>
                </a:cubicBezTo>
                <a:lnTo>
                  <a:pt x="1728788" y="1653282"/>
                </a:lnTo>
                <a:cubicBezTo>
                  <a:pt x="1728788" y="1690219"/>
                  <a:pt x="1698845" y="1720162"/>
                  <a:pt x="1661908" y="1720162"/>
                </a:cubicBezTo>
                <a:lnTo>
                  <a:pt x="66880" y="1720162"/>
                </a:lnTo>
                <a:cubicBezTo>
                  <a:pt x="29943" y="1720162"/>
                  <a:pt x="0" y="1690219"/>
                  <a:pt x="0" y="1653282"/>
                </a:cubicBezTo>
                <a:lnTo>
                  <a:pt x="0" y="66880"/>
                </a:lnTo>
                <a:cubicBezTo>
                  <a:pt x="0" y="29943"/>
                  <a:pt x="29943" y="0"/>
                  <a:pt x="66880" y="0"/>
                </a:cubicBezTo>
                <a:close/>
              </a:path>
            </a:pathLst>
          </a:custGeom>
          <a:solidFill>
            <a:schemeClr val="accent6"/>
          </a:solidFill>
        </p:spPr>
        <p:txBody>
          <a:bodyPr wrap="square" anchor="ctr">
            <a:noAutofit/>
          </a:bodyPr>
          <a:lstStyle>
            <a:lvl1pPr algn="ctr">
              <a:defRPr/>
            </a:lvl1pPr>
          </a:lstStyle>
          <a:p>
            <a:endParaRPr lang="da-DK"/>
          </a:p>
        </p:txBody>
      </p:sp>
      <p:sp>
        <p:nvSpPr>
          <p:cNvPr id="26" name="Picture Placeholder 25">
            <a:extLst>
              <a:ext uri="{FF2B5EF4-FFF2-40B4-BE49-F238E27FC236}">
                <a16:creationId xmlns:a16="http://schemas.microsoft.com/office/drawing/2014/main" id="{4E74C6FE-0727-4B4F-BBFA-B0A72E20EB6E}"/>
              </a:ext>
            </a:extLst>
          </p:cNvPr>
          <p:cNvSpPr>
            <a:spLocks noGrp="1"/>
          </p:cNvSpPr>
          <p:nvPr>
            <p:ph type="pic" sz="quarter" idx="22"/>
          </p:nvPr>
        </p:nvSpPr>
        <p:spPr>
          <a:xfrm>
            <a:off x="6169025" y="2567305"/>
            <a:ext cx="3600452" cy="3600441"/>
          </a:xfrm>
          <a:custGeom>
            <a:avLst/>
            <a:gdLst>
              <a:gd name="connsiteX0" fmla="*/ 66716 w 3600452"/>
              <a:gd name="connsiteY0" fmla="*/ 0 h 3600441"/>
              <a:gd name="connsiteX1" fmla="*/ 3533736 w 3600452"/>
              <a:gd name="connsiteY1" fmla="*/ 0 h 3600441"/>
              <a:gd name="connsiteX2" fmla="*/ 3600452 w 3600452"/>
              <a:gd name="connsiteY2" fmla="*/ 66716 h 3600441"/>
              <a:gd name="connsiteX3" fmla="*/ 3600452 w 3600452"/>
              <a:gd name="connsiteY3" fmla="*/ 3533725 h 3600441"/>
              <a:gd name="connsiteX4" fmla="*/ 3533736 w 3600452"/>
              <a:gd name="connsiteY4" fmla="*/ 3600441 h 3600441"/>
              <a:gd name="connsiteX5" fmla="*/ 66716 w 3600452"/>
              <a:gd name="connsiteY5" fmla="*/ 3600441 h 3600441"/>
              <a:gd name="connsiteX6" fmla="*/ 0 w 3600452"/>
              <a:gd name="connsiteY6" fmla="*/ 3533725 h 3600441"/>
              <a:gd name="connsiteX7" fmla="*/ 0 w 3600452"/>
              <a:gd name="connsiteY7" fmla="*/ 66716 h 3600441"/>
              <a:gd name="connsiteX8" fmla="*/ 66716 w 3600452"/>
              <a:gd name="connsiteY8" fmla="*/ 0 h 36004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600452" h="3600441">
                <a:moveTo>
                  <a:pt x="66716" y="0"/>
                </a:moveTo>
                <a:lnTo>
                  <a:pt x="3533736" y="0"/>
                </a:lnTo>
                <a:cubicBezTo>
                  <a:pt x="3570582" y="0"/>
                  <a:pt x="3600452" y="29870"/>
                  <a:pt x="3600452" y="66716"/>
                </a:cubicBezTo>
                <a:lnTo>
                  <a:pt x="3600452" y="3533725"/>
                </a:lnTo>
                <a:cubicBezTo>
                  <a:pt x="3600452" y="3570571"/>
                  <a:pt x="3570582" y="3600441"/>
                  <a:pt x="3533736" y="3600441"/>
                </a:cubicBezTo>
                <a:lnTo>
                  <a:pt x="66716" y="3600441"/>
                </a:lnTo>
                <a:cubicBezTo>
                  <a:pt x="29870" y="3600441"/>
                  <a:pt x="0" y="3570571"/>
                  <a:pt x="0" y="3533725"/>
                </a:cubicBezTo>
                <a:lnTo>
                  <a:pt x="0" y="66716"/>
                </a:lnTo>
                <a:cubicBezTo>
                  <a:pt x="0" y="29870"/>
                  <a:pt x="29870" y="0"/>
                  <a:pt x="66716" y="0"/>
                </a:cubicBezTo>
                <a:close/>
              </a:path>
            </a:pathLst>
          </a:custGeom>
          <a:solidFill>
            <a:schemeClr val="accent6"/>
          </a:solidFill>
        </p:spPr>
        <p:txBody>
          <a:bodyPr wrap="square" anchor="ctr">
            <a:noAutofit/>
          </a:bodyPr>
          <a:lstStyle>
            <a:lvl1pPr algn="ctr">
              <a:defRPr/>
            </a:lvl1pPr>
          </a:lstStyle>
          <a:p>
            <a:endParaRPr lang="da-DK"/>
          </a:p>
        </p:txBody>
      </p:sp>
      <p:sp>
        <p:nvSpPr>
          <p:cNvPr id="27" name="Picture Placeholder 26">
            <a:extLst>
              <a:ext uri="{FF2B5EF4-FFF2-40B4-BE49-F238E27FC236}">
                <a16:creationId xmlns:a16="http://schemas.microsoft.com/office/drawing/2014/main" id="{5676D66A-32D8-465B-A371-C4BFDE3A0115}"/>
              </a:ext>
            </a:extLst>
          </p:cNvPr>
          <p:cNvSpPr>
            <a:spLocks noGrp="1"/>
          </p:cNvSpPr>
          <p:nvPr>
            <p:ph type="pic" sz="quarter" idx="21"/>
          </p:nvPr>
        </p:nvSpPr>
        <p:spPr>
          <a:xfrm>
            <a:off x="6170930" y="695062"/>
            <a:ext cx="1728788" cy="1727464"/>
          </a:xfrm>
          <a:custGeom>
            <a:avLst/>
            <a:gdLst>
              <a:gd name="connsiteX0" fmla="*/ 69029 w 1728788"/>
              <a:gd name="connsiteY0" fmla="*/ 0 h 1727464"/>
              <a:gd name="connsiteX1" fmla="*/ 1659759 w 1728788"/>
              <a:gd name="connsiteY1" fmla="*/ 0 h 1727464"/>
              <a:gd name="connsiteX2" fmla="*/ 1728788 w 1728788"/>
              <a:gd name="connsiteY2" fmla="*/ 69029 h 1727464"/>
              <a:gd name="connsiteX3" fmla="*/ 1728788 w 1728788"/>
              <a:gd name="connsiteY3" fmla="*/ 1658435 h 1727464"/>
              <a:gd name="connsiteX4" fmla="*/ 1659759 w 1728788"/>
              <a:gd name="connsiteY4" fmla="*/ 1727464 h 1727464"/>
              <a:gd name="connsiteX5" fmla="*/ 69029 w 1728788"/>
              <a:gd name="connsiteY5" fmla="*/ 1727464 h 1727464"/>
              <a:gd name="connsiteX6" fmla="*/ 0 w 1728788"/>
              <a:gd name="connsiteY6" fmla="*/ 1658435 h 1727464"/>
              <a:gd name="connsiteX7" fmla="*/ 0 w 1728788"/>
              <a:gd name="connsiteY7" fmla="*/ 69029 h 1727464"/>
              <a:gd name="connsiteX8" fmla="*/ 69029 w 1728788"/>
              <a:gd name="connsiteY8" fmla="*/ 0 h 17274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7464">
                <a:moveTo>
                  <a:pt x="69029" y="0"/>
                </a:moveTo>
                <a:lnTo>
                  <a:pt x="1659759" y="0"/>
                </a:lnTo>
                <a:cubicBezTo>
                  <a:pt x="1697883" y="0"/>
                  <a:pt x="1728788" y="30905"/>
                  <a:pt x="1728788" y="69029"/>
                </a:cubicBezTo>
                <a:lnTo>
                  <a:pt x="1728788" y="1658435"/>
                </a:lnTo>
                <a:cubicBezTo>
                  <a:pt x="1728788" y="1696559"/>
                  <a:pt x="1697883" y="1727464"/>
                  <a:pt x="1659759" y="1727464"/>
                </a:cubicBezTo>
                <a:lnTo>
                  <a:pt x="69029" y="1727464"/>
                </a:lnTo>
                <a:cubicBezTo>
                  <a:pt x="30905" y="1727464"/>
                  <a:pt x="0" y="1696559"/>
                  <a:pt x="0" y="1658435"/>
                </a:cubicBezTo>
                <a:lnTo>
                  <a:pt x="0" y="69029"/>
                </a:lnTo>
                <a:cubicBezTo>
                  <a:pt x="0" y="30905"/>
                  <a:pt x="30905" y="0"/>
                  <a:pt x="69029" y="0"/>
                </a:cubicBezTo>
                <a:close/>
              </a:path>
            </a:pathLst>
          </a:custGeom>
          <a:solidFill>
            <a:schemeClr val="accent6"/>
          </a:solidFill>
        </p:spPr>
        <p:txBody>
          <a:bodyPr wrap="square" anchor="ctr">
            <a:noAutofit/>
          </a:bodyPr>
          <a:lstStyle>
            <a:lvl1pPr algn="ctr">
              <a:defRPr/>
            </a:lvl1pPr>
          </a:lstStyle>
          <a:p>
            <a:endParaRPr lang="da-DK"/>
          </a:p>
        </p:txBody>
      </p:sp>
    </p:spTree>
    <p:extLst>
      <p:ext uri="{BB962C8B-B14F-4D97-AF65-F5344CB8AC3E}">
        <p14:creationId xmlns:p14="http://schemas.microsoft.com/office/powerpoint/2010/main" val="31263588"/>
      </p:ext>
    </p:extLst>
  </p:cSld>
  <p:clrMapOvr>
    <a:masterClrMapping/>
  </p:clrMapOvr>
  <p:transition>
    <p:fade/>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e - Large Image 5">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3B7745E-2D62-4232-AC5D-154359BF2B81}"/>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352" y="0"/>
            <a:ext cx="12194823" cy="6859588"/>
          </a:xfrm>
          <a:prstGeom prst="rect">
            <a:avLst/>
          </a:prstGeom>
        </p:spPr>
      </p:pic>
      <p:sp>
        <p:nvSpPr>
          <p:cNvPr id="23" name="Text Placeholder 55">
            <a:extLst>
              <a:ext uri="{FF2B5EF4-FFF2-40B4-BE49-F238E27FC236}">
                <a16:creationId xmlns:a16="http://schemas.microsoft.com/office/drawing/2014/main" id="{544D8A63-CEE8-4881-90BE-FB3DAB8CCED1}"/>
              </a:ext>
            </a:extLst>
          </p:cNvPr>
          <p:cNvSpPr>
            <a:spLocks noGrp="1"/>
          </p:cNvSpPr>
          <p:nvPr>
            <p:ph type="body" sz="quarter" idx="22" hasCustomPrompt="1"/>
          </p:nvPr>
        </p:nvSpPr>
        <p:spPr>
          <a:xfrm>
            <a:off x="552451" y="3199225"/>
            <a:ext cx="3767137" cy="381276"/>
          </a:xfrm>
        </p:spPr>
        <p:txBody>
          <a:bodyPr lIns="0" rIns="0" anchor="ctr">
            <a:normAutofit/>
          </a:bodyPr>
          <a:lstStyle>
            <a:lvl1pPr algn="l">
              <a:lnSpc>
                <a:spcPct val="100000"/>
              </a:lnSpc>
              <a:spcAft>
                <a:spcPts val="0"/>
              </a:spcAft>
              <a:defRPr sz="1200" b="1" cap="none" baseline="0">
                <a:solidFill>
                  <a:schemeClr val="accent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da-DK" dirty="0" err="1"/>
              <a:t>Click</a:t>
            </a:r>
            <a:r>
              <a:rPr lang="da-DK" dirty="0"/>
              <a:t> to </a:t>
            </a:r>
            <a:r>
              <a:rPr lang="da-DK" dirty="0" err="1"/>
              <a:t>edit</a:t>
            </a:r>
            <a:r>
              <a:rPr lang="da-DK" dirty="0"/>
              <a:t> </a:t>
            </a:r>
            <a:r>
              <a:rPr lang="da-DK" dirty="0" err="1"/>
              <a:t>text</a:t>
            </a:r>
            <a:endParaRPr lang="da-DK" dirty="0"/>
          </a:p>
        </p:txBody>
      </p:sp>
      <p:sp>
        <p:nvSpPr>
          <p:cNvPr id="24" name="Text Placeholder 2">
            <a:extLst>
              <a:ext uri="{FF2B5EF4-FFF2-40B4-BE49-F238E27FC236}">
                <a16:creationId xmlns:a16="http://schemas.microsoft.com/office/drawing/2014/main" id="{9951156A-AD8E-4760-84A9-590FB2CB3BCF}"/>
              </a:ext>
            </a:extLst>
          </p:cNvPr>
          <p:cNvSpPr>
            <a:spLocks noGrp="1"/>
          </p:cNvSpPr>
          <p:nvPr>
            <p:ph type="body" sz="quarter" idx="23"/>
          </p:nvPr>
        </p:nvSpPr>
        <p:spPr>
          <a:xfrm>
            <a:off x="552450" y="700776"/>
            <a:ext cx="3767138" cy="2193528"/>
          </a:xfrm>
        </p:spPr>
        <p:txBody>
          <a:bodyPr tIns="0" rIns="0" bIns="0" anchor="b"/>
          <a:lstStyle>
            <a:lvl1pPr marL="0" indent="0" algn="l">
              <a:spcAft>
                <a:spcPts val="0"/>
              </a:spcAft>
              <a:defRPr>
                <a:solidFill>
                  <a:schemeClr val="accent1"/>
                </a:solidFill>
              </a:defRPr>
            </a:lvl1pPr>
            <a:lvl2pPr algn="l">
              <a:spcAft>
                <a:spcPts val="0"/>
              </a:spcAft>
              <a:defRPr>
                <a:solidFill>
                  <a:schemeClr val="accent1"/>
                </a:solidFill>
              </a:defRPr>
            </a:lvl2pPr>
            <a:lvl3pPr algn="l">
              <a:spcAft>
                <a:spcPts val="0"/>
              </a:spcAft>
              <a:defRPr>
                <a:solidFill>
                  <a:schemeClr val="accent1"/>
                </a:solidFill>
              </a:defRPr>
            </a:lvl3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p:txBody>
      </p:sp>
      <p:pic>
        <p:nvPicPr>
          <p:cNvPr id="9" name="Graphic 8">
            <a:extLst>
              <a:ext uri="{FF2B5EF4-FFF2-40B4-BE49-F238E27FC236}">
                <a16:creationId xmlns:a16="http://schemas.microsoft.com/office/drawing/2014/main" id="{53EA7DF7-6844-43FA-B044-D3D044C81D74}"/>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2509814B-0DDC-47C0-9461-236B4BB076E2}"/>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bg1"/>
                </a:solidFill>
              </a:rPr>
              <a:pPr algn="ctr"/>
              <a:t>‹#›</a:t>
            </a:fld>
            <a:endParaRPr lang="da-DK" sz="800" dirty="0">
              <a:solidFill>
                <a:schemeClr val="bg1"/>
              </a:solidFill>
            </a:endParaRPr>
          </a:p>
        </p:txBody>
      </p:sp>
      <p:sp>
        <p:nvSpPr>
          <p:cNvPr id="11" name="txtFooter">
            <a:extLst>
              <a:ext uri="{FF2B5EF4-FFF2-40B4-BE49-F238E27FC236}">
                <a16:creationId xmlns:a16="http://schemas.microsoft.com/office/drawing/2014/main" id="{77C9EA77-97C0-4938-9ADE-1C628E222738}"/>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bg1"/>
                </a:solidFill>
              </a:rPr>
              <a:t>© PA Knowledge Limited  |     </a:t>
            </a:r>
            <a:endParaRPr lang="da-DK" dirty="0"/>
          </a:p>
        </p:txBody>
      </p:sp>
      <p:sp>
        <p:nvSpPr>
          <p:cNvPr id="12" name="Rectangle 11" descr="{&quot;templafy&quot;:{&quot;id&quot;:&quot;dbcf818c-a86c-4754-bbce-3adc1dcdf9ef&quot;}}">
            <a:extLst>
              <a:ext uri="{FF2B5EF4-FFF2-40B4-BE49-F238E27FC236}">
                <a16:creationId xmlns:a16="http://schemas.microsoft.com/office/drawing/2014/main" id="{093F4C7E-BD8C-4CF1-84CD-0543921C4E96}"/>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chemeClr val="bg1"/>
              </a:solidFill>
            </a:endParaRPr>
          </a:p>
        </p:txBody>
      </p:sp>
    </p:spTree>
    <p:extLst>
      <p:ext uri="{BB962C8B-B14F-4D97-AF65-F5344CB8AC3E}">
        <p14:creationId xmlns:p14="http://schemas.microsoft.com/office/powerpoint/2010/main" val="190029171"/>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Profiles - One Profile">
    <p:spTree>
      <p:nvGrpSpPr>
        <p:cNvPr id="1" name=""/>
        <p:cNvGrpSpPr/>
        <p:nvPr/>
      </p:nvGrpSpPr>
      <p:grpSpPr>
        <a:xfrm>
          <a:off x="0" y="0"/>
          <a:ext cx="0" cy="0"/>
          <a:chOff x="0" y="0"/>
          <a:chExt cx="0" cy="0"/>
        </a:xfrm>
      </p:grpSpPr>
      <p:sp>
        <p:nvSpPr>
          <p:cNvPr id="11" name="Freeform: Shape 10">
            <a:extLst>
              <a:ext uri="{FF2B5EF4-FFF2-40B4-BE49-F238E27FC236}">
                <a16:creationId xmlns:a16="http://schemas.microsoft.com/office/drawing/2014/main" id="{9D2CD2C4-CBA4-4A38-B597-133D9D97BF7F}"/>
              </a:ext>
            </a:extLst>
          </p:cNvPr>
          <p:cNvSpPr/>
          <p:nvPr userDrawn="1"/>
        </p:nvSpPr>
        <p:spPr>
          <a:xfrm>
            <a:off x="7105651" y="0"/>
            <a:ext cx="5089525" cy="6859588"/>
          </a:xfrm>
          <a:custGeom>
            <a:avLst/>
            <a:gdLst>
              <a:gd name="connsiteX0" fmla="*/ 89804 w 5089525"/>
              <a:gd name="connsiteY0" fmla="*/ 0 h 6859588"/>
              <a:gd name="connsiteX1" fmla="*/ 5089525 w 5089525"/>
              <a:gd name="connsiteY1" fmla="*/ 0 h 6859588"/>
              <a:gd name="connsiteX2" fmla="*/ 5089525 w 5089525"/>
              <a:gd name="connsiteY2" fmla="*/ 6859588 h 6859588"/>
              <a:gd name="connsiteX3" fmla="*/ 89804 w 5089525"/>
              <a:gd name="connsiteY3" fmla="*/ 6859588 h 6859588"/>
              <a:gd name="connsiteX4" fmla="*/ 0 w 5089525"/>
              <a:gd name="connsiteY4" fmla="*/ 6769784 h 6859588"/>
              <a:gd name="connsiteX5" fmla="*/ 0 w 5089525"/>
              <a:gd name="connsiteY5" fmla="*/ 89804 h 6859588"/>
              <a:gd name="connsiteX6" fmla="*/ 89804 w 5089525"/>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89525" h="6859588">
                <a:moveTo>
                  <a:pt x="89804" y="0"/>
                </a:moveTo>
                <a:lnTo>
                  <a:pt x="5089525" y="0"/>
                </a:lnTo>
                <a:lnTo>
                  <a:pt x="5089525" y="6859588"/>
                </a:lnTo>
                <a:lnTo>
                  <a:pt x="89804" y="6859588"/>
                </a:lnTo>
                <a:cubicBezTo>
                  <a:pt x="40207" y="6859588"/>
                  <a:pt x="0" y="6819381"/>
                  <a:pt x="0" y="6769784"/>
                </a:cubicBezTo>
                <a:lnTo>
                  <a:pt x="0" y="89804"/>
                </a:lnTo>
                <a:cubicBezTo>
                  <a:pt x="0" y="40207"/>
                  <a:pt x="40207" y="0"/>
                  <a:pt x="89804"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13" name="Content Placeholder 2">
            <a:extLst>
              <a:ext uri="{FF2B5EF4-FFF2-40B4-BE49-F238E27FC236}">
                <a16:creationId xmlns:a16="http://schemas.microsoft.com/office/drawing/2014/main" id="{D8788A95-A374-4690-B6FE-DCC823436A46}"/>
              </a:ext>
            </a:extLst>
          </p:cNvPr>
          <p:cNvSpPr>
            <a:spLocks noGrp="1"/>
          </p:cNvSpPr>
          <p:nvPr>
            <p:ph idx="1"/>
          </p:nvPr>
        </p:nvSpPr>
        <p:spPr>
          <a:xfrm>
            <a:off x="2425700" y="1630363"/>
            <a:ext cx="4320000" cy="4535487"/>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5" name="Picture Placeholder 14">
            <a:extLst>
              <a:ext uri="{FF2B5EF4-FFF2-40B4-BE49-F238E27FC236}">
                <a16:creationId xmlns:a16="http://schemas.microsoft.com/office/drawing/2014/main" id="{A2B9F47C-EF60-45DE-A234-D7903AF19AC6}"/>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16" name="Content Placeholder 2">
            <a:extLst>
              <a:ext uri="{FF2B5EF4-FFF2-40B4-BE49-F238E27FC236}">
                <a16:creationId xmlns:a16="http://schemas.microsoft.com/office/drawing/2014/main" id="{B0103CF0-AA81-4CEA-A4D1-6FF02A7ADDB3}"/>
              </a:ext>
            </a:extLst>
          </p:cNvPr>
          <p:cNvSpPr>
            <a:spLocks noGrp="1"/>
          </p:cNvSpPr>
          <p:nvPr>
            <p:ph idx="16"/>
          </p:nvPr>
        </p:nvSpPr>
        <p:spPr>
          <a:xfrm>
            <a:off x="7339582" y="737870"/>
            <a:ext cx="4320000" cy="5427980"/>
          </a:xfrm>
        </p:spPr>
        <p:txBody>
          <a:bodyPr rIns="0">
            <a:noAutofit/>
          </a:bodyPr>
          <a:lstStyle>
            <a:lvl1pPr>
              <a:defRPr>
                <a:solidFill>
                  <a:schemeClr val="bg1"/>
                </a:solidFill>
              </a:defRPr>
            </a:lvl1pPr>
            <a:lvl2pPr>
              <a:spcBef>
                <a:spcPts val="0"/>
              </a:spcBef>
              <a:defRPr>
                <a:solidFill>
                  <a:schemeClr val="bg1"/>
                </a:solidFill>
              </a:defRPr>
            </a:lvl2pPr>
            <a:lvl3pPr>
              <a:defRPr>
                <a:solidFill>
                  <a:schemeClr val="bg1"/>
                </a:solidFill>
              </a:defRPr>
            </a:lvl3pPr>
            <a:lvl4pPr>
              <a:buClrTx/>
              <a:defRPr>
                <a:solidFill>
                  <a:schemeClr val="bg1"/>
                </a:solidFill>
              </a:defRPr>
            </a:lvl4pPr>
            <a:lvl5pPr>
              <a:buClrTx/>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buClr>
                <a:schemeClr val="bg1"/>
              </a:buClr>
              <a:defRPr>
                <a:solidFill>
                  <a:schemeClr val="bg1"/>
                </a:solidFill>
              </a:defRPr>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8" name="Text Placeholder 7">
            <a:extLst>
              <a:ext uri="{FF2B5EF4-FFF2-40B4-BE49-F238E27FC236}">
                <a16:creationId xmlns:a16="http://schemas.microsoft.com/office/drawing/2014/main" id="{E69EB36B-7DC5-4D1F-B087-048EA4D1F104}"/>
              </a:ext>
            </a:extLst>
          </p:cNvPr>
          <p:cNvSpPr>
            <a:spLocks noGrp="1"/>
          </p:cNvSpPr>
          <p:nvPr>
            <p:ph type="body" sz="quarter" idx="13" hasCustomPrompt="1"/>
          </p:nvPr>
        </p:nvSpPr>
        <p:spPr>
          <a:xfrm>
            <a:off x="2428240" y="696914"/>
            <a:ext cx="431746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tx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17" name="Straight Connector 16">
            <a:extLst>
              <a:ext uri="{FF2B5EF4-FFF2-40B4-BE49-F238E27FC236}">
                <a16:creationId xmlns:a16="http://schemas.microsoft.com/office/drawing/2014/main" id="{6C68EB18-3156-4369-A60E-B4A2D49A5780}"/>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28175852"/>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Profiles - One Profile - Dark">
    <p:bg>
      <p:bgPr>
        <a:solidFill>
          <a:schemeClr val="accent1"/>
        </a:solidFill>
        <a:effectLst/>
      </p:bgPr>
    </p:bg>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D8788A95-A374-4690-B6FE-DCC823436A46}"/>
              </a:ext>
            </a:extLst>
          </p:cNvPr>
          <p:cNvSpPr>
            <a:spLocks noGrp="1"/>
          </p:cNvSpPr>
          <p:nvPr>
            <p:ph idx="1"/>
          </p:nvPr>
        </p:nvSpPr>
        <p:spPr>
          <a:xfrm>
            <a:off x="2425700" y="1630363"/>
            <a:ext cx="4320000" cy="4535487"/>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5" name="Picture Placeholder 14">
            <a:extLst>
              <a:ext uri="{FF2B5EF4-FFF2-40B4-BE49-F238E27FC236}">
                <a16:creationId xmlns:a16="http://schemas.microsoft.com/office/drawing/2014/main" id="{A2B9F47C-EF60-45DE-A234-D7903AF19AC6}"/>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16" name="Content Placeholder 2">
            <a:extLst>
              <a:ext uri="{FF2B5EF4-FFF2-40B4-BE49-F238E27FC236}">
                <a16:creationId xmlns:a16="http://schemas.microsoft.com/office/drawing/2014/main" id="{B0103CF0-AA81-4CEA-A4D1-6FF02A7ADDB3}"/>
              </a:ext>
            </a:extLst>
          </p:cNvPr>
          <p:cNvSpPr>
            <a:spLocks noGrp="1"/>
          </p:cNvSpPr>
          <p:nvPr>
            <p:ph idx="16"/>
          </p:nvPr>
        </p:nvSpPr>
        <p:spPr>
          <a:xfrm>
            <a:off x="7339582" y="737870"/>
            <a:ext cx="4320000" cy="5427980"/>
          </a:xfrm>
        </p:spPr>
        <p:txBody>
          <a:bodyPr rIns="0">
            <a:noAutofit/>
          </a:bodyPr>
          <a:lstStyle>
            <a:lvl1pPr>
              <a:defRPr>
                <a:solidFill>
                  <a:schemeClr val="bg1"/>
                </a:solidFill>
              </a:defRPr>
            </a:lvl1pPr>
            <a:lvl2pPr>
              <a:spcBef>
                <a:spcPts val="0"/>
              </a:spcBef>
              <a:defRPr>
                <a:solidFill>
                  <a:schemeClr val="bg1"/>
                </a:solidFill>
              </a:defRPr>
            </a:lvl2pPr>
            <a:lvl3pPr>
              <a:defRPr>
                <a:solidFill>
                  <a:schemeClr val="bg1"/>
                </a:solidFill>
              </a:defRPr>
            </a:lvl3pPr>
            <a:lvl4pPr>
              <a:buClrTx/>
              <a:defRPr>
                <a:solidFill>
                  <a:schemeClr val="bg1"/>
                </a:solidFill>
              </a:defRPr>
            </a:lvl4pPr>
            <a:lvl5pPr>
              <a:buClrTx/>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buClr>
                <a:schemeClr val="bg1"/>
              </a:buClr>
              <a:defRPr>
                <a:solidFill>
                  <a:schemeClr val="bg1"/>
                </a:solidFill>
              </a:defRPr>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8" name="Text Placeholder 7">
            <a:extLst>
              <a:ext uri="{FF2B5EF4-FFF2-40B4-BE49-F238E27FC236}">
                <a16:creationId xmlns:a16="http://schemas.microsoft.com/office/drawing/2014/main" id="{E69EB36B-7DC5-4D1F-B087-048EA4D1F104}"/>
              </a:ext>
            </a:extLst>
          </p:cNvPr>
          <p:cNvSpPr>
            <a:spLocks noGrp="1"/>
          </p:cNvSpPr>
          <p:nvPr>
            <p:ph type="body" sz="quarter" idx="13" hasCustomPrompt="1"/>
          </p:nvPr>
        </p:nvSpPr>
        <p:spPr>
          <a:xfrm>
            <a:off x="2428240" y="696914"/>
            <a:ext cx="431746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17" name="Straight Connector 16">
            <a:extLst>
              <a:ext uri="{FF2B5EF4-FFF2-40B4-BE49-F238E27FC236}">
                <a16:creationId xmlns:a16="http://schemas.microsoft.com/office/drawing/2014/main" id="{6C68EB18-3156-4369-A60E-B4A2D49A5780}"/>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57718234"/>
      </p:ext>
    </p:extLst>
  </p:cSld>
  <p:clrMapOvr>
    <a:masterClrMapping/>
  </p:clrMapOvr>
  <p:transition>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Profiles - Two Profiles">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5FFFD768-DC79-4EC3-A7B9-9A67F6799615}"/>
              </a:ext>
            </a:extLst>
          </p:cNvPr>
          <p:cNvSpPr>
            <a:spLocks noGrp="1"/>
          </p:cNvSpPr>
          <p:nvPr>
            <p:ph idx="1"/>
          </p:nvPr>
        </p:nvSpPr>
        <p:spPr>
          <a:xfrm>
            <a:off x="2425700" y="1630363"/>
            <a:ext cx="3456001" cy="4535487"/>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4" name="Picture Placeholder 14">
            <a:extLst>
              <a:ext uri="{FF2B5EF4-FFF2-40B4-BE49-F238E27FC236}">
                <a16:creationId xmlns:a16="http://schemas.microsoft.com/office/drawing/2014/main" id="{CBD22EAF-3F7F-445F-9FCF-D3E18E624184}"/>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15" name="Text Placeholder 7">
            <a:extLst>
              <a:ext uri="{FF2B5EF4-FFF2-40B4-BE49-F238E27FC236}">
                <a16:creationId xmlns:a16="http://schemas.microsoft.com/office/drawing/2014/main" id="{9F5541FC-FA31-4787-BB4A-811EFA1B0DCD}"/>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16" name="Straight Connector 15">
            <a:extLst>
              <a:ext uri="{FF2B5EF4-FFF2-40B4-BE49-F238E27FC236}">
                <a16:creationId xmlns:a16="http://schemas.microsoft.com/office/drawing/2014/main" id="{24D3174D-34D8-4357-9D78-1BD6AE909494}"/>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7" name="Content Placeholder 2">
            <a:extLst>
              <a:ext uri="{FF2B5EF4-FFF2-40B4-BE49-F238E27FC236}">
                <a16:creationId xmlns:a16="http://schemas.microsoft.com/office/drawing/2014/main" id="{09DE5AC3-2622-43C8-A15A-B03CB82F9E0F}"/>
              </a:ext>
            </a:extLst>
          </p:cNvPr>
          <p:cNvSpPr>
            <a:spLocks noGrp="1"/>
          </p:cNvSpPr>
          <p:nvPr>
            <p:ph idx="16"/>
          </p:nvPr>
        </p:nvSpPr>
        <p:spPr>
          <a:xfrm>
            <a:off x="8044201" y="1630363"/>
            <a:ext cx="3456001" cy="4535487"/>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0" name="Picture Placeholder 14">
            <a:extLst>
              <a:ext uri="{FF2B5EF4-FFF2-40B4-BE49-F238E27FC236}">
                <a16:creationId xmlns:a16="http://schemas.microsoft.com/office/drawing/2014/main" id="{24B0C9EB-C647-4C3A-AE4F-3968CBC6A010}"/>
              </a:ext>
            </a:extLst>
          </p:cNvPr>
          <p:cNvSpPr>
            <a:spLocks noGrp="1"/>
          </p:cNvSpPr>
          <p:nvPr>
            <p:ph type="pic" sz="quarter" idx="17"/>
          </p:nvPr>
        </p:nvSpPr>
        <p:spPr>
          <a:xfrm>
            <a:off x="6170951"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2" name="Text Placeholder 7">
            <a:extLst>
              <a:ext uri="{FF2B5EF4-FFF2-40B4-BE49-F238E27FC236}">
                <a16:creationId xmlns:a16="http://schemas.microsoft.com/office/drawing/2014/main" id="{BDE548DD-43B0-4AF6-B57F-91DE54E3789B}"/>
              </a:ext>
            </a:extLst>
          </p:cNvPr>
          <p:cNvSpPr>
            <a:spLocks noGrp="1"/>
          </p:cNvSpPr>
          <p:nvPr>
            <p:ph type="body" sz="quarter" idx="18" hasCustomPrompt="1"/>
          </p:nvPr>
        </p:nvSpPr>
        <p:spPr>
          <a:xfrm>
            <a:off x="8046741"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27" name="Straight Connector 26">
            <a:extLst>
              <a:ext uri="{FF2B5EF4-FFF2-40B4-BE49-F238E27FC236}">
                <a16:creationId xmlns:a16="http://schemas.microsoft.com/office/drawing/2014/main" id="{42144227-E658-4B0E-A01D-01443608F0D6}"/>
              </a:ext>
            </a:extLst>
          </p:cNvPr>
          <p:cNvCxnSpPr>
            <a:cxnSpLocks/>
          </p:cNvCxnSpPr>
          <p:nvPr userDrawn="1"/>
        </p:nvCxnSpPr>
        <p:spPr>
          <a:xfrm>
            <a:off x="8044201"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8023265"/>
      </p:ext>
    </p:extLst>
  </p:cSld>
  <p:clrMapOvr>
    <a:masterClrMapping/>
  </p:clrMapOvr>
  <p:transition>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Profiles - Two Profiles - Dark">
    <p:bg>
      <p:bgPr>
        <a:solidFill>
          <a:schemeClr val="accent1"/>
        </a:solidFill>
        <a:effectLst/>
      </p:bgPr>
    </p:bg>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5FFFD768-DC79-4EC3-A7B9-9A67F6799615}"/>
              </a:ext>
            </a:extLst>
          </p:cNvPr>
          <p:cNvSpPr>
            <a:spLocks noGrp="1"/>
          </p:cNvSpPr>
          <p:nvPr>
            <p:ph idx="1"/>
          </p:nvPr>
        </p:nvSpPr>
        <p:spPr>
          <a:xfrm>
            <a:off x="2425700" y="1630363"/>
            <a:ext cx="3456001" cy="4535487"/>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4" name="Picture Placeholder 14">
            <a:extLst>
              <a:ext uri="{FF2B5EF4-FFF2-40B4-BE49-F238E27FC236}">
                <a16:creationId xmlns:a16="http://schemas.microsoft.com/office/drawing/2014/main" id="{CBD22EAF-3F7F-445F-9FCF-D3E18E624184}"/>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15" name="Text Placeholder 7">
            <a:extLst>
              <a:ext uri="{FF2B5EF4-FFF2-40B4-BE49-F238E27FC236}">
                <a16:creationId xmlns:a16="http://schemas.microsoft.com/office/drawing/2014/main" id="{9F5541FC-FA31-4787-BB4A-811EFA1B0DCD}"/>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16" name="Straight Connector 15">
            <a:extLst>
              <a:ext uri="{FF2B5EF4-FFF2-40B4-BE49-F238E27FC236}">
                <a16:creationId xmlns:a16="http://schemas.microsoft.com/office/drawing/2014/main" id="{24D3174D-34D8-4357-9D78-1BD6AE909494}"/>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7" name="Content Placeholder 2">
            <a:extLst>
              <a:ext uri="{FF2B5EF4-FFF2-40B4-BE49-F238E27FC236}">
                <a16:creationId xmlns:a16="http://schemas.microsoft.com/office/drawing/2014/main" id="{09DE5AC3-2622-43C8-A15A-B03CB82F9E0F}"/>
              </a:ext>
            </a:extLst>
          </p:cNvPr>
          <p:cNvSpPr>
            <a:spLocks noGrp="1"/>
          </p:cNvSpPr>
          <p:nvPr>
            <p:ph idx="16"/>
          </p:nvPr>
        </p:nvSpPr>
        <p:spPr>
          <a:xfrm>
            <a:off x="8044201" y="1630363"/>
            <a:ext cx="3456001" cy="4535487"/>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0" name="Picture Placeholder 14">
            <a:extLst>
              <a:ext uri="{FF2B5EF4-FFF2-40B4-BE49-F238E27FC236}">
                <a16:creationId xmlns:a16="http://schemas.microsoft.com/office/drawing/2014/main" id="{24B0C9EB-C647-4C3A-AE4F-3968CBC6A010}"/>
              </a:ext>
            </a:extLst>
          </p:cNvPr>
          <p:cNvSpPr>
            <a:spLocks noGrp="1"/>
          </p:cNvSpPr>
          <p:nvPr>
            <p:ph type="pic" sz="quarter" idx="17"/>
          </p:nvPr>
        </p:nvSpPr>
        <p:spPr>
          <a:xfrm>
            <a:off x="6170951"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2" name="Text Placeholder 7">
            <a:extLst>
              <a:ext uri="{FF2B5EF4-FFF2-40B4-BE49-F238E27FC236}">
                <a16:creationId xmlns:a16="http://schemas.microsoft.com/office/drawing/2014/main" id="{BDE548DD-43B0-4AF6-B57F-91DE54E3789B}"/>
              </a:ext>
            </a:extLst>
          </p:cNvPr>
          <p:cNvSpPr>
            <a:spLocks noGrp="1"/>
          </p:cNvSpPr>
          <p:nvPr>
            <p:ph type="body" sz="quarter" idx="18" hasCustomPrompt="1"/>
          </p:nvPr>
        </p:nvSpPr>
        <p:spPr>
          <a:xfrm>
            <a:off x="8046741"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27" name="Straight Connector 26">
            <a:extLst>
              <a:ext uri="{FF2B5EF4-FFF2-40B4-BE49-F238E27FC236}">
                <a16:creationId xmlns:a16="http://schemas.microsoft.com/office/drawing/2014/main" id="{42144227-E658-4B0E-A01D-01443608F0D6}"/>
              </a:ext>
            </a:extLst>
          </p:cNvPr>
          <p:cNvCxnSpPr>
            <a:cxnSpLocks/>
          </p:cNvCxnSpPr>
          <p:nvPr userDrawn="1"/>
        </p:nvCxnSpPr>
        <p:spPr>
          <a:xfrm>
            <a:off x="8044201"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00177155"/>
      </p:ext>
    </p:extLst>
  </p:cSld>
  <p:clrMapOvr>
    <a:masterClrMapping/>
  </p:clrMapOvr>
  <p:transition>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Profiles - Four Profiles">
    <p:spTree>
      <p:nvGrpSpPr>
        <p:cNvPr id="1" name=""/>
        <p:cNvGrpSpPr/>
        <p:nvPr/>
      </p:nvGrpSpPr>
      <p:grpSpPr>
        <a:xfrm>
          <a:off x="0" y="0"/>
          <a:ext cx="0" cy="0"/>
          <a:chOff x="0" y="0"/>
          <a:chExt cx="0" cy="0"/>
        </a:xfrm>
      </p:grpSpPr>
      <p:sp>
        <p:nvSpPr>
          <p:cNvPr id="23" name="Content Placeholder 2">
            <a:extLst>
              <a:ext uri="{FF2B5EF4-FFF2-40B4-BE49-F238E27FC236}">
                <a16:creationId xmlns:a16="http://schemas.microsoft.com/office/drawing/2014/main" id="{CBC5AE41-5438-4FD3-9740-463599D0FEC6}"/>
              </a:ext>
            </a:extLst>
          </p:cNvPr>
          <p:cNvSpPr>
            <a:spLocks noGrp="1"/>
          </p:cNvSpPr>
          <p:nvPr>
            <p:ph idx="1"/>
          </p:nvPr>
        </p:nvSpPr>
        <p:spPr>
          <a:xfrm>
            <a:off x="2425700" y="1630364"/>
            <a:ext cx="3456001" cy="1727200"/>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4" name="Picture Placeholder 14">
            <a:extLst>
              <a:ext uri="{FF2B5EF4-FFF2-40B4-BE49-F238E27FC236}">
                <a16:creationId xmlns:a16="http://schemas.microsoft.com/office/drawing/2014/main" id="{B3B60367-D03F-4045-BA7A-04DDDB58D547}"/>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5" name="Text Placeholder 7">
            <a:extLst>
              <a:ext uri="{FF2B5EF4-FFF2-40B4-BE49-F238E27FC236}">
                <a16:creationId xmlns:a16="http://schemas.microsoft.com/office/drawing/2014/main" id="{2F8556F8-850D-48D8-9FBF-EA96E2925A12}"/>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26" name="Straight Connector 25">
            <a:extLst>
              <a:ext uri="{FF2B5EF4-FFF2-40B4-BE49-F238E27FC236}">
                <a16:creationId xmlns:a16="http://schemas.microsoft.com/office/drawing/2014/main" id="{171AE972-AE08-4D30-A4A2-C94057F8F0A5}"/>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7" name="Content Placeholder 2">
            <a:extLst>
              <a:ext uri="{FF2B5EF4-FFF2-40B4-BE49-F238E27FC236}">
                <a16:creationId xmlns:a16="http://schemas.microsoft.com/office/drawing/2014/main" id="{A7D3A890-5944-4C6A-ADE7-1919E8A87971}"/>
              </a:ext>
            </a:extLst>
          </p:cNvPr>
          <p:cNvSpPr>
            <a:spLocks noGrp="1"/>
          </p:cNvSpPr>
          <p:nvPr>
            <p:ph idx="16"/>
          </p:nvPr>
        </p:nvSpPr>
        <p:spPr>
          <a:xfrm>
            <a:off x="8042275" y="1630364"/>
            <a:ext cx="3456001" cy="1727200"/>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8" name="Picture Placeholder 14">
            <a:extLst>
              <a:ext uri="{FF2B5EF4-FFF2-40B4-BE49-F238E27FC236}">
                <a16:creationId xmlns:a16="http://schemas.microsoft.com/office/drawing/2014/main" id="{6245B2C4-EBFE-4544-9DFB-4953F4DD119F}"/>
              </a:ext>
            </a:extLst>
          </p:cNvPr>
          <p:cNvSpPr>
            <a:spLocks noGrp="1"/>
          </p:cNvSpPr>
          <p:nvPr>
            <p:ph type="pic" sz="quarter" idx="17"/>
          </p:nvPr>
        </p:nvSpPr>
        <p:spPr>
          <a:xfrm>
            <a:off x="6169025"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9" name="Text Placeholder 7">
            <a:extLst>
              <a:ext uri="{FF2B5EF4-FFF2-40B4-BE49-F238E27FC236}">
                <a16:creationId xmlns:a16="http://schemas.microsoft.com/office/drawing/2014/main" id="{E3BFAAA9-5C01-43DF-B797-73F076F5D6A2}"/>
              </a:ext>
            </a:extLst>
          </p:cNvPr>
          <p:cNvSpPr>
            <a:spLocks noGrp="1"/>
          </p:cNvSpPr>
          <p:nvPr>
            <p:ph type="body" sz="quarter" idx="18" hasCustomPrompt="1"/>
          </p:nvPr>
        </p:nvSpPr>
        <p:spPr>
          <a:xfrm>
            <a:off x="8044815"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0" name="Straight Connector 29">
            <a:extLst>
              <a:ext uri="{FF2B5EF4-FFF2-40B4-BE49-F238E27FC236}">
                <a16:creationId xmlns:a16="http://schemas.microsoft.com/office/drawing/2014/main" id="{984B0C49-E788-4FE2-8B60-5E9E2618235C}"/>
              </a:ext>
            </a:extLst>
          </p:cNvPr>
          <p:cNvCxnSpPr>
            <a:cxnSpLocks/>
          </p:cNvCxnSpPr>
          <p:nvPr userDrawn="1"/>
        </p:nvCxnSpPr>
        <p:spPr>
          <a:xfrm>
            <a:off x="8042275"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1" name="Content Placeholder 2">
            <a:extLst>
              <a:ext uri="{FF2B5EF4-FFF2-40B4-BE49-F238E27FC236}">
                <a16:creationId xmlns:a16="http://schemas.microsoft.com/office/drawing/2014/main" id="{61061E83-BD01-4C7E-A134-3A004A0BA921}"/>
              </a:ext>
            </a:extLst>
          </p:cNvPr>
          <p:cNvSpPr>
            <a:spLocks noGrp="1"/>
          </p:cNvSpPr>
          <p:nvPr>
            <p:ph idx="19"/>
          </p:nvPr>
        </p:nvSpPr>
        <p:spPr>
          <a:xfrm>
            <a:off x="2425700" y="4449289"/>
            <a:ext cx="3456001" cy="1727200"/>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2" name="Picture Placeholder 14">
            <a:extLst>
              <a:ext uri="{FF2B5EF4-FFF2-40B4-BE49-F238E27FC236}">
                <a16:creationId xmlns:a16="http://schemas.microsoft.com/office/drawing/2014/main" id="{6BA7A345-7BEF-4FD4-8D5F-59AEC0C10516}"/>
              </a:ext>
            </a:extLst>
          </p:cNvPr>
          <p:cNvSpPr>
            <a:spLocks noGrp="1"/>
          </p:cNvSpPr>
          <p:nvPr>
            <p:ph type="pic" sz="quarter" idx="20"/>
          </p:nvPr>
        </p:nvSpPr>
        <p:spPr>
          <a:xfrm>
            <a:off x="552450"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3" name="Text Placeholder 7">
            <a:extLst>
              <a:ext uri="{FF2B5EF4-FFF2-40B4-BE49-F238E27FC236}">
                <a16:creationId xmlns:a16="http://schemas.microsoft.com/office/drawing/2014/main" id="{B95665D2-55F0-47B2-8EC5-FA26CFFD7ED7}"/>
              </a:ext>
            </a:extLst>
          </p:cNvPr>
          <p:cNvSpPr>
            <a:spLocks noGrp="1"/>
          </p:cNvSpPr>
          <p:nvPr>
            <p:ph type="body" sz="quarter" idx="21" hasCustomPrompt="1"/>
          </p:nvPr>
        </p:nvSpPr>
        <p:spPr>
          <a:xfrm>
            <a:off x="2428240"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4" name="Straight Connector 33">
            <a:extLst>
              <a:ext uri="{FF2B5EF4-FFF2-40B4-BE49-F238E27FC236}">
                <a16:creationId xmlns:a16="http://schemas.microsoft.com/office/drawing/2014/main" id="{7C988DE4-1B79-497C-AEE1-548C23437828}"/>
              </a:ext>
            </a:extLst>
          </p:cNvPr>
          <p:cNvCxnSpPr>
            <a:cxnSpLocks/>
          </p:cNvCxnSpPr>
          <p:nvPr userDrawn="1"/>
        </p:nvCxnSpPr>
        <p:spPr>
          <a:xfrm>
            <a:off x="2425700"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5" name="Content Placeholder 2">
            <a:extLst>
              <a:ext uri="{FF2B5EF4-FFF2-40B4-BE49-F238E27FC236}">
                <a16:creationId xmlns:a16="http://schemas.microsoft.com/office/drawing/2014/main" id="{3D317D79-906C-4DDD-8A95-57ADE50BAFC9}"/>
              </a:ext>
            </a:extLst>
          </p:cNvPr>
          <p:cNvSpPr>
            <a:spLocks noGrp="1"/>
          </p:cNvSpPr>
          <p:nvPr>
            <p:ph idx="22"/>
          </p:nvPr>
        </p:nvSpPr>
        <p:spPr>
          <a:xfrm>
            <a:off x="8042275" y="4449289"/>
            <a:ext cx="3456001" cy="1727200"/>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6" name="Picture Placeholder 14">
            <a:extLst>
              <a:ext uri="{FF2B5EF4-FFF2-40B4-BE49-F238E27FC236}">
                <a16:creationId xmlns:a16="http://schemas.microsoft.com/office/drawing/2014/main" id="{615EBBA1-48B5-48C8-BF67-FFE323601E85}"/>
              </a:ext>
            </a:extLst>
          </p:cNvPr>
          <p:cNvSpPr>
            <a:spLocks noGrp="1"/>
          </p:cNvSpPr>
          <p:nvPr>
            <p:ph type="pic" sz="quarter" idx="23"/>
          </p:nvPr>
        </p:nvSpPr>
        <p:spPr>
          <a:xfrm>
            <a:off x="6169025"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7" name="Text Placeholder 7">
            <a:extLst>
              <a:ext uri="{FF2B5EF4-FFF2-40B4-BE49-F238E27FC236}">
                <a16:creationId xmlns:a16="http://schemas.microsoft.com/office/drawing/2014/main" id="{3DE6C8BB-1E53-42AB-9235-F11000837E3C}"/>
              </a:ext>
            </a:extLst>
          </p:cNvPr>
          <p:cNvSpPr>
            <a:spLocks noGrp="1"/>
          </p:cNvSpPr>
          <p:nvPr>
            <p:ph type="body" sz="quarter" idx="24" hasCustomPrompt="1"/>
          </p:nvPr>
        </p:nvSpPr>
        <p:spPr>
          <a:xfrm>
            <a:off x="8044815"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8" name="Straight Connector 37">
            <a:extLst>
              <a:ext uri="{FF2B5EF4-FFF2-40B4-BE49-F238E27FC236}">
                <a16:creationId xmlns:a16="http://schemas.microsoft.com/office/drawing/2014/main" id="{2AE03B15-C704-43A4-BE42-62D09237DDEE}"/>
              </a:ext>
            </a:extLst>
          </p:cNvPr>
          <p:cNvCxnSpPr>
            <a:cxnSpLocks/>
          </p:cNvCxnSpPr>
          <p:nvPr userDrawn="1"/>
        </p:nvCxnSpPr>
        <p:spPr>
          <a:xfrm>
            <a:off x="8042275"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03278021"/>
      </p:ext>
    </p:extLst>
  </p:cSld>
  <p:clrMapOvr>
    <a:masterClrMapping/>
  </p:clrMapOvr>
  <p:transition>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Profiles - Four Profiles - Dark">
    <p:bg>
      <p:bgPr>
        <a:solidFill>
          <a:schemeClr val="accent1"/>
        </a:solidFill>
        <a:effectLst/>
      </p:bgPr>
    </p:bg>
    <p:spTree>
      <p:nvGrpSpPr>
        <p:cNvPr id="1" name=""/>
        <p:cNvGrpSpPr/>
        <p:nvPr/>
      </p:nvGrpSpPr>
      <p:grpSpPr>
        <a:xfrm>
          <a:off x="0" y="0"/>
          <a:ext cx="0" cy="0"/>
          <a:chOff x="0" y="0"/>
          <a:chExt cx="0" cy="0"/>
        </a:xfrm>
      </p:grpSpPr>
      <p:sp>
        <p:nvSpPr>
          <p:cNvPr id="23" name="Content Placeholder 2">
            <a:extLst>
              <a:ext uri="{FF2B5EF4-FFF2-40B4-BE49-F238E27FC236}">
                <a16:creationId xmlns:a16="http://schemas.microsoft.com/office/drawing/2014/main" id="{CBC5AE41-5438-4FD3-9740-463599D0FEC6}"/>
              </a:ext>
            </a:extLst>
          </p:cNvPr>
          <p:cNvSpPr>
            <a:spLocks noGrp="1"/>
          </p:cNvSpPr>
          <p:nvPr>
            <p:ph idx="1"/>
          </p:nvPr>
        </p:nvSpPr>
        <p:spPr>
          <a:xfrm>
            <a:off x="2425700" y="1630364"/>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4" name="Picture Placeholder 14">
            <a:extLst>
              <a:ext uri="{FF2B5EF4-FFF2-40B4-BE49-F238E27FC236}">
                <a16:creationId xmlns:a16="http://schemas.microsoft.com/office/drawing/2014/main" id="{B3B60367-D03F-4045-BA7A-04DDDB58D547}"/>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5" name="Text Placeholder 7">
            <a:extLst>
              <a:ext uri="{FF2B5EF4-FFF2-40B4-BE49-F238E27FC236}">
                <a16:creationId xmlns:a16="http://schemas.microsoft.com/office/drawing/2014/main" id="{2F8556F8-850D-48D8-9FBF-EA96E2925A12}"/>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26" name="Straight Connector 25">
            <a:extLst>
              <a:ext uri="{FF2B5EF4-FFF2-40B4-BE49-F238E27FC236}">
                <a16:creationId xmlns:a16="http://schemas.microsoft.com/office/drawing/2014/main" id="{171AE972-AE08-4D30-A4A2-C94057F8F0A5}"/>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7" name="Content Placeholder 2">
            <a:extLst>
              <a:ext uri="{FF2B5EF4-FFF2-40B4-BE49-F238E27FC236}">
                <a16:creationId xmlns:a16="http://schemas.microsoft.com/office/drawing/2014/main" id="{A7D3A890-5944-4C6A-ADE7-1919E8A87971}"/>
              </a:ext>
            </a:extLst>
          </p:cNvPr>
          <p:cNvSpPr>
            <a:spLocks noGrp="1"/>
          </p:cNvSpPr>
          <p:nvPr>
            <p:ph idx="16"/>
          </p:nvPr>
        </p:nvSpPr>
        <p:spPr>
          <a:xfrm>
            <a:off x="8042275" y="1630364"/>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8" name="Picture Placeholder 14">
            <a:extLst>
              <a:ext uri="{FF2B5EF4-FFF2-40B4-BE49-F238E27FC236}">
                <a16:creationId xmlns:a16="http://schemas.microsoft.com/office/drawing/2014/main" id="{6245B2C4-EBFE-4544-9DFB-4953F4DD119F}"/>
              </a:ext>
            </a:extLst>
          </p:cNvPr>
          <p:cNvSpPr>
            <a:spLocks noGrp="1"/>
          </p:cNvSpPr>
          <p:nvPr>
            <p:ph type="pic" sz="quarter" idx="17"/>
          </p:nvPr>
        </p:nvSpPr>
        <p:spPr>
          <a:xfrm>
            <a:off x="6169025"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9" name="Text Placeholder 7">
            <a:extLst>
              <a:ext uri="{FF2B5EF4-FFF2-40B4-BE49-F238E27FC236}">
                <a16:creationId xmlns:a16="http://schemas.microsoft.com/office/drawing/2014/main" id="{E3BFAAA9-5C01-43DF-B797-73F076F5D6A2}"/>
              </a:ext>
            </a:extLst>
          </p:cNvPr>
          <p:cNvSpPr>
            <a:spLocks noGrp="1"/>
          </p:cNvSpPr>
          <p:nvPr>
            <p:ph type="body" sz="quarter" idx="18" hasCustomPrompt="1"/>
          </p:nvPr>
        </p:nvSpPr>
        <p:spPr>
          <a:xfrm>
            <a:off x="8044815"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0" name="Straight Connector 29">
            <a:extLst>
              <a:ext uri="{FF2B5EF4-FFF2-40B4-BE49-F238E27FC236}">
                <a16:creationId xmlns:a16="http://schemas.microsoft.com/office/drawing/2014/main" id="{984B0C49-E788-4FE2-8B60-5E9E2618235C}"/>
              </a:ext>
            </a:extLst>
          </p:cNvPr>
          <p:cNvCxnSpPr>
            <a:cxnSpLocks/>
          </p:cNvCxnSpPr>
          <p:nvPr userDrawn="1"/>
        </p:nvCxnSpPr>
        <p:spPr>
          <a:xfrm>
            <a:off x="8042275"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1" name="Content Placeholder 2">
            <a:extLst>
              <a:ext uri="{FF2B5EF4-FFF2-40B4-BE49-F238E27FC236}">
                <a16:creationId xmlns:a16="http://schemas.microsoft.com/office/drawing/2014/main" id="{61061E83-BD01-4C7E-A134-3A004A0BA921}"/>
              </a:ext>
            </a:extLst>
          </p:cNvPr>
          <p:cNvSpPr>
            <a:spLocks noGrp="1"/>
          </p:cNvSpPr>
          <p:nvPr>
            <p:ph idx="19"/>
          </p:nvPr>
        </p:nvSpPr>
        <p:spPr>
          <a:xfrm>
            <a:off x="2425700" y="4449289"/>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2" name="Picture Placeholder 14">
            <a:extLst>
              <a:ext uri="{FF2B5EF4-FFF2-40B4-BE49-F238E27FC236}">
                <a16:creationId xmlns:a16="http://schemas.microsoft.com/office/drawing/2014/main" id="{6BA7A345-7BEF-4FD4-8D5F-59AEC0C10516}"/>
              </a:ext>
            </a:extLst>
          </p:cNvPr>
          <p:cNvSpPr>
            <a:spLocks noGrp="1"/>
          </p:cNvSpPr>
          <p:nvPr>
            <p:ph type="pic" sz="quarter" idx="20"/>
          </p:nvPr>
        </p:nvSpPr>
        <p:spPr>
          <a:xfrm>
            <a:off x="552450"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3" name="Text Placeholder 7">
            <a:extLst>
              <a:ext uri="{FF2B5EF4-FFF2-40B4-BE49-F238E27FC236}">
                <a16:creationId xmlns:a16="http://schemas.microsoft.com/office/drawing/2014/main" id="{B95665D2-55F0-47B2-8EC5-FA26CFFD7ED7}"/>
              </a:ext>
            </a:extLst>
          </p:cNvPr>
          <p:cNvSpPr>
            <a:spLocks noGrp="1"/>
          </p:cNvSpPr>
          <p:nvPr>
            <p:ph type="body" sz="quarter" idx="21" hasCustomPrompt="1"/>
          </p:nvPr>
        </p:nvSpPr>
        <p:spPr>
          <a:xfrm>
            <a:off x="2428240"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4" name="Straight Connector 33">
            <a:extLst>
              <a:ext uri="{FF2B5EF4-FFF2-40B4-BE49-F238E27FC236}">
                <a16:creationId xmlns:a16="http://schemas.microsoft.com/office/drawing/2014/main" id="{7C988DE4-1B79-497C-AEE1-548C23437828}"/>
              </a:ext>
            </a:extLst>
          </p:cNvPr>
          <p:cNvCxnSpPr>
            <a:cxnSpLocks/>
          </p:cNvCxnSpPr>
          <p:nvPr userDrawn="1"/>
        </p:nvCxnSpPr>
        <p:spPr>
          <a:xfrm>
            <a:off x="2425700"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5" name="Content Placeholder 2">
            <a:extLst>
              <a:ext uri="{FF2B5EF4-FFF2-40B4-BE49-F238E27FC236}">
                <a16:creationId xmlns:a16="http://schemas.microsoft.com/office/drawing/2014/main" id="{3D317D79-906C-4DDD-8A95-57ADE50BAFC9}"/>
              </a:ext>
            </a:extLst>
          </p:cNvPr>
          <p:cNvSpPr>
            <a:spLocks noGrp="1"/>
          </p:cNvSpPr>
          <p:nvPr>
            <p:ph idx="22"/>
          </p:nvPr>
        </p:nvSpPr>
        <p:spPr>
          <a:xfrm>
            <a:off x="8042275" y="4449289"/>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6" name="Picture Placeholder 14">
            <a:extLst>
              <a:ext uri="{FF2B5EF4-FFF2-40B4-BE49-F238E27FC236}">
                <a16:creationId xmlns:a16="http://schemas.microsoft.com/office/drawing/2014/main" id="{615EBBA1-48B5-48C8-BF67-FFE323601E85}"/>
              </a:ext>
            </a:extLst>
          </p:cNvPr>
          <p:cNvSpPr>
            <a:spLocks noGrp="1"/>
          </p:cNvSpPr>
          <p:nvPr>
            <p:ph type="pic" sz="quarter" idx="23"/>
          </p:nvPr>
        </p:nvSpPr>
        <p:spPr>
          <a:xfrm>
            <a:off x="6169025"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7" name="Text Placeholder 7">
            <a:extLst>
              <a:ext uri="{FF2B5EF4-FFF2-40B4-BE49-F238E27FC236}">
                <a16:creationId xmlns:a16="http://schemas.microsoft.com/office/drawing/2014/main" id="{3DE6C8BB-1E53-42AB-9235-F11000837E3C}"/>
              </a:ext>
            </a:extLst>
          </p:cNvPr>
          <p:cNvSpPr>
            <a:spLocks noGrp="1"/>
          </p:cNvSpPr>
          <p:nvPr>
            <p:ph type="body" sz="quarter" idx="24" hasCustomPrompt="1"/>
          </p:nvPr>
        </p:nvSpPr>
        <p:spPr>
          <a:xfrm>
            <a:off x="8044815"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8" name="Straight Connector 37">
            <a:extLst>
              <a:ext uri="{FF2B5EF4-FFF2-40B4-BE49-F238E27FC236}">
                <a16:creationId xmlns:a16="http://schemas.microsoft.com/office/drawing/2014/main" id="{2AE03B15-C704-43A4-BE42-62D09237DDEE}"/>
              </a:ext>
            </a:extLst>
          </p:cNvPr>
          <p:cNvCxnSpPr>
            <a:cxnSpLocks/>
          </p:cNvCxnSpPr>
          <p:nvPr userDrawn="1"/>
        </p:nvCxnSpPr>
        <p:spPr>
          <a:xfrm>
            <a:off x="8042275"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17514404"/>
      </p:ext>
    </p:extLst>
  </p:cSld>
  <p:clrMapOvr>
    <a:masterClrMapping/>
  </p:clrMapOvr>
  <p:transition>
    <p:fade/>
  </p:transition>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Profiles - Six Name Profiles">
    <p:spTree>
      <p:nvGrpSpPr>
        <p:cNvPr id="1" name=""/>
        <p:cNvGrpSpPr/>
        <p:nvPr/>
      </p:nvGrpSpPr>
      <p:grpSpPr>
        <a:xfrm>
          <a:off x="0" y="0"/>
          <a:ext cx="0" cy="0"/>
          <a:chOff x="0" y="0"/>
          <a:chExt cx="0" cy="0"/>
        </a:xfrm>
      </p:grpSpPr>
      <p:sp>
        <p:nvSpPr>
          <p:cNvPr id="31" name="Title 1">
            <a:extLst>
              <a:ext uri="{FF2B5EF4-FFF2-40B4-BE49-F238E27FC236}">
                <a16:creationId xmlns:a16="http://schemas.microsoft.com/office/drawing/2014/main" id="{C683575C-C4B9-4E2F-9D9F-FEBDB331FA64}"/>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32" name="Straight Connector 31">
            <a:extLst>
              <a:ext uri="{FF2B5EF4-FFF2-40B4-BE49-F238E27FC236}">
                <a16:creationId xmlns:a16="http://schemas.microsoft.com/office/drawing/2014/main" id="{489D076B-26A2-474D-925F-D4CF348D9272}"/>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3" name="Picture Placeholder 14">
            <a:extLst>
              <a:ext uri="{FF2B5EF4-FFF2-40B4-BE49-F238E27FC236}">
                <a16:creationId xmlns:a16="http://schemas.microsoft.com/office/drawing/2014/main" id="{74495213-3AF1-42BD-867D-D8579D54150F}"/>
              </a:ext>
            </a:extLst>
          </p:cNvPr>
          <p:cNvSpPr>
            <a:spLocks noGrp="1"/>
          </p:cNvSpPr>
          <p:nvPr>
            <p:ph type="pic" sz="quarter" idx="15"/>
          </p:nvPr>
        </p:nvSpPr>
        <p:spPr>
          <a:xfrm>
            <a:off x="552450"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4" name="Text Placeholder 7">
            <a:extLst>
              <a:ext uri="{FF2B5EF4-FFF2-40B4-BE49-F238E27FC236}">
                <a16:creationId xmlns:a16="http://schemas.microsoft.com/office/drawing/2014/main" id="{4F5530C5-3AA0-43DA-A346-E167D251F458}"/>
              </a:ext>
            </a:extLst>
          </p:cNvPr>
          <p:cNvSpPr>
            <a:spLocks noGrp="1"/>
          </p:cNvSpPr>
          <p:nvPr>
            <p:ph type="body" sz="quarter" idx="13" hasCustomPrompt="1"/>
          </p:nvPr>
        </p:nvSpPr>
        <p:spPr>
          <a:xfrm>
            <a:off x="2131812"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37" name="Picture Placeholder 14">
            <a:extLst>
              <a:ext uri="{FF2B5EF4-FFF2-40B4-BE49-F238E27FC236}">
                <a16:creationId xmlns:a16="http://schemas.microsoft.com/office/drawing/2014/main" id="{6CBE9017-C530-4B6C-A061-200A955633D3}"/>
              </a:ext>
            </a:extLst>
          </p:cNvPr>
          <p:cNvSpPr>
            <a:spLocks noGrp="1"/>
          </p:cNvSpPr>
          <p:nvPr>
            <p:ph type="pic" sz="quarter" idx="16"/>
          </p:nvPr>
        </p:nvSpPr>
        <p:spPr>
          <a:xfrm>
            <a:off x="552450"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8" name="Text Placeholder 7">
            <a:extLst>
              <a:ext uri="{FF2B5EF4-FFF2-40B4-BE49-F238E27FC236}">
                <a16:creationId xmlns:a16="http://schemas.microsoft.com/office/drawing/2014/main" id="{34D60246-2F54-434D-BCEC-61BDCB970F08}"/>
              </a:ext>
            </a:extLst>
          </p:cNvPr>
          <p:cNvSpPr>
            <a:spLocks noGrp="1"/>
          </p:cNvSpPr>
          <p:nvPr>
            <p:ph type="body" sz="quarter" idx="17" hasCustomPrompt="1"/>
          </p:nvPr>
        </p:nvSpPr>
        <p:spPr>
          <a:xfrm>
            <a:off x="2131812"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39" name="Picture Placeholder 14">
            <a:extLst>
              <a:ext uri="{FF2B5EF4-FFF2-40B4-BE49-F238E27FC236}">
                <a16:creationId xmlns:a16="http://schemas.microsoft.com/office/drawing/2014/main" id="{A7107C72-2EDB-4ECA-8454-D356EC4F45C5}"/>
              </a:ext>
            </a:extLst>
          </p:cNvPr>
          <p:cNvSpPr>
            <a:spLocks noGrp="1"/>
          </p:cNvSpPr>
          <p:nvPr>
            <p:ph type="pic" sz="quarter" idx="18"/>
          </p:nvPr>
        </p:nvSpPr>
        <p:spPr>
          <a:xfrm>
            <a:off x="552450"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0" name="Text Placeholder 7">
            <a:extLst>
              <a:ext uri="{FF2B5EF4-FFF2-40B4-BE49-F238E27FC236}">
                <a16:creationId xmlns:a16="http://schemas.microsoft.com/office/drawing/2014/main" id="{B6EF5E86-92AE-4DF0-BB72-1ACABA04061B}"/>
              </a:ext>
            </a:extLst>
          </p:cNvPr>
          <p:cNvSpPr>
            <a:spLocks noGrp="1"/>
          </p:cNvSpPr>
          <p:nvPr>
            <p:ph type="body" sz="quarter" idx="19" hasCustomPrompt="1"/>
          </p:nvPr>
        </p:nvSpPr>
        <p:spPr>
          <a:xfrm>
            <a:off x="2131812"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1" name="Picture Placeholder 14">
            <a:extLst>
              <a:ext uri="{FF2B5EF4-FFF2-40B4-BE49-F238E27FC236}">
                <a16:creationId xmlns:a16="http://schemas.microsoft.com/office/drawing/2014/main" id="{6470DC53-31A1-4886-96DD-24E8DB5DD9C4}"/>
              </a:ext>
            </a:extLst>
          </p:cNvPr>
          <p:cNvSpPr>
            <a:spLocks noGrp="1"/>
          </p:cNvSpPr>
          <p:nvPr>
            <p:ph type="pic" sz="quarter" idx="20"/>
          </p:nvPr>
        </p:nvSpPr>
        <p:spPr>
          <a:xfrm>
            <a:off x="6169026"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2" name="Text Placeholder 7">
            <a:extLst>
              <a:ext uri="{FF2B5EF4-FFF2-40B4-BE49-F238E27FC236}">
                <a16:creationId xmlns:a16="http://schemas.microsoft.com/office/drawing/2014/main" id="{AD8B2916-BAAC-4A71-97D3-1324495398E1}"/>
              </a:ext>
            </a:extLst>
          </p:cNvPr>
          <p:cNvSpPr>
            <a:spLocks noGrp="1"/>
          </p:cNvSpPr>
          <p:nvPr>
            <p:ph type="body" sz="quarter" idx="21" hasCustomPrompt="1"/>
          </p:nvPr>
        </p:nvSpPr>
        <p:spPr>
          <a:xfrm>
            <a:off x="7748388"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3" name="Picture Placeholder 14">
            <a:extLst>
              <a:ext uri="{FF2B5EF4-FFF2-40B4-BE49-F238E27FC236}">
                <a16:creationId xmlns:a16="http://schemas.microsoft.com/office/drawing/2014/main" id="{CE347703-514B-459B-A699-56915BD151AF}"/>
              </a:ext>
            </a:extLst>
          </p:cNvPr>
          <p:cNvSpPr>
            <a:spLocks noGrp="1"/>
          </p:cNvSpPr>
          <p:nvPr>
            <p:ph type="pic" sz="quarter" idx="22"/>
          </p:nvPr>
        </p:nvSpPr>
        <p:spPr>
          <a:xfrm>
            <a:off x="6169026"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4" name="Text Placeholder 7">
            <a:extLst>
              <a:ext uri="{FF2B5EF4-FFF2-40B4-BE49-F238E27FC236}">
                <a16:creationId xmlns:a16="http://schemas.microsoft.com/office/drawing/2014/main" id="{87ED199E-E1CB-43A8-BB2F-E9906D67BA30}"/>
              </a:ext>
            </a:extLst>
          </p:cNvPr>
          <p:cNvSpPr>
            <a:spLocks noGrp="1"/>
          </p:cNvSpPr>
          <p:nvPr>
            <p:ph type="body" sz="quarter" idx="23" hasCustomPrompt="1"/>
          </p:nvPr>
        </p:nvSpPr>
        <p:spPr>
          <a:xfrm>
            <a:off x="7748388"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5" name="Picture Placeholder 14">
            <a:extLst>
              <a:ext uri="{FF2B5EF4-FFF2-40B4-BE49-F238E27FC236}">
                <a16:creationId xmlns:a16="http://schemas.microsoft.com/office/drawing/2014/main" id="{064781D7-E620-4CDA-8D0D-4A4971B11A42}"/>
              </a:ext>
            </a:extLst>
          </p:cNvPr>
          <p:cNvSpPr>
            <a:spLocks noGrp="1"/>
          </p:cNvSpPr>
          <p:nvPr>
            <p:ph type="pic" sz="quarter" idx="24"/>
          </p:nvPr>
        </p:nvSpPr>
        <p:spPr>
          <a:xfrm>
            <a:off x="6169026"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6" name="Text Placeholder 7">
            <a:extLst>
              <a:ext uri="{FF2B5EF4-FFF2-40B4-BE49-F238E27FC236}">
                <a16:creationId xmlns:a16="http://schemas.microsoft.com/office/drawing/2014/main" id="{57EF6C9F-85E3-40FB-9407-9352A5EED4CB}"/>
              </a:ext>
            </a:extLst>
          </p:cNvPr>
          <p:cNvSpPr>
            <a:spLocks noGrp="1"/>
          </p:cNvSpPr>
          <p:nvPr>
            <p:ph type="body" sz="quarter" idx="25" hasCustomPrompt="1"/>
          </p:nvPr>
        </p:nvSpPr>
        <p:spPr>
          <a:xfrm>
            <a:off x="7748388"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Tree>
    <p:extLst>
      <p:ext uri="{BB962C8B-B14F-4D97-AF65-F5344CB8AC3E}">
        <p14:creationId xmlns:p14="http://schemas.microsoft.com/office/powerpoint/2010/main" val="3633363034"/>
      </p:ext>
    </p:extLst>
  </p:cSld>
  <p:clrMapOvr>
    <a:masterClrMapping/>
  </p:clrMapOvr>
  <p:transition>
    <p:fade/>
  </p:transition>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Profiles - Six Name Profiles - Dark">
    <p:bg>
      <p:bgPr>
        <a:solidFill>
          <a:schemeClr val="accent1"/>
        </a:solidFill>
        <a:effectLst/>
      </p:bgPr>
    </p:bg>
    <p:spTree>
      <p:nvGrpSpPr>
        <p:cNvPr id="1" name=""/>
        <p:cNvGrpSpPr/>
        <p:nvPr/>
      </p:nvGrpSpPr>
      <p:grpSpPr>
        <a:xfrm>
          <a:off x="0" y="0"/>
          <a:ext cx="0" cy="0"/>
          <a:chOff x="0" y="0"/>
          <a:chExt cx="0" cy="0"/>
        </a:xfrm>
      </p:grpSpPr>
      <p:sp>
        <p:nvSpPr>
          <p:cNvPr id="31" name="Title 1">
            <a:extLst>
              <a:ext uri="{FF2B5EF4-FFF2-40B4-BE49-F238E27FC236}">
                <a16:creationId xmlns:a16="http://schemas.microsoft.com/office/drawing/2014/main" id="{C683575C-C4B9-4E2F-9D9F-FEBDB331FA64}"/>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32" name="Straight Connector 31">
            <a:extLst>
              <a:ext uri="{FF2B5EF4-FFF2-40B4-BE49-F238E27FC236}">
                <a16:creationId xmlns:a16="http://schemas.microsoft.com/office/drawing/2014/main" id="{489D076B-26A2-474D-925F-D4CF348D9272}"/>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3" name="Picture Placeholder 14">
            <a:extLst>
              <a:ext uri="{FF2B5EF4-FFF2-40B4-BE49-F238E27FC236}">
                <a16:creationId xmlns:a16="http://schemas.microsoft.com/office/drawing/2014/main" id="{74495213-3AF1-42BD-867D-D8579D54150F}"/>
              </a:ext>
            </a:extLst>
          </p:cNvPr>
          <p:cNvSpPr>
            <a:spLocks noGrp="1"/>
          </p:cNvSpPr>
          <p:nvPr>
            <p:ph type="pic" sz="quarter" idx="15"/>
          </p:nvPr>
        </p:nvSpPr>
        <p:spPr>
          <a:xfrm>
            <a:off x="552450"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4" name="Text Placeholder 7">
            <a:extLst>
              <a:ext uri="{FF2B5EF4-FFF2-40B4-BE49-F238E27FC236}">
                <a16:creationId xmlns:a16="http://schemas.microsoft.com/office/drawing/2014/main" id="{4F5530C5-3AA0-43DA-A346-E167D251F458}"/>
              </a:ext>
            </a:extLst>
          </p:cNvPr>
          <p:cNvSpPr>
            <a:spLocks noGrp="1"/>
          </p:cNvSpPr>
          <p:nvPr>
            <p:ph type="body" sz="quarter" idx="13" hasCustomPrompt="1"/>
          </p:nvPr>
        </p:nvSpPr>
        <p:spPr>
          <a:xfrm>
            <a:off x="2131812"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37" name="Picture Placeholder 14">
            <a:extLst>
              <a:ext uri="{FF2B5EF4-FFF2-40B4-BE49-F238E27FC236}">
                <a16:creationId xmlns:a16="http://schemas.microsoft.com/office/drawing/2014/main" id="{6CBE9017-C530-4B6C-A061-200A955633D3}"/>
              </a:ext>
            </a:extLst>
          </p:cNvPr>
          <p:cNvSpPr>
            <a:spLocks noGrp="1"/>
          </p:cNvSpPr>
          <p:nvPr>
            <p:ph type="pic" sz="quarter" idx="16"/>
          </p:nvPr>
        </p:nvSpPr>
        <p:spPr>
          <a:xfrm>
            <a:off x="552450"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8" name="Text Placeholder 7">
            <a:extLst>
              <a:ext uri="{FF2B5EF4-FFF2-40B4-BE49-F238E27FC236}">
                <a16:creationId xmlns:a16="http://schemas.microsoft.com/office/drawing/2014/main" id="{34D60246-2F54-434D-BCEC-61BDCB970F08}"/>
              </a:ext>
            </a:extLst>
          </p:cNvPr>
          <p:cNvSpPr>
            <a:spLocks noGrp="1"/>
          </p:cNvSpPr>
          <p:nvPr>
            <p:ph type="body" sz="quarter" idx="17" hasCustomPrompt="1"/>
          </p:nvPr>
        </p:nvSpPr>
        <p:spPr>
          <a:xfrm>
            <a:off x="2131812"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39" name="Picture Placeholder 14">
            <a:extLst>
              <a:ext uri="{FF2B5EF4-FFF2-40B4-BE49-F238E27FC236}">
                <a16:creationId xmlns:a16="http://schemas.microsoft.com/office/drawing/2014/main" id="{A7107C72-2EDB-4ECA-8454-D356EC4F45C5}"/>
              </a:ext>
            </a:extLst>
          </p:cNvPr>
          <p:cNvSpPr>
            <a:spLocks noGrp="1"/>
          </p:cNvSpPr>
          <p:nvPr>
            <p:ph type="pic" sz="quarter" idx="18"/>
          </p:nvPr>
        </p:nvSpPr>
        <p:spPr>
          <a:xfrm>
            <a:off x="552450"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0" name="Text Placeholder 7">
            <a:extLst>
              <a:ext uri="{FF2B5EF4-FFF2-40B4-BE49-F238E27FC236}">
                <a16:creationId xmlns:a16="http://schemas.microsoft.com/office/drawing/2014/main" id="{B6EF5E86-92AE-4DF0-BB72-1ACABA04061B}"/>
              </a:ext>
            </a:extLst>
          </p:cNvPr>
          <p:cNvSpPr>
            <a:spLocks noGrp="1"/>
          </p:cNvSpPr>
          <p:nvPr>
            <p:ph type="body" sz="quarter" idx="19" hasCustomPrompt="1"/>
          </p:nvPr>
        </p:nvSpPr>
        <p:spPr>
          <a:xfrm>
            <a:off x="2131812"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1" name="Picture Placeholder 14">
            <a:extLst>
              <a:ext uri="{FF2B5EF4-FFF2-40B4-BE49-F238E27FC236}">
                <a16:creationId xmlns:a16="http://schemas.microsoft.com/office/drawing/2014/main" id="{6470DC53-31A1-4886-96DD-24E8DB5DD9C4}"/>
              </a:ext>
            </a:extLst>
          </p:cNvPr>
          <p:cNvSpPr>
            <a:spLocks noGrp="1"/>
          </p:cNvSpPr>
          <p:nvPr>
            <p:ph type="pic" sz="quarter" idx="20"/>
          </p:nvPr>
        </p:nvSpPr>
        <p:spPr>
          <a:xfrm>
            <a:off x="6169026"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2" name="Text Placeholder 7">
            <a:extLst>
              <a:ext uri="{FF2B5EF4-FFF2-40B4-BE49-F238E27FC236}">
                <a16:creationId xmlns:a16="http://schemas.microsoft.com/office/drawing/2014/main" id="{AD8B2916-BAAC-4A71-97D3-1324495398E1}"/>
              </a:ext>
            </a:extLst>
          </p:cNvPr>
          <p:cNvSpPr>
            <a:spLocks noGrp="1"/>
          </p:cNvSpPr>
          <p:nvPr>
            <p:ph type="body" sz="quarter" idx="21" hasCustomPrompt="1"/>
          </p:nvPr>
        </p:nvSpPr>
        <p:spPr>
          <a:xfrm>
            <a:off x="7748388"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3" name="Picture Placeholder 14">
            <a:extLst>
              <a:ext uri="{FF2B5EF4-FFF2-40B4-BE49-F238E27FC236}">
                <a16:creationId xmlns:a16="http://schemas.microsoft.com/office/drawing/2014/main" id="{CE347703-514B-459B-A699-56915BD151AF}"/>
              </a:ext>
            </a:extLst>
          </p:cNvPr>
          <p:cNvSpPr>
            <a:spLocks noGrp="1"/>
          </p:cNvSpPr>
          <p:nvPr>
            <p:ph type="pic" sz="quarter" idx="22"/>
          </p:nvPr>
        </p:nvSpPr>
        <p:spPr>
          <a:xfrm>
            <a:off x="6169026"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4" name="Text Placeholder 7">
            <a:extLst>
              <a:ext uri="{FF2B5EF4-FFF2-40B4-BE49-F238E27FC236}">
                <a16:creationId xmlns:a16="http://schemas.microsoft.com/office/drawing/2014/main" id="{87ED199E-E1CB-43A8-BB2F-E9906D67BA30}"/>
              </a:ext>
            </a:extLst>
          </p:cNvPr>
          <p:cNvSpPr>
            <a:spLocks noGrp="1"/>
          </p:cNvSpPr>
          <p:nvPr>
            <p:ph type="body" sz="quarter" idx="23" hasCustomPrompt="1"/>
          </p:nvPr>
        </p:nvSpPr>
        <p:spPr>
          <a:xfrm>
            <a:off x="7748388"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5" name="Picture Placeholder 14">
            <a:extLst>
              <a:ext uri="{FF2B5EF4-FFF2-40B4-BE49-F238E27FC236}">
                <a16:creationId xmlns:a16="http://schemas.microsoft.com/office/drawing/2014/main" id="{064781D7-E620-4CDA-8D0D-4A4971B11A42}"/>
              </a:ext>
            </a:extLst>
          </p:cNvPr>
          <p:cNvSpPr>
            <a:spLocks noGrp="1"/>
          </p:cNvSpPr>
          <p:nvPr>
            <p:ph type="pic" sz="quarter" idx="24"/>
          </p:nvPr>
        </p:nvSpPr>
        <p:spPr>
          <a:xfrm>
            <a:off x="6169026"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6" name="Text Placeholder 7">
            <a:extLst>
              <a:ext uri="{FF2B5EF4-FFF2-40B4-BE49-F238E27FC236}">
                <a16:creationId xmlns:a16="http://schemas.microsoft.com/office/drawing/2014/main" id="{57EF6C9F-85E3-40FB-9407-9352A5EED4CB}"/>
              </a:ext>
            </a:extLst>
          </p:cNvPr>
          <p:cNvSpPr>
            <a:spLocks noGrp="1"/>
          </p:cNvSpPr>
          <p:nvPr>
            <p:ph type="body" sz="quarter" idx="25" hasCustomPrompt="1"/>
          </p:nvPr>
        </p:nvSpPr>
        <p:spPr>
          <a:xfrm>
            <a:off x="7748388"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Tree>
    <p:extLst>
      <p:ext uri="{BB962C8B-B14F-4D97-AF65-F5344CB8AC3E}">
        <p14:creationId xmlns:p14="http://schemas.microsoft.com/office/powerpoint/2010/main" val="499369919"/>
      </p:ext>
    </p:extLst>
  </p:cSld>
  <p:clrMapOvr>
    <a:masterClrMapping/>
  </p:clrMapOvr>
  <p:transition>
    <p:fade/>
  </p:transition>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Profiles - Eight Name Profiles">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B600BB97-C2E3-4E66-95D4-0298C359B6A5}"/>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39" name="Straight Connector 38">
            <a:extLst>
              <a:ext uri="{FF2B5EF4-FFF2-40B4-BE49-F238E27FC236}">
                <a16:creationId xmlns:a16="http://schemas.microsoft.com/office/drawing/2014/main" id="{D6DB83E4-E72D-4A5B-B643-83A6589A5AB4}"/>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40" name="Picture Placeholder 14">
            <a:extLst>
              <a:ext uri="{FF2B5EF4-FFF2-40B4-BE49-F238E27FC236}">
                <a16:creationId xmlns:a16="http://schemas.microsoft.com/office/drawing/2014/main" id="{9D15D003-E1BD-4E78-9CE6-1EB83EEF0DF4}"/>
              </a:ext>
            </a:extLst>
          </p:cNvPr>
          <p:cNvSpPr>
            <a:spLocks noGrp="1"/>
          </p:cNvSpPr>
          <p:nvPr>
            <p:ph type="pic" sz="quarter" idx="15"/>
          </p:nvPr>
        </p:nvSpPr>
        <p:spPr>
          <a:xfrm>
            <a:off x="552450"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1" name="Text Placeholder 7">
            <a:extLst>
              <a:ext uri="{FF2B5EF4-FFF2-40B4-BE49-F238E27FC236}">
                <a16:creationId xmlns:a16="http://schemas.microsoft.com/office/drawing/2014/main" id="{D31CFFDF-803A-4295-A1F7-0711B416F0CF}"/>
              </a:ext>
            </a:extLst>
          </p:cNvPr>
          <p:cNvSpPr>
            <a:spLocks noGrp="1"/>
          </p:cNvSpPr>
          <p:nvPr>
            <p:ph type="body" sz="quarter" idx="13" hasCustomPrompt="1"/>
          </p:nvPr>
        </p:nvSpPr>
        <p:spPr>
          <a:xfrm>
            <a:off x="1809840"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57" name="Picture Placeholder 14">
            <a:extLst>
              <a:ext uri="{FF2B5EF4-FFF2-40B4-BE49-F238E27FC236}">
                <a16:creationId xmlns:a16="http://schemas.microsoft.com/office/drawing/2014/main" id="{EB0C49C5-4742-40C1-9D0F-85237002793E}"/>
              </a:ext>
            </a:extLst>
          </p:cNvPr>
          <p:cNvSpPr>
            <a:spLocks noGrp="1"/>
          </p:cNvSpPr>
          <p:nvPr>
            <p:ph type="pic" sz="quarter" idx="16"/>
          </p:nvPr>
        </p:nvSpPr>
        <p:spPr>
          <a:xfrm>
            <a:off x="552450"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58" name="Picture Placeholder 14">
            <a:extLst>
              <a:ext uri="{FF2B5EF4-FFF2-40B4-BE49-F238E27FC236}">
                <a16:creationId xmlns:a16="http://schemas.microsoft.com/office/drawing/2014/main" id="{C1830070-A506-4604-9EFD-E8DD509E8BC3}"/>
              </a:ext>
            </a:extLst>
          </p:cNvPr>
          <p:cNvSpPr>
            <a:spLocks noGrp="1"/>
          </p:cNvSpPr>
          <p:nvPr>
            <p:ph type="pic" sz="quarter" idx="17"/>
          </p:nvPr>
        </p:nvSpPr>
        <p:spPr>
          <a:xfrm>
            <a:off x="552450"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59" name="Picture Placeholder 14">
            <a:extLst>
              <a:ext uri="{FF2B5EF4-FFF2-40B4-BE49-F238E27FC236}">
                <a16:creationId xmlns:a16="http://schemas.microsoft.com/office/drawing/2014/main" id="{BE584E3E-2BBB-438F-BB7F-F21AF4D744A8}"/>
              </a:ext>
            </a:extLst>
          </p:cNvPr>
          <p:cNvSpPr>
            <a:spLocks noGrp="1"/>
          </p:cNvSpPr>
          <p:nvPr>
            <p:ph type="pic" sz="quarter" idx="18"/>
          </p:nvPr>
        </p:nvSpPr>
        <p:spPr>
          <a:xfrm>
            <a:off x="552450"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65" name="Text Placeholder 7">
            <a:extLst>
              <a:ext uri="{FF2B5EF4-FFF2-40B4-BE49-F238E27FC236}">
                <a16:creationId xmlns:a16="http://schemas.microsoft.com/office/drawing/2014/main" id="{31F65786-1174-48B7-B643-CBF347172DA3}"/>
              </a:ext>
            </a:extLst>
          </p:cNvPr>
          <p:cNvSpPr>
            <a:spLocks noGrp="1"/>
          </p:cNvSpPr>
          <p:nvPr>
            <p:ph type="body" sz="quarter" idx="19" hasCustomPrompt="1"/>
          </p:nvPr>
        </p:nvSpPr>
        <p:spPr>
          <a:xfrm>
            <a:off x="1809840"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67" name="Text Placeholder 7">
            <a:extLst>
              <a:ext uri="{FF2B5EF4-FFF2-40B4-BE49-F238E27FC236}">
                <a16:creationId xmlns:a16="http://schemas.microsoft.com/office/drawing/2014/main" id="{0BCFF047-2BE3-47B9-9151-A03E098CC432}"/>
              </a:ext>
            </a:extLst>
          </p:cNvPr>
          <p:cNvSpPr>
            <a:spLocks noGrp="1"/>
          </p:cNvSpPr>
          <p:nvPr>
            <p:ph type="body" sz="quarter" idx="20" hasCustomPrompt="1"/>
          </p:nvPr>
        </p:nvSpPr>
        <p:spPr>
          <a:xfrm>
            <a:off x="1809840"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6" name="Text Placeholder 7">
            <a:extLst>
              <a:ext uri="{FF2B5EF4-FFF2-40B4-BE49-F238E27FC236}">
                <a16:creationId xmlns:a16="http://schemas.microsoft.com/office/drawing/2014/main" id="{DD2A57D3-EB15-4893-92A9-F58BA3202649}"/>
              </a:ext>
            </a:extLst>
          </p:cNvPr>
          <p:cNvSpPr>
            <a:spLocks noGrp="1"/>
          </p:cNvSpPr>
          <p:nvPr>
            <p:ph type="body" sz="quarter" idx="21" hasCustomPrompt="1"/>
          </p:nvPr>
        </p:nvSpPr>
        <p:spPr>
          <a:xfrm>
            <a:off x="1809840"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7" name="Picture Placeholder 14">
            <a:extLst>
              <a:ext uri="{FF2B5EF4-FFF2-40B4-BE49-F238E27FC236}">
                <a16:creationId xmlns:a16="http://schemas.microsoft.com/office/drawing/2014/main" id="{23C4F3EE-BFF0-4E40-96E4-FE2B7DE80710}"/>
              </a:ext>
            </a:extLst>
          </p:cNvPr>
          <p:cNvSpPr>
            <a:spLocks noGrp="1"/>
          </p:cNvSpPr>
          <p:nvPr>
            <p:ph type="pic" sz="quarter" idx="22"/>
          </p:nvPr>
        </p:nvSpPr>
        <p:spPr>
          <a:xfrm>
            <a:off x="6169025"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88" name="Text Placeholder 7">
            <a:extLst>
              <a:ext uri="{FF2B5EF4-FFF2-40B4-BE49-F238E27FC236}">
                <a16:creationId xmlns:a16="http://schemas.microsoft.com/office/drawing/2014/main" id="{E54A773E-4FDE-4966-8075-C547FC0FCED7}"/>
              </a:ext>
            </a:extLst>
          </p:cNvPr>
          <p:cNvSpPr>
            <a:spLocks noGrp="1"/>
          </p:cNvSpPr>
          <p:nvPr>
            <p:ph type="body" sz="quarter" idx="23" hasCustomPrompt="1"/>
          </p:nvPr>
        </p:nvSpPr>
        <p:spPr>
          <a:xfrm>
            <a:off x="7426415"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9" name="Picture Placeholder 14">
            <a:extLst>
              <a:ext uri="{FF2B5EF4-FFF2-40B4-BE49-F238E27FC236}">
                <a16:creationId xmlns:a16="http://schemas.microsoft.com/office/drawing/2014/main" id="{E890FD61-4C0A-4DE2-A179-529E52584449}"/>
              </a:ext>
            </a:extLst>
          </p:cNvPr>
          <p:cNvSpPr>
            <a:spLocks noGrp="1"/>
          </p:cNvSpPr>
          <p:nvPr>
            <p:ph type="pic" sz="quarter" idx="24"/>
          </p:nvPr>
        </p:nvSpPr>
        <p:spPr>
          <a:xfrm>
            <a:off x="6169025"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0" name="Picture Placeholder 14">
            <a:extLst>
              <a:ext uri="{FF2B5EF4-FFF2-40B4-BE49-F238E27FC236}">
                <a16:creationId xmlns:a16="http://schemas.microsoft.com/office/drawing/2014/main" id="{ED82CCD2-C351-4F86-8C79-592752F52494}"/>
              </a:ext>
            </a:extLst>
          </p:cNvPr>
          <p:cNvSpPr>
            <a:spLocks noGrp="1"/>
          </p:cNvSpPr>
          <p:nvPr>
            <p:ph type="pic" sz="quarter" idx="25"/>
          </p:nvPr>
        </p:nvSpPr>
        <p:spPr>
          <a:xfrm>
            <a:off x="6169025"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1" name="Picture Placeholder 14">
            <a:extLst>
              <a:ext uri="{FF2B5EF4-FFF2-40B4-BE49-F238E27FC236}">
                <a16:creationId xmlns:a16="http://schemas.microsoft.com/office/drawing/2014/main" id="{2204C394-2E55-41AF-8506-CDFA29AD4ACC}"/>
              </a:ext>
            </a:extLst>
          </p:cNvPr>
          <p:cNvSpPr>
            <a:spLocks noGrp="1"/>
          </p:cNvSpPr>
          <p:nvPr>
            <p:ph type="pic" sz="quarter" idx="26"/>
          </p:nvPr>
        </p:nvSpPr>
        <p:spPr>
          <a:xfrm>
            <a:off x="6169025"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2" name="Text Placeholder 7">
            <a:extLst>
              <a:ext uri="{FF2B5EF4-FFF2-40B4-BE49-F238E27FC236}">
                <a16:creationId xmlns:a16="http://schemas.microsoft.com/office/drawing/2014/main" id="{97AD3BC9-FC4F-4204-800F-C8F6F96646AA}"/>
              </a:ext>
            </a:extLst>
          </p:cNvPr>
          <p:cNvSpPr>
            <a:spLocks noGrp="1"/>
          </p:cNvSpPr>
          <p:nvPr>
            <p:ph type="body" sz="quarter" idx="27" hasCustomPrompt="1"/>
          </p:nvPr>
        </p:nvSpPr>
        <p:spPr>
          <a:xfrm>
            <a:off x="7426415"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93" name="Text Placeholder 7">
            <a:extLst>
              <a:ext uri="{FF2B5EF4-FFF2-40B4-BE49-F238E27FC236}">
                <a16:creationId xmlns:a16="http://schemas.microsoft.com/office/drawing/2014/main" id="{3C07D480-0F9C-4D0D-8A64-0D29768C78C9}"/>
              </a:ext>
            </a:extLst>
          </p:cNvPr>
          <p:cNvSpPr>
            <a:spLocks noGrp="1"/>
          </p:cNvSpPr>
          <p:nvPr>
            <p:ph type="body" sz="quarter" idx="28" hasCustomPrompt="1"/>
          </p:nvPr>
        </p:nvSpPr>
        <p:spPr>
          <a:xfrm>
            <a:off x="7426415"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94" name="Text Placeholder 7">
            <a:extLst>
              <a:ext uri="{FF2B5EF4-FFF2-40B4-BE49-F238E27FC236}">
                <a16:creationId xmlns:a16="http://schemas.microsoft.com/office/drawing/2014/main" id="{A9A5EA2F-086C-4316-ADEB-00F9E85FC8CB}"/>
              </a:ext>
            </a:extLst>
          </p:cNvPr>
          <p:cNvSpPr>
            <a:spLocks noGrp="1"/>
          </p:cNvSpPr>
          <p:nvPr>
            <p:ph type="body" sz="quarter" idx="29" hasCustomPrompt="1"/>
          </p:nvPr>
        </p:nvSpPr>
        <p:spPr>
          <a:xfrm>
            <a:off x="7426415"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Tree>
    <p:extLst>
      <p:ext uri="{BB962C8B-B14F-4D97-AF65-F5344CB8AC3E}">
        <p14:creationId xmlns:p14="http://schemas.microsoft.com/office/powerpoint/2010/main" val="872403353"/>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Slide A [TOC Source]">
    <p:spTree>
      <p:nvGrpSpPr>
        <p:cNvPr id="1" name=""/>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A76F78DF-1E3F-4F25-8273-DCD1EE32DC67}"/>
              </a:ext>
            </a:extLst>
          </p:cNvPr>
          <p:cNvSpPr>
            <a:spLocks noGrp="1"/>
          </p:cNvSpPr>
          <p:nvPr>
            <p:ph type="pic" sz="quarter" idx="24"/>
          </p:nvPr>
        </p:nvSpPr>
        <p:spPr>
          <a:xfrm>
            <a:off x="4297362" y="0"/>
            <a:ext cx="7897812" cy="6859588"/>
          </a:xfrm>
          <a:custGeom>
            <a:avLst/>
            <a:gdLst>
              <a:gd name="connsiteX0" fmla="*/ 103786 w 7897812"/>
              <a:gd name="connsiteY0" fmla="*/ 0 h 6859588"/>
              <a:gd name="connsiteX1" fmla="*/ 7897812 w 7897812"/>
              <a:gd name="connsiteY1" fmla="*/ 0 h 6859588"/>
              <a:gd name="connsiteX2" fmla="*/ 7897812 w 7897812"/>
              <a:gd name="connsiteY2" fmla="*/ 6859588 h 6859588"/>
              <a:gd name="connsiteX3" fmla="*/ 103786 w 7897812"/>
              <a:gd name="connsiteY3" fmla="*/ 6859588 h 6859588"/>
              <a:gd name="connsiteX4" fmla="*/ 0 w 7897812"/>
              <a:gd name="connsiteY4" fmla="*/ 6755802 h 6859588"/>
              <a:gd name="connsiteX5" fmla="*/ 0 w 7897812"/>
              <a:gd name="connsiteY5" fmla="*/ 103786 h 6859588"/>
              <a:gd name="connsiteX6" fmla="*/ 103786 w 7897812"/>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897812" h="6859588">
                <a:moveTo>
                  <a:pt x="103786" y="0"/>
                </a:moveTo>
                <a:lnTo>
                  <a:pt x="7897812" y="0"/>
                </a:lnTo>
                <a:lnTo>
                  <a:pt x="7897812"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sp>
        <p:nvSpPr>
          <p:cNvPr id="10" name="plcSectionNumber">
            <a:extLst>
              <a:ext uri="{FF2B5EF4-FFF2-40B4-BE49-F238E27FC236}">
                <a16:creationId xmlns:a16="http://schemas.microsoft.com/office/drawing/2014/main" id="{7CB557C8-32D2-47BF-983C-E96EE794946D}"/>
              </a:ext>
            </a:extLst>
          </p:cNvPr>
          <p:cNvSpPr>
            <a:spLocks noGrp="1"/>
          </p:cNvSpPr>
          <p:nvPr>
            <p:ph type="body" sz="quarter" idx="23" hasCustomPrompt="1"/>
          </p:nvPr>
        </p:nvSpPr>
        <p:spPr>
          <a:xfrm>
            <a:off x="558546" y="958467"/>
            <a:ext cx="3488164" cy="2399096"/>
          </a:xfrm>
          <a:prstGeom prst="rect">
            <a:avLst/>
          </a:prstGeom>
          <a:noFill/>
        </p:spPr>
        <p:txBody>
          <a:bodyPr wrap="square" lIns="0" rIns="0" anchor="b">
            <a:noAutofit/>
          </a:bodyPr>
          <a:lstStyle>
            <a:lvl1pPr algn="l">
              <a:spcAft>
                <a:spcPts val="0"/>
              </a:spcAft>
              <a:defRPr sz="11500" b="0">
                <a:solidFill>
                  <a:schemeClr val="accent4"/>
                </a:solidFill>
                <a:latin typeface="+mj-lt"/>
              </a:defRPr>
            </a:lvl1pPr>
            <a:lvl2pPr>
              <a:defRPr sz="2400"/>
            </a:lvl2pPr>
            <a:lvl3pPr>
              <a:defRPr sz="2000"/>
            </a:lvl3pPr>
            <a:lvl4pPr>
              <a:defRPr sz="2000"/>
            </a:lvl4pPr>
            <a:lvl5pPr>
              <a:defRPr sz="2000"/>
            </a:lvl5pPr>
          </a:lstStyle>
          <a:p>
            <a:pPr lvl="0"/>
            <a:r>
              <a:rPr lang="da-DK" dirty="0"/>
              <a:t>##</a:t>
            </a:r>
          </a:p>
        </p:txBody>
      </p:sp>
      <p:sp>
        <p:nvSpPr>
          <p:cNvPr id="14" name="plcSectionTitle">
            <a:extLst>
              <a:ext uri="{FF2B5EF4-FFF2-40B4-BE49-F238E27FC236}">
                <a16:creationId xmlns:a16="http://schemas.microsoft.com/office/drawing/2014/main" id="{0FEC81F5-7067-4927-80AA-EFEBE52A9A3C}"/>
              </a:ext>
            </a:extLst>
          </p:cNvPr>
          <p:cNvSpPr>
            <a:spLocks noGrp="1"/>
          </p:cNvSpPr>
          <p:nvPr>
            <p:ph type="body" sz="quarter" idx="13" hasCustomPrompt="1"/>
          </p:nvPr>
        </p:nvSpPr>
        <p:spPr>
          <a:xfrm>
            <a:off x="55854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accent1"/>
                </a:solidFill>
              </a:defRPr>
            </a:lvl1pPr>
            <a:lvl2pPr>
              <a:lnSpc>
                <a:spcPct val="100000"/>
              </a:lnSpc>
              <a:spcBef>
                <a:spcPts val="600"/>
              </a:spcBef>
              <a:spcAft>
                <a:spcPts val="0"/>
              </a:spcAft>
              <a:defRPr sz="1800" b="0" cap="none" spc="0">
                <a:solidFill>
                  <a:schemeClr val="accent4"/>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da-DK" dirty="0"/>
              <a:t>Divider </a:t>
            </a:r>
            <a:r>
              <a:rPr lang="da-DK" dirty="0" err="1"/>
              <a:t>title</a:t>
            </a:r>
            <a:r>
              <a:rPr lang="da-DK" dirty="0"/>
              <a:t>  </a:t>
            </a:r>
          </a:p>
          <a:p>
            <a:pPr lvl="1"/>
            <a:r>
              <a:rPr lang="da-DK" dirty="0"/>
              <a:t>Second </a:t>
            </a:r>
            <a:r>
              <a:rPr lang="da-DK" dirty="0" err="1"/>
              <a:t>level</a:t>
            </a:r>
            <a:endParaRPr lang="da-DK" dirty="0"/>
          </a:p>
        </p:txBody>
      </p:sp>
      <p:sp>
        <p:nvSpPr>
          <p:cNvPr id="9" name="txtSecureMarker2" hidden="1"/>
          <p:cNvSpPr txBox="1"/>
          <p:nvPr userDrawn="1"/>
        </p:nvSpPr>
        <p:spPr>
          <a:xfrm>
            <a:off x="3762235" y="653622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7" name="txtSecureMarker1" hidden="1"/>
          <p:cNvSpPr txBox="1"/>
          <p:nvPr userDrawn="1"/>
        </p:nvSpPr>
        <p:spPr>
          <a:xfrm>
            <a:off x="3762235" y="55401"/>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cxnSp>
        <p:nvCxnSpPr>
          <p:cNvPr id="8" name="Straight Connector 7">
            <a:extLst>
              <a:ext uri="{FF2B5EF4-FFF2-40B4-BE49-F238E27FC236}">
                <a16:creationId xmlns:a16="http://schemas.microsoft.com/office/drawing/2014/main" id="{F5A109E8-3E20-466D-B088-63D770403E1D}"/>
              </a:ext>
            </a:extLst>
          </p:cNvPr>
          <p:cNvCxnSpPr>
            <a:cxnSpLocks/>
          </p:cNvCxnSpPr>
          <p:nvPr userDrawn="1"/>
        </p:nvCxnSpPr>
        <p:spPr>
          <a:xfrm>
            <a:off x="55854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30196982"/>
      </p:ext>
    </p:extLst>
  </p:cSld>
  <p:clrMapOvr>
    <a:masterClrMapping/>
  </p:clrMapOvr>
  <p:transition>
    <p:fade/>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Profiles - Eight Name Profiles - Dark">
    <p:bg>
      <p:bgPr>
        <a:solidFill>
          <a:schemeClr val="accent1"/>
        </a:solidFill>
        <a:effectLst/>
      </p:bgPr>
    </p:bg>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B600BB97-C2E3-4E66-95D4-0298C359B6A5}"/>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39" name="Straight Connector 38">
            <a:extLst>
              <a:ext uri="{FF2B5EF4-FFF2-40B4-BE49-F238E27FC236}">
                <a16:creationId xmlns:a16="http://schemas.microsoft.com/office/drawing/2014/main" id="{D6DB83E4-E72D-4A5B-B643-83A6589A5AB4}"/>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40" name="Picture Placeholder 14">
            <a:extLst>
              <a:ext uri="{FF2B5EF4-FFF2-40B4-BE49-F238E27FC236}">
                <a16:creationId xmlns:a16="http://schemas.microsoft.com/office/drawing/2014/main" id="{9D15D003-E1BD-4E78-9CE6-1EB83EEF0DF4}"/>
              </a:ext>
            </a:extLst>
          </p:cNvPr>
          <p:cNvSpPr>
            <a:spLocks noGrp="1"/>
          </p:cNvSpPr>
          <p:nvPr>
            <p:ph type="pic" sz="quarter" idx="15"/>
          </p:nvPr>
        </p:nvSpPr>
        <p:spPr>
          <a:xfrm>
            <a:off x="552450"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1" name="Text Placeholder 7">
            <a:extLst>
              <a:ext uri="{FF2B5EF4-FFF2-40B4-BE49-F238E27FC236}">
                <a16:creationId xmlns:a16="http://schemas.microsoft.com/office/drawing/2014/main" id="{D31CFFDF-803A-4295-A1F7-0711B416F0CF}"/>
              </a:ext>
            </a:extLst>
          </p:cNvPr>
          <p:cNvSpPr>
            <a:spLocks noGrp="1"/>
          </p:cNvSpPr>
          <p:nvPr>
            <p:ph type="body" sz="quarter" idx="13" hasCustomPrompt="1"/>
          </p:nvPr>
        </p:nvSpPr>
        <p:spPr>
          <a:xfrm>
            <a:off x="1809840"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57" name="Picture Placeholder 14">
            <a:extLst>
              <a:ext uri="{FF2B5EF4-FFF2-40B4-BE49-F238E27FC236}">
                <a16:creationId xmlns:a16="http://schemas.microsoft.com/office/drawing/2014/main" id="{EB0C49C5-4742-40C1-9D0F-85237002793E}"/>
              </a:ext>
            </a:extLst>
          </p:cNvPr>
          <p:cNvSpPr>
            <a:spLocks noGrp="1"/>
          </p:cNvSpPr>
          <p:nvPr>
            <p:ph type="pic" sz="quarter" idx="16"/>
          </p:nvPr>
        </p:nvSpPr>
        <p:spPr>
          <a:xfrm>
            <a:off x="552450"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58" name="Picture Placeholder 14">
            <a:extLst>
              <a:ext uri="{FF2B5EF4-FFF2-40B4-BE49-F238E27FC236}">
                <a16:creationId xmlns:a16="http://schemas.microsoft.com/office/drawing/2014/main" id="{C1830070-A506-4604-9EFD-E8DD509E8BC3}"/>
              </a:ext>
            </a:extLst>
          </p:cNvPr>
          <p:cNvSpPr>
            <a:spLocks noGrp="1"/>
          </p:cNvSpPr>
          <p:nvPr>
            <p:ph type="pic" sz="quarter" idx="17"/>
          </p:nvPr>
        </p:nvSpPr>
        <p:spPr>
          <a:xfrm>
            <a:off x="552450"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59" name="Picture Placeholder 14">
            <a:extLst>
              <a:ext uri="{FF2B5EF4-FFF2-40B4-BE49-F238E27FC236}">
                <a16:creationId xmlns:a16="http://schemas.microsoft.com/office/drawing/2014/main" id="{BE584E3E-2BBB-438F-BB7F-F21AF4D744A8}"/>
              </a:ext>
            </a:extLst>
          </p:cNvPr>
          <p:cNvSpPr>
            <a:spLocks noGrp="1"/>
          </p:cNvSpPr>
          <p:nvPr>
            <p:ph type="pic" sz="quarter" idx="18"/>
          </p:nvPr>
        </p:nvSpPr>
        <p:spPr>
          <a:xfrm>
            <a:off x="552450"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65" name="Text Placeholder 7">
            <a:extLst>
              <a:ext uri="{FF2B5EF4-FFF2-40B4-BE49-F238E27FC236}">
                <a16:creationId xmlns:a16="http://schemas.microsoft.com/office/drawing/2014/main" id="{31F65786-1174-48B7-B643-CBF347172DA3}"/>
              </a:ext>
            </a:extLst>
          </p:cNvPr>
          <p:cNvSpPr>
            <a:spLocks noGrp="1"/>
          </p:cNvSpPr>
          <p:nvPr>
            <p:ph type="body" sz="quarter" idx="19" hasCustomPrompt="1"/>
          </p:nvPr>
        </p:nvSpPr>
        <p:spPr>
          <a:xfrm>
            <a:off x="1809840"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67" name="Text Placeholder 7">
            <a:extLst>
              <a:ext uri="{FF2B5EF4-FFF2-40B4-BE49-F238E27FC236}">
                <a16:creationId xmlns:a16="http://schemas.microsoft.com/office/drawing/2014/main" id="{0BCFF047-2BE3-47B9-9151-A03E098CC432}"/>
              </a:ext>
            </a:extLst>
          </p:cNvPr>
          <p:cNvSpPr>
            <a:spLocks noGrp="1"/>
          </p:cNvSpPr>
          <p:nvPr>
            <p:ph type="body" sz="quarter" idx="20" hasCustomPrompt="1"/>
          </p:nvPr>
        </p:nvSpPr>
        <p:spPr>
          <a:xfrm>
            <a:off x="1809840"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6" name="Text Placeholder 7">
            <a:extLst>
              <a:ext uri="{FF2B5EF4-FFF2-40B4-BE49-F238E27FC236}">
                <a16:creationId xmlns:a16="http://schemas.microsoft.com/office/drawing/2014/main" id="{DD2A57D3-EB15-4893-92A9-F58BA3202649}"/>
              </a:ext>
            </a:extLst>
          </p:cNvPr>
          <p:cNvSpPr>
            <a:spLocks noGrp="1"/>
          </p:cNvSpPr>
          <p:nvPr>
            <p:ph type="body" sz="quarter" idx="21" hasCustomPrompt="1"/>
          </p:nvPr>
        </p:nvSpPr>
        <p:spPr>
          <a:xfrm>
            <a:off x="1809840"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7" name="Picture Placeholder 14">
            <a:extLst>
              <a:ext uri="{FF2B5EF4-FFF2-40B4-BE49-F238E27FC236}">
                <a16:creationId xmlns:a16="http://schemas.microsoft.com/office/drawing/2014/main" id="{23C4F3EE-BFF0-4E40-96E4-FE2B7DE80710}"/>
              </a:ext>
            </a:extLst>
          </p:cNvPr>
          <p:cNvSpPr>
            <a:spLocks noGrp="1"/>
          </p:cNvSpPr>
          <p:nvPr>
            <p:ph type="pic" sz="quarter" idx="22"/>
          </p:nvPr>
        </p:nvSpPr>
        <p:spPr>
          <a:xfrm>
            <a:off x="6169025"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88" name="Text Placeholder 7">
            <a:extLst>
              <a:ext uri="{FF2B5EF4-FFF2-40B4-BE49-F238E27FC236}">
                <a16:creationId xmlns:a16="http://schemas.microsoft.com/office/drawing/2014/main" id="{E54A773E-4FDE-4966-8075-C547FC0FCED7}"/>
              </a:ext>
            </a:extLst>
          </p:cNvPr>
          <p:cNvSpPr>
            <a:spLocks noGrp="1"/>
          </p:cNvSpPr>
          <p:nvPr>
            <p:ph type="body" sz="quarter" idx="23" hasCustomPrompt="1"/>
          </p:nvPr>
        </p:nvSpPr>
        <p:spPr>
          <a:xfrm>
            <a:off x="7426415"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9" name="Picture Placeholder 14">
            <a:extLst>
              <a:ext uri="{FF2B5EF4-FFF2-40B4-BE49-F238E27FC236}">
                <a16:creationId xmlns:a16="http://schemas.microsoft.com/office/drawing/2014/main" id="{E890FD61-4C0A-4DE2-A179-529E52584449}"/>
              </a:ext>
            </a:extLst>
          </p:cNvPr>
          <p:cNvSpPr>
            <a:spLocks noGrp="1"/>
          </p:cNvSpPr>
          <p:nvPr>
            <p:ph type="pic" sz="quarter" idx="24"/>
          </p:nvPr>
        </p:nvSpPr>
        <p:spPr>
          <a:xfrm>
            <a:off x="6169025"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0" name="Picture Placeholder 14">
            <a:extLst>
              <a:ext uri="{FF2B5EF4-FFF2-40B4-BE49-F238E27FC236}">
                <a16:creationId xmlns:a16="http://schemas.microsoft.com/office/drawing/2014/main" id="{ED82CCD2-C351-4F86-8C79-592752F52494}"/>
              </a:ext>
            </a:extLst>
          </p:cNvPr>
          <p:cNvSpPr>
            <a:spLocks noGrp="1"/>
          </p:cNvSpPr>
          <p:nvPr>
            <p:ph type="pic" sz="quarter" idx="25"/>
          </p:nvPr>
        </p:nvSpPr>
        <p:spPr>
          <a:xfrm>
            <a:off x="6169025"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1" name="Picture Placeholder 14">
            <a:extLst>
              <a:ext uri="{FF2B5EF4-FFF2-40B4-BE49-F238E27FC236}">
                <a16:creationId xmlns:a16="http://schemas.microsoft.com/office/drawing/2014/main" id="{2204C394-2E55-41AF-8506-CDFA29AD4ACC}"/>
              </a:ext>
            </a:extLst>
          </p:cNvPr>
          <p:cNvSpPr>
            <a:spLocks noGrp="1"/>
          </p:cNvSpPr>
          <p:nvPr>
            <p:ph type="pic" sz="quarter" idx="26"/>
          </p:nvPr>
        </p:nvSpPr>
        <p:spPr>
          <a:xfrm>
            <a:off x="6169025"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2" name="Text Placeholder 7">
            <a:extLst>
              <a:ext uri="{FF2B5EF4-FFF2-40B4-BE49-F238E27FC236}">
                <a16:creationId xmlns:a16="http://schemas.microsoft.com/office/drawing/2014/main" id="{97AD3BC9-FC4F-4204-800F-C8F6F96646AA}"/>
              </a:ext>
            </a:extLst>
          </p:cNvPr>
          <p:cNvSpPr>
            <a:spLocks noGrp="1"/>
          </p:cNvSpPr>
          <p:nvPr>
            <p:ph type="body" sz="quarter" idx="27" hasCustomPrompt="1"/>
          </p:nvPr>
        </p:nvSpPr>
        <p:spPr>
          <a:xfrm>
            <a:off x="7426415"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93" name="Text Placeholder 7">
            <a:extLst>
              <a:ext uri="{FF2B5EF4-FFF2-40B4-BE49-F238E27FC236}">
                <a16:creationId xmlns:a16="http://schemas.microsoft.com/office/drawing/2014/main" id="{3C07D480-0F9C-4D0D-8A64-0D29768C78C9}"/>
              </a:ext>
            </a:extLst>
          </p:cNvPr>
          <p:cNvSpPr>
            <a:spLocks noGrp="1"/>
          </p:cNvSpPr>
          <p:nvPr>
            <p:ph type="body" sz="quarter" idx="28" hasCustomPrompt="1"/>
          </p:nvPr>
        </p:nvSpPr>
        <p:spPr>
          <a:xfrm>
            <a:off x="7426415"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94" name="Text Placeholder 7">
            <a:extLst>
              <a:ext uri="{FF2B5EF4-FFF2-40B4-BE49-F238E27FC236}">
                <a16:creationId xmlns:a16="http://schemas.microsoft.com/office/drawing/2014/main" id="{A9A5EA2F-086C-4316-ADEB-00F9E85FC8CB}"/>
              </a:ext>
            </a:extLst>
          </p:cNvPr>
          <p:cNvSpPr>
            <a:spLocks noGrp="1"/>
          </p:cNvSpPr>
          <p:nvPr>
            <p:ph type="body" sz="quarter" idx="29" hasCustomPrompt="1"/>
          </p:nvPr>
        </p:nvSpPr>
        <p:spPr>
          <a:xfrm>
            <a:off x="7426415"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Tree>
    <p:extLst>
      <p:ext uri="{BB962C8B-B14F-4D97-AF65-F5344CB8AC3E}">
        <p14:creationId xmlns:p14="http://schemas.microsoft.com/office/powerpoint/2010/main" val="844619627"/>
      </p:ext>
    </p:extLst>
  </p:cSld>
  <p:clrMapOvr>
    <a:masterClrMapping/>
  </p:clrMapOvr>
  <p:transition>
    <p:fade/>
  </p:transition>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Profiles - Three Short Profiles">
    <p:spTree>
      <p:nvGrpSpPr>
        <p:cNvPr id="1" name=""/>
        <p:cNvGrpSpPr/>
        <p:nvPr/>
      </p:nvGrpSpPr>
      <p:grpSpPr>
        <a:xfrm>
          <a:off x="0" y="0"/>
          <a:ext cx="0" cy="0"/>
          <a:chOff x="0" y="0"/>
          <a:chExt cx="0" cy="0"/>
        </a:xfrm>
      </p:grpSpPr>
      <p:sp>
        <p:nvSpPr>
          <p:cNvPr id="16" name="Picture Placeholder 3">
            <a:extLst>
              <a:ext uri="{FF2B5EF4-FFF2-40B4-BE49-F238E27FC236}">
                <a16:creationId xmlns:a16="http://schemas.microsoft.com/office/drawing/2014/main" id="{52CF6D8C-4AA7-4BB7-8D73-99ED35A5726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22" name="Text Placeholder 4">
            <a:extLst>
              <a:ext uri="{FF2B5EF4-FFF2-40B4-BE49-F238E27FC236}">
                <a16:creationId xmlns:a16="http://schemas.microsoft.com/office/drawing/2014/main" id="{6EC1A3BF-0F2D-4B6D-BDF5-FF7669CE38AC}"/>
              </a:ext>
            </a:extLst>
          </p:cNvPr>
          <p:cNvSpPr>
            <a:spLocks noGrp="1"/>
          </p:cNvSpPr>
          <p:nvPr>
            <p:ph type="body" sz="quarter" idx="33"/>
          </p:nvPr>
        </p:nvSpPr>
        <p:spPr>
          <a:xfrm>
            <a:off x="552450" y="4438650"/>
            <a:ext cx="2665413"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9" name="Title 1">
            <a:extLst>
              <a:ext uri="{FF2B5EF4-FFF2-40B4-BE49-F238E27FC236}">
                <a16:creationId xmlns:a16="http://schemas.microsoft.com/office/drawing/2014/main" id="{BA4EA9B1-514F-42B2-941C-FA9F7A847A66}"/>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0" name="Straight Connector 19">
            <a:extLst>
              <a:ext uri="{FF2B5EF4-FFF2-40B4-BE49-F238E27FC236}">
                <a16:creationId xmlns:a16="http://schemas.microsoft.com/office/drawing/2014/main" id="{A79F3F4D-85C7-40E3-B2C0-9A7DB6AE30D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2" name="Picture Placeholder 3">
            <a:extLst>
              <a:ext uri="{FF2B5EF4-FFF2-40B4-BE49-F238E27FC236}">
                <a16:creationId xmlns:a16="http://schemas.microsoft.com/office/drawing/2014/main" id="{AC287A1C-0CB1-4A32-A2A1-8C11535F42E5}"/>
              </a:ext>
            </a:extLst>
          </p:cNvPr>
          <p:cNvSpPr>
            <a:spLocks noGrp="1"/>
          </p:cNvSpPr>
          <p:nvPr>
            <p:ph type="pic" sz="quarter" idx="34"/>
          </p:nvPr>
        </p:nvSpPr>
        <p:spPr>
          <a:xfrm>
            <a:off x="429577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3" name="Text Placeholder 4">
            <a:extLst>
              <a:ext uri="{FF2B5EF4-FFF2-40B4-BE49-F238E27FC236}">
                <a16:creationId xmlns:a16="http://schemas.microsoft.com/office/drawing/2014/main" id="{6EACC9BB-4078-4A59-B341-C5CC7545AEE4}"/>
              </a:ext>
            </a:extLst>
          </p:cNvPr>
          <p:cNvSpPr>
            <a:spLocks noGrp="1"/>
          </p:cNvSpPr>
          <p:nvPr>
            <p:ph type="body" sz="quarter" idx="35"/>
          </p:nvPr>
        </p:nvSpPr>
        <p:spPr>
          <a:xfrm>
            <a:off x="4295775" y="4438650"/>
            <a:ext cx="2665413"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4" name="Picture Placeholder 3">
            <a:extLst>
              <a:ext uri="{FF2B5EF4-FFF2-40B4-BE49-F238E27FC236}">
                <a16:creationId xmlns:a16="http://schemas.microsoft.com/office/drawing/2014/main" id="{DB74DC24-6212-47F4-B442-E2CE67E1EEFF}"/>
              </a:ext>
            </a:extLst>
          </p:cNvPr>
          <p:cNvSpPr>
            <a:spLocks noGrp="1"/>
          </p:cNvSpPr>
          <p:nvPr>
            <p:ph type="pic" sz="quarter" idx="36"/>
          </p:nvPr>
        </p:nvSpPr>
        <p:spPr>
          <a:xfrm>
            <a:off x="803910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5" name="Text Placeholder 4">
            <a:extLst>
              <a:ext uri="{FF2B5EF4-FFF2-40B4-BE49-F238E27FC236}">
                <a16:creationId xmlns:a16="http://schemas.microsoft.com/office/drawing/2014/main" id="{2D4739AF-41CF-4A54-8668-EC236387772F}"/>
              </a:ext>
            </a:extLst>
          </p:cNvPr>
          <p:cNvSpPr>
            <a:spLocks noGrp="1"/>
          </p:cNvSpPr>
          <p:nvPr>
            <p:ph type="body" sz="quarter" idx="37"/>
          </p:nvPr>
        </p:nvSpPr>
        <p:spPr>
          <a:xfrm>
            <a:off x="8039100" y="4438650"/>
            <a:ext cx="2665413"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Tree>
    <p:extLst>
      <p:ext uri="{BB962C8B-B14F-4D97-AF65-F5344CB8AC3E}">
        <p14:creationId xmlns:p14="http://schemas.microsoft.com/office/powerpoint/2010/main" val="3346774808"/>
      </p:ext>
    </p:extLst>
  </p:cSld>
  <p:clrMapOvr>
    <a:masterClrMapping/>
  </p:clrMapOvr>
  <p:transition>
    <p:fade/>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1_Profiles - Three Short Profiles - Dark">
    <p:bg>
      <p:bgPr>
        <a:solidFill>
          <a:schemeClr val="accent1"/>
        </a:solidFill>
        <a:effectLst/>
      </p:bgPr>
    </p:bg>
    <p:spTree>
      <p:nvGrpSpPr>
        <p:cNvPr id="1" name=""/>
        <p:cNvGrpSpPr/>
        <p:nvPr/>
      </p:nvGrpSpPr>
      <p:grpSpPr>
        <a:xfrm>
          <a:off x="0" y="0"/>
          <a:ext cx="0" cy="0"/>
          <a:chOff x="0" y="0"/>
          <a:chExt cx="0" cy="0"/>
        </a:xfrm>
      </p:grpSpPr>
      <p:sp>
        <p:nvSpPr>
          <p:cNvPr id="16" name="Picture Placeholder 3">
            <a:extLst>
              <a:ext uri="{FF2B5EF4-FFF2-40B4-BE49-F238E27FC236}">
                <a16:creationId xmlns:a16="http://schemas.microsoft.com/office/drawing/2014/main" id="{52CF6D8C-4AA7-4BB7-8D73-99ED35A5726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22" name="Text Placeholder 4">
            <a:extLst>
              <a:ext uri="{FF2B5EF4-FFF2-40B4-BE49-F238E27FC236}">
                <a16:creationId xmlns:a16="http://schemas.microsoft.com/office/drawing/2014/main" id="{6EC1A3BF-0F2D-4B6D-BDF5-FF7669CE38AC}"/>
              </a:ext>
            </a:extLst>
          </p:cNvPr>
          <p:cNvSpPr>
            <a:spLocks noGrp="1"/>
          </p:cNvSpPr>
          <p:nvPr>
            <p:ph type="body" sz="quarter" idx="33"/>
          </p:nvPr>
        </p:nvSpPr>
        <p:spPr>
          <a:xfrm>
            <a:off x="552450" y="4438650"/>
            <a:ext cx="2665413"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9" name="Title 1">
            <a:extLst>
              <a:ext uri="{FF2B5EF4-FFF2-40B4-BE49-F238E27FC236}">
                <a16:creationId xmlns:a16="http://schemas.microsoft.com/office/drawing/2014/main" id="{BA4EA9B1-514F-42B2-941C-FA9F7A847A66}"/>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0" name="Straight Connector 19">
            <a:extLst>
              <a:ext uri="{FF2B5EF4-FFF2-40B4-BE49-F238E27FC236}">
                <a16:creationId xmlns:a16="http://schemas.microsoft.com/office/drawing/2014/main" id="{A79F3F4D-85C7-40E3-B2C0-9A7DB6AE30D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2" name="Picture Placeholder 3">
            <a:extLst>
              <a:ext uri="{FF2B5EF4-FFF2-40B4-BE49-F238E27FC236}">
                <a16:creationId xmlns:a16="http://schemas.microsoft.com/office/drawing/2014/main" id="{AC287A1C-0CB1-4A32-A2A1-8C11535F42E5}"/>
              </a:ext>
            </a:extLst>
          </p:cNvPr>
          <p:cNvSpPr>
            <a:spLocks noGrp="1"/>
          </p:cNvSpPr>
          <p:nvPr>
            <p:ph type="pic" sz="quarter" idx="34"/>
          </p:nvPr>
        </p:nvSpPr>
        <p:spPr>
          <a:xfrm>
            <a:off x="429577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3" name="Text Placeholder 4">
            <a:extLst>
              <a:ext uri="{FF2B5EF4-FFF2-40B4-BE49-F238E27FC236}">
                <a16:creationId xmlns:a16="http://schemas.microsoft.com/office/drawing/2014/main" id="{6EACC9BB-4078-4A59-B341-C5CC7545AEE4}"/>
              </a:ext>
            </a:extLst>
          </p:cNvPr>
          <p:cNvSpPr>
            <a:spLocks noGrp="1"/>
          </p:cNvSpPr>
          <p:nvPr>
            <p:ph type="body" sz="quarter" idx="35"/>
          </p:nvPr>
        </p:nvSpPr>
        <p:spPr>
          <a:xfrm>
            <a:off x="4295775" y="4438650"/>
            <a:ext cx="2665413"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4" name="Picture Placeholder 3">
            <a:extLst>
              <a:ext uri="{FF2B5EF4-FFF2-40B4-BE49-F238E27FC236}">
                <a16:creationId xmlns:a16="http://schemas.microsoft.com/office/drawing/2014/main" id="{DB74DC24-6212-47F4-B442-E2CE67E1EEFF}"/>
              </a:ext>
            </a:extLst>
          </p:cNvPr>
          <p:cNvSpPr>
            <a:spLocks noGrp="1"/>
          </p:cNvSpPr>
          <p:nvPr>
            <p:ph type="pic" sz="quarter" idx="36"/>
          </p:nvPr>
        </p:nvSpPr>
        <p:spPr>
          <a:xfrm>
            <a:off x="803910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5" name="Text Placeholder 4">
            <a:extLst>
              <a:ext uri="{FF2B5EF4-FFF2-40B4-BE49-F238E27FC236}">
                <a16:creationId xmlns:a16="http://schemas.microsoft.com/office/drawing/2014/main" id="{2D4739AF-41CF-4A54-8668-EC236387772F}"/>
              </a:ext>
            </a:extLst>
          </p:cNvPr>
          <p:cNvSpPr>
            <a:spLocks noGrp="1"/>
          </p:cNvSpPr>
          <p:nvPr>
            <p:ph type="body" sz="quarter" idx="37"/>
          </p:nvPr>
        </p:nvSpPr>
        <p:spPr>
          <a:xfrm>
            <a:off x="8039100" y="4438650"/>
            <a:ext cx="2665413"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Tree>
    <p:extLst>
      <p:ext uri="{BB962C8B-B14F-4D97-AF65-F5344CB8AC3E}">
        <p14:creationId xmlns:p14="http://schemas.microsoft.com/office/powerpoint/2010/main" val="2542673785"/>
      </p:ext>
    </p:extLst>
  </p:cSld>
  <p:clrMapOvr>
    <a:masterClrMapping/>
  </p:clrMapOvr>
  <p:transition>
    <p:fade/>
  </p:transition>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Profiles - Four Short Profiles">
    <p:spTree>
      <p:nvGrpSpPr>
        <p:cNvPr id="1" name=""/>
        <p:cNvGrpSpPr/>
        <p:nvPr/>
      </p:nvGrpSpPr>
      <p:grpSpPr>
        <a:xfrm>
          <a:off x="0" y="0"/>
          <a:ext cx="0" cy="0"/>
          <a:chOff x="0" y="0"/>
          <a:chExt cx="0" cy="0"/>
        </a:xfrm>
      </p:grpSpPr>
      <p:sp>
        <p:nvSpPr>
          <p:cNvPr id="20" name="Picture Placeholder 3">
            <a:extLst>
              <a:ext uri="{FF2B5EF4-FFF2-40B4-BE49-F238E27FC236}">
                <a16:creationId xmlns:a16="http://schemas.microsoft.com/office/drawing/2014/main" id="{332ABE18-3D80-4926-BB11-13D021EE774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25" name="Text Placeholder 4">
            <a:extLst>
              <a:ext uri="{FF2B5EF4-FFF2-40B4-BE49-F238E27FC236}">
                <a16:creationId xmlns:a16="http://schemas.microsoft.com/office/drawing/2014/main" id="{6A1FA9C9-EB7D-402A-86DC-A45343F4E792}"/>
              </a:ext>
            </a:extLst>
          </p:cNvPr>
          <p:cNvSpPr>
            <a:spLocks noGrp="1"/>
          </p:cNvSpPr>
          <p:nvPr>
            <p:ph type="body" sz="quarter" idx="33"/>
          </p:nvPr>
        </p:nvSpPr>
        <p:spPr>
          <a:xfrm>
            <a:off x="552450" y="4438650"/>
            <a:ext cx="2592000"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6" name="Title 1">
            <a:extLst>
              <a:ext uri="{FF2B5EF4-FFF2-40B4-BE49-F238E27FC236}">
                <a16:creationId xmlns:a16="http://schemas.microsoft.com/office/drawing/2014/main" id="{9F1BD1FE-1EBA-4A08-90B5-0F3A95506E59}"/>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7" name="Straight Connector 26">
            <a:extLst>
              <a:ext uri="{FF2B5EF4-FFF2-40B4-BE49-F238E27FC236}">
                <a16:creationId xmlns:a16="http://schemas.microsoft.com/office/drawing/2014/main" id="{D7A34E6A-7F55-4DFD-968E-71DB0FA0E523}"/>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8" name="Picture Placeholder 3">
            <a:extLst>
              <a:ext uri="{FF2B5EF4-FFF2-40B4-BE49-F238E27FC236}">
                <a16:creationId xmlns:a16="http://schemas.microsoft.com/office/drawing/2014/main" id="{B11D4925-C268-4204-ABF0-D18B4647D633}"/>
              </a:ext>
            </a:extLst>
          </p:cNvPr>
          <p:cNvSpPr>
            <a:spLocks noGrp="1"/>
          </p:cNvSpPr>
          <p:nvPr>
            <p:ph type="pic" sz="quarter" idx="34"/>
          </p:nvPr>
        </p:nvSpPr>
        <p:spPr>
          <a:xfrm>
            <a:off x="3360737"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6" name="Text Placeholder 4">
            <a:extLst>
              <a:ext uri="{FF2B5EF4-FFF2-40B4-BE49-F238E27FC236}">
                <a16:creationId xmlns:a16="http://schemas.microsoft.com/office/drawing/2014/main" id="{3F6F4FC8-6560-4B8B-A3A0-472C7097DF30}"/>
              </a:ext>
            </a:extLst>
          </p:cNvPr>
          <p:cNvSpPr>
            <a:spLocks noGrp="1"/>
          </p:cNvSpPr>
          <p:nvPr>
            <p:ph type="body" sz="quarter" idx="35"/>
          </p:nvPr>
        </p:nvSpPr>
        <p:spPr>
          <a:xfrm>
            <a:off x="3360737" y="4438650"/>
            <a:ext cx="2592000"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7" name="Picture Placeholder 3">
            <a:extLst>
              <a:ext uri="{FF2B5EF4-FFF2-40B4-BE49-F238E27FC236}">
                <a16:creationId xmlns:a16="http://schemas.microsoft.com/office/drawing/2014/main" id="{08C63C87-DF84-45A0-B824-B4B20EF5B545}"/>
              </a:ext>
            </a:extLst>
          </p:cNvPr>
          <p:cNvSpPr>
            <a:spLocks noGrp="1"/>
          </p:cNvSpPr>
          <p:nvPr>
            <p:ph type="pic" sz="quarter" idx="36"/>
          </p:nvPr>
        </p:nvSpPr>
        <p:spPr>
          <a:xfrm>
            <a:off x="616902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8" name="Text Placeholder 4">
            <a:extLst>
              <a:ext uri="{FF2B5EF4-FFF2-40B4-BE49-F238E27FC236}">
                <a16:creationId xmlns:a16="http://schemas.microsoft.com/office/drawing/2014/main" id="{4ED6EF5B-02C3-46D0-807D-23439A3021D4}"/>
              </a:ext>
            </a:extLst>
          </p:cNvPr>
          <p:cNvSpPr>
            <a:spLocks noGrp="1"/>
          </p:cNvSpPr>
          <p:nvPr>
            <p:ph type="body" sz="quarter" idx="37"/>
          </p:nvPr>
        </p:nvSpPr>
        <p:spPr>
          <a:xfrm>
            <a:off x="6169025" y="4438650"/>
            <a:ext cx="2592000"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9" name="Picture Placeholder 3">
            <a:extLst>
              <a:ext uri="{FF2B5EF4-FFF2-40B4-BE49-F238E27FC236}">
                <a16:creationId xmlns:a16="http://schemas.microsoft.com/office/drawing/2014/main" id="{8C1C1D27-A4A4-4378-AD6A-6566FC21F260}"/>
              </a:ext>
            </a:extLst>
          </p:cNvPr>
          <p:cNvSpPr>
            <a:spLocks noGrp="1"/>
          </p:cNvSpPr>
          <p:nvPr>
            <p:ph type="pic" sz="quarter" idx="38"/>
          </p:nvPr>
        </p:nvSpPr>
        <p:spPr>
          <a:xfrm>
            <a:off x="8977312"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40" name="Text Placeholder 4">
            <a:extLst>
              <a:ext uri="{FF2B5EF4-FFF2-40B4-BE49-F238E27FC236}">
                <a16:creationId xmlns:a16="http://schemas.microsoft.com/office/drawing/2014/main" id="{2C509099-C88E-4CFF-971D-BE420AE4AD46}"/>
              </a:ext>
            </a:extLst>
          </p:cNvPr>
          <p:cNvSpPr>
            <a:spLocks noGrp="1"/>
          </p:cNvSpPr>
          <p:nvPr>
            <p:ph type="body" sz="quarter" idx="39"/>
          </p:nvPr>
        </p:nvSpPr>
        <p:spPr>
          <a:xfrm>
            <a:off x="8977312" y="4438650"/>
            <a:ext cx="2592000"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Tree>
    <p:extLst>
      <p:ext uri="{BB962C8B-B14F-4D97-AF65-F5344CB8AC3E}">
        <p14:creationId xmlns:p14="http://schemas.microsoft.com/office/powerpoint/2010/main" val="3522826542"/>
      </p:ext>
    </p:extLst>
  </p:cSld>
  <p:clrMapOvr>
    <a:masterClrMapping/>
  </p:clrMapOvr>
  <p:transition>
    <p:fade/>
  </p:transition>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Profiles - Four Short Profiles - Dark">
    <p:bg>
      <p:bgPr>
        <a:solidFill>
          <a:schemeClr val="accent1"/>
        </a:solidFill>
        <a:effectLst/>
      </p:bgPr>
    </p:bg>
    <p:spTree>
      <p:nvGrpSpPr>
        <p:cNvPr id="1" name=""/>
        <p:cNvGrpSpPr/>
        <p:nvPr/>
      </p:nvGrpSpPr>
      <p:grpSpPr>
        <a:xfrm>
          <a:off x="0" y="0"/>
          <a:ext cx="0" cy="0"/>
          <a:chOff x="0" y="0"/>
          <a:chExt cx="0" cy="0"/>
        </a:xfrm>
      </p:grpSpPr>
      <p:sp>
        <p:nvSpPr>
          <p:cNvPr id="20" name="Picture Placeholder 3">
            <a:extLst>
              <a:ext uri="{FF2B5EF4-FFF2-40B4-BE49-F238E27FC236}">
                <a16:creationId xmlns:a16="http://schemas.microsoft.com/office/drawing/2014/main" id="{332ABE18-3D80-4926-BB11-13D021EE774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25" name="Text Placeholder 4">
            <a:extLst>
              <a:ext uri="{FF2B5EF4-FFF2-40B4-BE49-F238E27FC236}">
                <a16:creationId xmlns:a16="http://schemas.microsoft.com/office/drawing/2014/main" id="{6A1FA9C9-EB7D-402A-86DC-A45343F4E792}"/>
              </a:ext>
            </a:extLst>
          </p:cNvPr>
          <p:cNvSpPr>
            <a:spLocks noGrp="1"/>
          </p:cNvSpPr>
          <p:nvPr>
            <p:ph type="body" sz="quarter" idx="33"/>
          </p:nvPr>
        </p:nvSpPr>
        <p:spPr>
          <a:xfrm>
            <a:off x="552450"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6" name="Title 1">
            <a:extLst>
              <a:ext uri="{FF2B5EF4-FFF2-40B4-BE49-F238E27FC236}">
                <a16:creationId xmlns:a16="http://schemas.microsoft.com/office/drawing/2014/main" id="{9F1BD1FE-1EBA-4A08-90B5-0F3A95506E59}"/>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7" name="Straight Connector 26">
            <a:extLst>
              <a:ext uri="{FF2B5EF4-FFF2-40B4-BE49-F238E27FC236}">
                <a16:creationId xmlns:a16="http://schemas.microsoft.com/office/drawing/2014/main" id="{D7A34E6A-7F55-4DFD-968E-71DB0FA0E523}"/>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8" name="Picture Placeholder 3">
            <a:extLst>
              <a:ext uri="{FF2B5EF4-FFF2-40B4-BE49-F238E27FC236}">
                <a16:creationId xmlns:a16="http://schemas.microsoft.com/office/drawing/2014/main" id="{B11D4925-C268-4204-ABF0-D18B4647D633}"/>
              </a:ext>
            </a:extLst>
          </p:cNvPr>
          <p:cNvSpPr>
            <a:spLocks noGrp="1"/>
          </p:cNvSpPr>
          <p:nvPr>
            <p:ph type="pic" sz="quarter" idx="34"/>
          </p:nvPr>
        </p:nvSpPr>
        <p:spPr>
          <a:xfrm>
            <a:off x="3360737"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6" name="Text Placeholder 4">
            <a:extLst>
              <a:ext uri="{FF2B5EF4-FFF2-40B4-BE49-F238E27FC236}">
                <a16:creationId xmlns:a16="http://schemas.microsoft.com/office/drawing/2014/main" id="{3F6F4FC8-6560-4B8B-A3A0-472C7097DF30}"/>
              </a:ext>
            </a:extLst>
          </p:cNvPr>
          <p:cNvSpPr>
            <a:spLocks noGrp="1"/>
          </p:cNvSpPr>
          <p:nvPr>
            <p:ph type="body" sz="quarter" idx="35"/>
          </p:nvPr>
        </p:nvSpPr>
        <p:spPr>
          <a:xfrm>
            <a:off x="3360737"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7" name="Picture Placeholder 3">
            <a:extLst>
              <a:ext uri="{FF2B5EF4-FFF2-40B4-BE49-F238E27FC236}">
                <a16:creationId xmlns:a16="http://schemas.microsoft.com/office/drawing/2014/main" id="{08C63C87-DF84-45A0-B824-B4B20EF5B545}"/>
              </a:ext>
            </a:extLst>
          </p:cNvPr>
          <p:cNvSpPr>
            <a:spLocks noGrp="1"/>
          </p:cNvSpPr>
          <p:nvPr>
            <p:ph type="pic" sz="quarter" idx="36"/>
          </p:nvPr>
        </p:nvSpPr>
        <p:spPr>
          <a:xfrm>
            <a:off x="616902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8" name="Text Placeholder 4">
            <a:extLst>
              <a:ext uri="{FF2B5EF4-FFF2-40B4-BE49-F238E27FC236}">
                <a16:creationId xmlns:a16="http://schemas.microsoft.com/office/drawing/2014/main" id="{4ED6EF5B-02C3-46D0-807D-23439A3021D4}"/>
              </a:ext>
            </a:extLst>
          </p:cNvPr>
          <p:cNvSpPr>
            <a:spLocks noGrp="1"/>
          </p:cNvSpPr>
          <p:nvPr>
            <p:ph type="body" sz="quarter" idx="37"/>
          </p:nvPr>
        </p:nvSpPr>
        <p:spPr>
          <a:xfrm>
            <a:off x="6169025"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9" name="Picture Placeholder 3">
            <a:extLst>
              <a:ext uri="{FF2B5EF4-FFF2-40B4-BE49-F238E27FC236}">
                <a16:creationId xmlns:a16="http://schemas.microsoft.com/office/drawing/2014/main" id="{8C1C1D27-A4A4-4378-AD6A-6566FC21F260}"/>
              </a:ext>
            </a:extLst>
          </p:cNvPr>
          <p:cNvSpPr>
            <a:spLocks noGrp="1"/>
          </p:cNvSpPr>
          <p:nvPr>
            <p:ph type="pic" sz="quarter" idx="38"/>
          </p:nvPr>
        </p:nvSpPr>
        <p:spPr>
          <a:xfrm>
            <a:off x="8977312"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40" name="Text Placeholder 4">
            <a:extLst>
              <a:ext uri="{FF2B5EF4-FFF2-40B4-BE49-F238E27FC236}">
                <a16:creationId xmlns:a16="http://schemas.microsoft.com/office/drawing/2014/main" id="{2C509099-C88E-4CFF-971D-BE420AE4AD46}"/>
              </a:ext>
            </a:extLst>
          </p:cNvPr>
          <p:cNvSpPr>
            <a:spLocks noGrp="1"/>
          </p:cNvSpPr>
          <p:nvPr>
            <p:ph type="body" sz="quarter" idx="39"/>
          </p:nvPr>
        </p:nvSpPr>
        <p:spPr>
          <a:xfrm>
            <a:off x="8977312"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Tree>
    <p:extLst>
      <p:ext uri="{BB962C8B-B14F-4D97-AF65-F5344CB8AC3E}">
        <p14:creationId xmlns:p14="http://schemas.microsoft.com/office/powerpoint/2010/main" val="3518823007"/>
      </p:ext>
    </p:extLst>
  </p:cSld>
  <p:clrMapOvr>
    <a:masterClrMapping/>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Highlights of our work 2x1">
    <p:spTree>
      <p:nvGrpSpPr>
        <p:cNvPr id="1" name=""/>
        <p:cNvGrpSpPr/>
        <p:nvPr/>
      </p:nvGrpSpPr>
      <p:grpSpPr>
        <a:xfrm>
          <a:off x="0" y="0"/>
          <a:ext cx="0" cy="0"/>
          <a:chOff x="0" y="0"/>
          <a:chExt cx="0" cy="0"/>
        </a:xfrm>
      </p:grpSpPr>
      <p:sp>
        <p:nvSpPr>
          <p:cNvPr id="19" name="Freeform: Shape 18">
            <a:extLst>
              <a:ext uri="{FF2B5EF4-FFF2-40B4-BE49-F238E27FC236}">
                <a16:creationId xmlns:a16="http://schemas.microsoft.com/office/drawing/2014/main" id="{243D6C03-8337-4A95-BC8C-DEFBFC356F60}"/>
              </a:ext>
            </a:extLst>
          </p:cNvPr>
          <p:cNvSpPr/>
          <p:nvPr userDrawn="1"/>
        </p:nvSpPr>
        <p:spPr>
          <a:xfrm>
            <a:off x="554671"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16" name="Picture Placeholder 15">
            <a:extLst>
              <a:ext uri="{FF2B5EF4-FFF2-40B4-BE49-F238E27FC236}">
                <a16:creationId xmlns:a16="http://schemas.microsoft.com/office/drawing/2014/main" id="{8886E69C-CBC9-4F08-875B-B7133DD06F53}"/>
              </a:ext>
            </a:extLst>
          </p:cNvPr>
          <p:cNvSpPr>
            <a:spLocks noGrp="1"/>
          </p:cNvSpPr>
          <p:nvPr>
            <p:ph type="pic" sz="quarter" idx="10" hasCustomPrompt="1"/>
          </p:nvPr>
        </p:nvSpPr>
        <p:spPr>
          <a:xfrm>
            <a:off x="2425699"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10" name="Title 1">
            <a:extLst>
              <a:ext uri="{FF2B5EF4-FFF2-40B4-BE49-F238E27FC236}">
                <a16:creationId xmlns:a16="http://schemas.microsoft.com/office/drawing/2014/main" id="{7861C766-490F-4606-9855-FCC902853BFD}"/>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1" name="Straight Connector 10">
            <a:extLst>
              <a:ext uri="{FF2B5EF4-FFF2-40B4-BE49-F238E27FC236}">
                <a16:creationId xmlns:a16="http://schemas.microsoft.com/office/drawing/2014/main" id="{809D6D6B-327A-422D-BB25-49622CC31376}"/>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0" name="Text Placeholder 48">
            <a:extLst>
              <a:ext uri="{FF2B5EF4-FFF2-40B4-BE49-F238E27FC236}">
                <a16:creationId xmlns:a16="http://schemas.microsoft.com/office/drawing/2014/main" id="{43586867-54B8-4D0E-BA43-81B058D9F048}"/>
              </a:ext>
            </a:extLst>
          </p:cNvPr>
          <p:cNvSpPr>
            <a:spLocks noGrp="1"/>
          </p:cNvSpPr>
          <p:nvPr>
            <p:ph type="body" sz="quarter" idx="11" hasCustomPrompt="1"/>
          </p:nvPr>
        </p:nvSpPr>
        <p:spPr>
          <a:xfrm>
            <a:off x="683579"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1" name="Freeform: Shape 20">
            <a:extLst>
              <a:ext uri="{FF2B5EF4-FFF2-40B4-BE49-F238E27FC236}">
                <a16:creationId xmlns:a16="http://schemas.microsoft.com/office/drawing/2014/main" id="{B59E1525-9EAD-4196-82F7-69A0AECCFD09}"/>
              </a:ext>
            </a:extLst>
          </p:cNvPr>
          <p:cNvSpPr/>
          <p:nvPr userDrawn="1"/>
        </p:nvSpPr>
        <p:spPr>
          <a:xfrm>
            <a:off x="6187856"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2" name="Picture Placeholder 21">
            <a:extLst>
              <a:ext uri="{FF2B5EF4-FFF2-40B4-BE49-F238E27FC236}">
                <a16:creationId xmlns:a16="http://schemas.microsoft.com/office/drawing/2014/main" id="{08F8EB35-D961-4E7F-8719-34262DE00169}"/>
              </a:ext>
            </a:extLst>
          </p:cNvPr>
          <p:cNvSpPr>
            <a:spLocks noGrp="1"/>
          </p:cNvSpPr>
          <p:nvPr>
            <p:ph type="pic" sz="quarter" idx="12" hasCustomPrompt="1"/>
          </p:nvPr>
        </p:nvSpPr>
        <p:spPr>
          <a:xfrm>
            <a:off x="8058884"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Text Placeholder 48">
            <a:extLst>
              <a:ext uri="{FF2B5EF4-FFF2-40B4-BE49-F238E27FC236}">
                <a16:creationId xmlns:a16="http://schemas.microsoft.com/office/drawing/2014/main" id="{1DA59E22-9F8A-40A4-B426-14003756B0F7}"/>
              </a:ext>
            </a:extLst>
          </p:cNvPr>
          <p:cNvSpPr>
            <a:spLocks noGrp="1"/>
          </p:cNvSpPr>
          <p:nvPr>
            <p:ph type="body" sz="quarter" idx="13" hasCustomPrompt="1"/>
          </p:nvPr>
        </p:nvSpPr>
        <p:spPr>
          <a:xfrm>
            <a:off x="6316764"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Tree>
    <p:extLst>
      <p:ext uri="{BB962C8B-B14F-4D97-AF65-F5344CB8AC3E}">
        <p14:creationId xmlns:p14="http://schemas.microsoft.com/office/powerpoint/2010/main" val="2556375695"/>
      </p:ext>
    </p:extLst>
  </p:cSld>
  <p:clrMapOvr>
    <a:masterClrMapping/>
  </p:clrMapOvr>
  <p:transition>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ighlights of our work 2x1 - Dark">
    <p:spTree>
      <p:nvGrpSpPr>
        <p:cNvPr id="1" name=""/>
        <p:cNvGrpSpPr/>
        <p:nvPr/>
      </p:nvGrpSpPr>
      <p:grpSpPr>
        <a:xfrm>
          <a:off x="0" y="0"/>
          <a:ext cx="0" cy="0"/>
          <a:chOff x="0" y="0"/>
          <a:chExt cx="0" cy="0"/>
        </a:xfrm>
      </p:grpSpPr>
      <p:sp>
        <p:nvSpPr>
          <p:cNvPr id="19" name="Freeform: Shape 18">
            <a:extLst>
              <a:ext uri="{FF2B5EF4-FFF2-40B4-BE49-F238E27FC236}">
                <a16:creationId xmlns:a16="http://schemas.microsoft.com/office/drawing/2014/main" id="{243D6C03-8337-4A95-BC8C-DEFBFC356F60}"/>
              </a:ext>
            </a:extLst>
          </p:cNvPr>
          <p:cNvSpPr/>
          <p:nvPr userDrawn="1"/>
        </p:nvSpPr>
        <p:spPr>
          <a:xfrm>
            <a:off x="554671"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16" name="Picture Placeholder 15">
            <a:extLst>
              <a:ext uri="{FF2B5EF4-FFF2-40B4-BE49-F238E27FC236}">
                <a16:creationId xmlns:a16="http://schemas.microsoft.com/office/drawing/2014/main" id="{8886E69C-CBC9-4F08-875B-B7133DD06F53}"/>
              </a:ext>
            </a:extLst>
          </p:cNvPr>
          <p:cNvSpPr>
            <a:spLocks noGrp="1"/>
          </p:cNvSpPr>
          <p:nvPr>
            <p:ph type="pic" sz="quarter" idx="10" hasCustomPrompt="1"/>
          </p:nvPr>
        </p:nvSpPr>
        <p:spPr>
          <a:xfrm>
            <a:off x="2425699"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10" name="Title 1">
            <a:extLst>
              <a:ext uri="{FF2B5EF4-FFF2-40B4-BE49-F238E27FC236}">
                <a16:creationId xmlns:a16="http://schemas.microsoft.com/office/drawing/2014/main" id="{7861C766-490F-4606-9855-FCC902853BFD}"/>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1" name="Straight Connector 10">
            <a:extLst>
              <a:ext uri="{FF2B5EF4-FFF2-40B4-BE49-F238E27FC236}">
                <a16:creationId xmlns:a16="http://schemas.microsoft.com/office/drawing/2014/main" id="{809D6D6B-327A-422D-BB25-49622CC31376}"/>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0" name="Text Placeholder 48">
            <a:extLst>
              <a:ext uri="{FF2B5EF4-FFF2-40B4-BE49-F238E27FC236}">
                <a16:creationId xmlns:a16="http://schemas.microsoft.com/office/drawing/2014/main" id="{43586867-54B8-4D0E-BA43-81B058D9F048}"/>
              </a:ext>
            </a:extLst>
          </p:cNvPr>
          <p:cNvSpPr>
            <a:spLocks noGrp="1"/>
          </p:cNvSpPr>
          <p:nvPr>
            <p:ph type="body" sz="quarter" idx="11" hasCustomPrompt="1"/>
          </p:nvPr>
        </p:nvSpPr>
        <p:spPr>
          <a:xfrm>
            <a:off x="683579"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1" name="Freeform: Shape 20">
            <a:extLst>
              <a:ext uri="{FF2B5EF4-FFF2-40B4-BE49-F238E27FC236}">
                <a16:creationId xmlns:a16="http://schemas.microsoft.com/office/drawing/2014/main" id="{B59E1525-9EAD-4196-82F7-69A0AECCFD09}"/>
              </a:ext>
            </a:extLst>
          </p:cNvPr>
          <p:cNvSpPr/>
          <p:nvPr userDrawn="1"/>
        </p:nvSpPr>
        <p:spPr>
          <a:xfrm>
            <a:off x="6187856"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2" name="Picture Placeholder 21">
            <a:extLst>
              <a:ext uri="{FF2B5EF4-FFF2-40B4-BE49-F238E27FC236}">
                <a16:creationId xmlns:a16="http://schemas.microsoft.com/office/drawing/2014/main" id="{08F8EB35-D961-4E7F-8719-34262DE00169}"/>
              </a:ext>
            </a:extLst>
          </p:cNvPr>
          <p:cNvSpPr>
            <a:spLocks noGrp="1"/>
          </p:cNvSpPr>
          <p:nvPr>
            <p:ph type="pic" sz="quarter" idx="12" hasCustomPrompt="1"/>
          </p:nvPr>
        </p:nvSpPr>
        <p:spPr>
          <a:xfrm>
            <a:off x="8058884"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Text Placeholder 48">
            <a:extLst>
              <a:ext uri="{FF2B5EF4-FFF2-40B4-BE49-F238E27FC236}">
                <a16:creationId xmlns:a16="http://schemas.microsoft.com/office/drawing/2014/main" id="{1DA59E22-9F8A-40A4-B426-14003756B0F7}"/>
              </a:ext>
            </a:extLst>
          </p:cNvPr>
          <p:cNvSpPr>
            <a:spLocks noGrp="1"/>
          </p:cNvSpPr>
          <p:nvPr>
            <p:ph type="body" sz="quarter" idx="13" hasCustomPrompt="1"/>
          </p:nvPr>
        </p:nvSpPr>
        <p:spPr>
          <a:xfrm>
            <a:off x="6316764"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Tree>
    <p:extLst>
      <p:ext uri="{BB962C8B-B14F-4D97-AF65-F5344CB8AC3E}">
        <p14:creationId xmlns:p14="http://schemas.microsoft.com/office/powerpoint/2010/main" val="1805329784"/>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Highlights of our work 3x1">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AE7AC047-D42D-4F8F-ABFD-F915D8696B0E}"/>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2" name="Straight Connector 11">
            <a:extLst>
              <a:ext uri="{FF2B5EF4-FFF2-40B4-BE49-F238E27FC236}">
                <a16:creationId xmlns:a16="http://schemas.microsoft.com/office/drawing/2014/main" id="{C401A1F9-6CC2-40D9-917B-B17E83C9C550}"/>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9" name="Freeform: Shape 18">
            <a:extLst>
              <a:ext uri="{FF2B5EF4-FFF2-40B4-BE49-F238E27FC236}">
                <a16:creationId xmlns:a16="http://schemas.microsoft.com/office/drawing/2014/main" id="{3EFF58A8-CB3A-41D9-A25B-51213548B3CC}"/>
              </a:ext>
            </a:extLst>
          </p:cNvPr>
          <p:cNvSpPr>
            <a:spLocks noChangeAspect="1"/>
          </p:cNvSpPr>
          <p:nvPr userDrawn="1"/>
        </p:nvSpPr>
        <p:spPr>
          <a:xfrm>
            <a:off x="557210"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15" name="Text Placeholder 48">
            <a:extLst>
              <a:ext uri="{FF2B5EF4-FFF2-40B4-BE49-F238E27FC236}">
                <a16:creationId xmlns:a16="http://schemas.microsoft.com/office/drawing/2014/main" id="{9B00BF1C-E0E4-4D09-B306-45AC19057BDA}"/>
              </a:ext>
            </a:extLst>
          </p:cNvPr>
          <p:cNvSpPr>
            <a:spLocks noGrp="1"/>
          </p:cNvSpPr>
          <p:nvPr>
            <p:ph type="body" sz="quarter" idx="11" hasCustomPrompt="1"/>
          </p:nvPr>
        </p:nvSpPr>
        <p:spPr>
          <a:xfrm>
            <a:off x="696589"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2" name="Picture Placeholder 21">
            <a:extLst>
              <a:ext uri="{FF2B5EF4-FFF2-40B4-BE49-F238E27FC236}">
                <a16:creationId xmlns:a16="http://schemas.microsoft.com/office/drawing/2014/main" id="{BA2AFAE4-C975-4180-B47A-1AB60FA30502}"/>
              </a:ext>
            </a:extLst>
          </p:cNvPr>
          <p:cNvSpPr>
            <a:spLocks noGrp="1" noChangeAspect="1"/>
          </p:cNvSpPr>
          <p:nvPr>
            <p:ph type="pic" sz="quarter" idx="10" hasCustomPrompt="1"/>
          </p:nvPr>
        </p:nvSpPr>
        <p:spPr>
          <a:xfrm>
            <a:off x="2047229"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Freeform: Shape 22">
            <a:extLst>
              <a:ext uri="{FF2B5EF4-FFF2-40B4-BE49-F238E27FC236}">
                <a16:creationId xmlns:a16="http://schemas.microsoft.com/office/drawing/2014/main" id="{78EC422A-B827-4CD4-8F72-696544455989}"/>
              </a:ext>
            </a:extLst>
          </p:cNvPr>
          <p:cNvSpPr>
            <a:spLocks noChangeAspect="1"/>
          </p:cNvSpPr>
          <p:nvPr userDrawn="1"/>
        </p:nvSpPr>
        <p:spPr>
          <a:xfrm>
            <a:off x="4300503"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4" name="Text Placeholder 48">
            <a:extLst>
              <a:ext uri="{FF2B5EF4-FFF2-40B4-BE49-F238E27FC236}">
                <a16:creationId xmlns:a16="http://schemas.microsoft.com/office/drawing/2014/main" id="{41240009-F821-4CA2-BFE0-538B808C4C6F}"/>
              </a:ext>
            </a:extLst>
          </p:cNvPr>
          <p:cNvSpPr>
            <a:spLocks noGrp="1"/>
          </p:cNvSpPr>
          <p:nvPr>
            <p:ph type="body" sz="quarter" idx="12" hasCustomPrompt="1"/>
          </p:nvPr>
        </p:nvSpPr>
        <p:spPr>
          <a:xfrm>
            <a:off x="4439882"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5" name="Picture Placeholder 24">
            <a:extLst>
              <a:ext uri="{FF2B5EF4-FFF2-40B4-BE49-F238E27FC236}">
                <a16:creationId xmlns:a16="http://schemas.microsoft.com/office/drawing/2014/main" id="{DF2B6CC2-C1F6-4547-92ED-A81ED2203885}"/>
              </a:ext>
            </a:extLst>
          </p:cNvPr>
          <p:cNvSpPr>
            <a:spLocks noGrp="1" noChangeAspect="1"/>
          </p:cNvSpPr>
          <p:nvPr>
            <p:ph type="pic" sz="quarter" idx="13" hasCustomPrompt="1"/>
          </p:nvPr>
        </p:nvSpPr>
        <p:spPr>
          <a:xfrm>
            <a:off x="5790522"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6" name="Freeform: Shape 25">
            <a:extLst>
              <a:ext uri="{FF2B5EF4-FFF2-40B4-BE49-F238E27FC236}">
                <a16:creationId xmlns:a16="http://schemas.microsoft.com/office/drawing/2014/main" id="{67F84D54-68A6-4A1E-BF1E-300E3FAD8095}"/>
              </a:ext>
            </a:extLst>
          </p:cNvPr>
          <p:cNvSpPr>
            <a:spLocks noChangeAspect="1"/>
          </p:cNvSpPr>
          <p:nvPr userDrawn="1"/>
        </p:nvSpPr>
        <p:spPr>
          <a:xfrm>
            <a:off x="8042275"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7" name="Text Placeholder 48">
            <a:extLst>
              <a:ext uri="{FF2B5EF4-FFF2-40B4-BE49-F238E27FC236}">
                <a16:creationId xmlns:a16="http://schemas.microsoft.com/office/drawing/2014/main" id="{8BF67461-A3F9-4E52-9E4C-50D5167F21E9}"/>
              </a:ext>
            </a:extLst>
          </p:cNvPr>
          <p:cNvSpPr>
            <a:spLocks noGrp="1"/>
          </p:cNvSpPr>
          <p:nvPr>
            <p:ph type="body" sz="quarter" idx="14" hasCustomPrompt="1"/>
          </p:nvPr>
        </p:nvSpPr>
        <p:spPr>
          <a:xfrm>
            <a:off x="8181654"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4" name="Picture Placeholder 33">
            <a:extLst>
              <a:ext uri="{FF2B5EF4-FFF2-40B4-BE49-F238E27FC236}">
                <a16:creationId xmlns:a16="http://schemas.microsoft.com/office/drawing/2014/main" id="{8B65A489-4451-4C78-A1BE-D88DD4832878}"/>
              </a:ext>
            </a:extLst>
          </p:cNvPr>
          <p:cNvSpPr>
            <a:spLocks noGrp="1" noChangeAspect="1"/>
          </p:cNvSpPr>
          <p:nvPr>
            <p:ph type="pic" sz="quarter" idx="15" hasCustomPrompt="1"/>
          </p:nvPr>
        </p:nvSpPr>
        <p:spPr>
          <a:xfrm>
            <a:off x="9532294"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2215916576"/>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Highlights of our work 3x1 - Dark">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AE7AC047-D42D-4F8F-ABFD-F915D8696B0E}"/>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2" name="Straight Connector 11">
            <a:extLst>
              <a:ext uri="{FF2B5EF4-FFF2-40B4-BE49-F238E27FC236}">
                <a16:creationId xmlns:a16="http://schemas.microsoft.com/office/drawing/2014/main" id="{C401A1F9-6CC2-40D9-917B-B17E83C9C550}"/>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9" name="Freeform: Shape 18">
            <a:extLst>
              <a:ext uri="{FF2B5EF4-FFF2-40B4-BE49-F238E27FC236}">
                <a16:creationId xmlns:a16="http://schemas.microsoft.com/office/drawing/2014/main" id="{3EFF58A8-CB3A-41D9-A25B-51213548B3CC}"/>
              </a:ext>
            </a:extLst>
          </p:cNvPr>
          <p:cNvSpPr>
            <a:spLocks noChangeAspect="1"/>
          </p:cNvSpPr>
          <p:nvPr userDrawn="1"/>
        </p:nvSpPr>
        <p:spPr>
          <a:xfrm>
            <a:off x="557210"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15" name="Text Placeholder 48">
            <a:extLst>
              <a:ext uri="{FF2B5EF4-FFF2-40B4-BE49-F238E27FC236}">
                <a16:creationId xmlns:a16="http://schemas.microsoft.com/office/drawing/2014/main" id="{9B00BF1C-E0E4-4D09-B306-45AC19057BDA}"/>
              </a:ext>
            </a:extLst>
          </p:cNvPr>
          <p:cNvSpPr>
            <a:spLocks noGrp="1"/>
          </p:cNvSpPr>
          <p:nvPr>
            <p:ph type="body" sz="quarter" idx="11" hasCustomPrompt="1"/>
          </p:nvPr>
        </p:nvSpPr>
        <p:spPr>
          <a:xfrm>
            <a:off x="696589"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2" name="Picture Placeholder 21">
            <a:extLst>
              <a:ext uri="{FF2B5EF4-FFF2-40B4-BE49-F238E27FC236}">
                <a16:creationId xmlns:a16="http://schemas.microsoft.com/office/drawing/2014/main" id="{BA2AFAE4-C975-4180-B47A-1AB60FA30502}"/>
              </a:ext>
            </a:extLst>
          </p:cNvPr>
          <p:cNvSpPr>
            <a:spLocks noGrp="1" noChangeAspect="1"/>
          </p:cNvSpPr>
          <p:nvPr>
            <p:ph type="pic" sz="quarter" idx="10" hasCustomPrompt="1"/>
          </p:nvPr>
        </p:nvSpPr>
        <p:spPr>
          <a:xfrm>
            <a:off x="2047229"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Freeform: Shape 22">
            <a:extLst>
              <a:ext uri="{FF2B5EF4-FFF2-40B4-BE49-F238E27FC236}">
                <a16:creationId xmlns:a16="http://schemas.microsoft.com/office/drawing/2014/main" id="{78EC422A-B827-4CD4-8F72-696544455989}"/>
              </a:ext>
            </a:extLst>
          </p:cNvPr>
          <p:cNvSpPr>
            <a:spLocks noChangeAspect="1"/>
          </p:cNvSpPr>
          <p:nvPr userDrawn="1"/>
        </p:nvSpPr>
        <p:spPr>
          <a:xfrm>
            <a:off x="4300503"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4" name="Text Placeholder 48">
            <a:extLst>
              <a:ext uri="{FF2B5EF4-FFF2-40B4-BE49-F238E27FC236}">
                <a16:creationId xmlns:a16="http://schemas.microsoft.com/office/drawing/2014/main" id="{41240009-F821-4CA2-BFE0-538B808C4C6F}"/>
              </a:ext>
            </a:extLst>
          </p:cNvPr>
          <p:cNvSpPr>
            <a:spLocks noGrp="1"/>
          </p:cNvSpPr>
          <p:nvPr>
            <p:ph type="body" sz="quarter" idx="12" hasCustomPrompt="1"/>
          </p:nvPr>
        </p:nvSpPr>
        <p:spPr>
          <a:xfrm>
            <a:off x="4439882"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5" name="Picture Placeholder 24">
            <a:extLst>
              <a:ext uri="{FF2B5EF4-FFF2-40B4-BE49-F238E27FC236}">
                <a16:creationId xmlns:a16="http://schemas.microsoft.com/office/drawing/2014/main" id="{DF2B6CC2-C1F6-4547-92ED-A81ED2203885}"/>
              </a:ext>
            </a:extLst>
          </p:cNvPr>
          <p:cNvSpPr>
            <a:spLocks noGrp="1" noChangeAspect="1"/>
          </p:cNvSpPr>
          <p:nvPr>
            <p:ph type="pic" sz="quarter" idx="13" hasCustomPrompt="1"/>
          </p:nvPr>
        </p:nvSpPr>
        <p:spPr>
          <a:xfrm>
            <a:off x="5790522"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6" name="Freeform: Shape 25">
            <a:extLst>
              <a:ext uri="{FF2B5EF4-FFF2-40B4-BE49-F238E27FC236}">
                <a16:creationId xmlns:a16="http://schemas.microsoft.com/office/drawing/2014/main" id="{67F84D54-68A6-4A1E-BF1E-300E3FAD8095}"/>
              </a:ext>
            </a:extLst>
          </p:cNvPr>
          <p:cNvSpPr>
            <a:spLocks noChangeAspect="1"/>
          </p:cNvSpPr>
          <p:nvPr userDrawn="1"/>
        </p:nvSpPr>
        <p:spPr>
          <a:xfrm>
            <a:off x="8042275"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7" name="Text Placeholder 48">
            <a:extLst>
              <a:ext uri="{FF2B5EF4-FFF2-40B4-BE49-F238E27FC236}">
                <a16:creationId xmlns:a16="http://schemas.microsoft.com/office/drawing/2014/main" id="{8BF67461-A3F9-4E52-9E4C-50D5167F21E9}"/>
              </a:ext>
            </a:extLst>
          </p:cNvPr>
          <p:cNvSpPr>
            <a:spLocks noGrp="1"/>
          </p:cNvSpPr>
          <p:nvPr>
            <p:ph type="body" sz="quarter" idx="14" hasCustomPrompt="1"/>
          </p:nvPr>
        </p:nvSpPr>
        <p:spPr>
          <a:xfrm>
            <a:off x="8181654"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4" name="Picture Placeholder 33">
            <a:extLst>
              <a:ext uri="{FF2B5EF4-FFF2-40B4-BE49-F238E27FC236}">
                <a16:creationId xmlns:a16="http://schemas.microsoft.com/office/drawing/2014/main" id="{8B65A489-4451-4C78-A1BE-D88DD4832878}"/>
              </a:ext>
            </a:extLst>
          </p:cNvPr>
          <p:cNvSpPr>
            <a:spLocks noGrp="1" noChangeAspect="1"/>
          </p:cNvSpPr>
          <p:nvPr>
            <p:ph type="pic" sz="quarter" idx="15" hasCustomPrompt="1"/>
          </p:nvPr>
        </p:nvSpPr>
        <p:spPr>
          <a:xfrm>
            <a:off x="9532294"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1566457544"/>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Highlights of our work 2x2">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6206BFF3-511B-497A-A700-5DA175A85FB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8" name="Straight Connector 17">
            <a:extLst>
              <a:ext uri="{FF2B5EF4-FFF2-40B4-BE49-F238E27FC236}">
                <a16:creationId xmlns:a16="http://schemas.microsoft.com/office/drawing/2014/main" id="{BFD9EBCB-0EAA-4F9C-8604-A88FE78070B1}"/>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2" name="Picture Placeholder 21">
            <a:extLst>
              <a:ext uri="{FF2B5EF4-FFF2-40B4-BE49-F238E27FC236}">
                <a16:creationId xmlns:a16="http://schemas.microsoft.com/office/drawing/2014/main" id="{8BA7F858-7AE4-4041-81AA-1C01085FA915}"/>
              </a:ext>
            </a:extLst>
          </p:cNvPr>
          <p:cNvSpPr>
            <a:spLocks noGrp="1" noChangeAspect="1"/>
          </p:cNvSpPr>
          <p:nvPr>
            <p:ph type="pic" sz="quarter" idx="10" hasCustomPrompt="1"/>
          </p:nvPr>
        </p:nvSpPr>
        <p:spPr>
          <a:xfrm>
            <a:off x="2433309"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6" name="Freeform: Shape 25">
            <a:extLst>
              <a:ext uri="{FF2B5EF4-FFF2-40B4-BE49-F238E27FC236}">
                <a16:creationId xmlns:a16="http://schemas.microsoft.com/office/drawing/2014/main" id="{109E2C94-B674-4752-BAA8-B5ED5E753321}"/>
              </a:ext>
            </a:extLst>
          </p:cNvPr>
          <p:cNvSpPr/>
          <p:nvPr userDrawn="1"/>
        </p:nvSpPr>
        <p:spPr>
          <a:xfrm>
            <a:off x="554355"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7" name="Text Placeholder 48">
            <a:extLst>
              <a:ext uri="{FF2B5EF4-FFF2-40B4-BE49-F238E27FC236}">
                <a16:creationId xmlns:a16="http://schemas.microsoft.com/office/drawing/2014/main" id="{72BE2FA1-7C4C-4B67-BF7C-C268BCCDE729}"/>
              </a:ext>
            </a:extLst>
          </p:cNvPr>
          <p:cNvSpPr>
            <a:spLocks noGrp="1"/>
          </p:cNvSpPr>
          <p:nvPr>
            <p:ph type="body" sz="quarter" idx="11" hasCustomPrompt="1"/>
          </p:nvPr>
        </p:nvSpPr>
        <p:spPr>
          <a:xfrm>
            <a:off x="696589"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6" name="Picture Placeholder 35">
            <a:extLst>
              <a:ext uri="{FF2B5EF4-FFF2-40B4-BE49-F238E27FC236}">
                <a16:creationId xmlns:a16="http://schemas.microsoft.com/office/drawing/2014/main" id="{506E9508-F5EC-4039-9C02-E0452F17FFC0}"/>
              </a:ext>
            </a:extLst>
          </p:cNvPr>
          <p:cNvSpPr>
            <a:spLocks noGrp="1" noChangeAspect="1"/>
          </p:cNvSpPr>
          <p:nvPr>
            <p:ph type="pic" sz="quarter" idx="12" hasCustomPrompt="1"/>
          </p:nvPr>
        </p:nvSpPr>
        <p:spPr>
          <a:xfrm>
            <a:off x="2433309"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37" name="Freeform: Shape 36">
            <a:extLst>
              <a:ext uri="{FF2B5EF4-FFF2-40B4-BE49-F238E27FC236}">
                <a16:creationId xmlns:a16="http://schemas.microsoft.com/office/drawing/2014/main" id="{D73200C3-FD49-4942-ADB7-84E15B94173E}"/>
              </a:ext>
            </a:extLst>
          </p:cNvPr>
          <p:cNvSpPr/>
          <p:nvPr userDrawn="1"/>
        </p:nvSpPr>
        <p:spPr>
          <a:xfrm>
            <a:off x="554355"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8" name="Text Placeholder 48">
            <a:extLst>
              <a:ext uri="{FF2B5EF4-FFF2-40B4-BE49-F238E27FC236}">
                <a16:creationId xmlns:a16="http://schemas.microsoft.com/office/drawing/2014/main" id="{07EE5A08-8151-44B5-8987-2CBF278A2F65}"/>
              </a:ext>
            </a:extLst>
          </p:cNvPr>
          <p:cNvSpPr>
            <a:spLocks noGrp="1"/>
          </p:cNvSpPr>
          <p:nvPr>
            <p:ph type="body" sz="quarter" idx="13" hasCustomPrompt="1"/>
          </p:nvPr>
        </p:nvSpPr>
        <p:spPr>
          <a:xfrm>
            <a:off x="696589"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9" name="Picture Placeholder 38">
            <a:extLst>
              <a:ext uri="{FF2B5EF4-FFF2-40B4-BE49-F238E27FC236}">
                <a16:creationId xmlns:a16="http://schemas.microsoft.com/office/drawing/2014/main" id="{D6F71873-3F6D-4680-A325-A9B49299475C}"/>
              </a:ext>
            </a:extLst>
          </p:cNvPr>
          <p:cNvSpPr>
            <a:spLocks noGrp="1" noChangeAspect="1"/>
          </p:cNvSpPr>
          <p:nvPr>
            <p:ph type="pic" sz="quarter" idx="14" hasCustomPrompt="1"/>
          </p:nvPr>
        </p:nvSpPr>
        <p:spPr>
          <a:xfrm>
            <a:off x="8049884"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0" name="Freeform: Shape 39">
            <a:extLst>
              <a:ext uri="{FF2B5EF4-FFF2-40B4-BE49-F238E27FC236}">
                <a16:creationId xmlns:a16="http://schemas.microsoft.com/office/drawing/2014/main" id="{0B74991D-5211-43D8-9EBF-6AAC3BDEDB3F}"/>
              </a:ext>
            </a:extLst>
          </p:cNvPr>
          <p:cNvSpPr/>
          <p:nvPr userDrawn="1"/>
        </p:nvSpPr>
        <p:spPr>
          <a:xfrm>
            <a:off x="6170930"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1" name="Text Placeholder 48">
            <a:extLst>
              <a:ext uri="{FF2B5EF4-FFF2-40B4-BE49-F238E27FC236}">
                <a16:creationId xmlns:a16="http://schemas.microsoft.com/office/drawing/2014/main" id="{5D6275F9-70E6-4A32-9E06-AC04258D95E6}"/>
              </a:ext>
            </a:extLst>
          </p:cNvPr>
          <p:cNvSpPr>
            <a:spLocks noGrp="1"/>
          </p:cNvSpPr>
          <p:nvPr>
            <p:ph type="body" sz="quarter" idx="15" hasCustomPrompt="1"/>
          </p:nvPr>
        </p:nvSpPr>
        <p:spPr>
          <a:xfrm>
            <a:off x="6313164"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2" name="Picture Placeholder 41">
            <a:extLst>
              <a:ext uri="{FF2B5EF4-FFF2-40B4-BE49-F238E27FC236}">
                <a16:creationId xmlns:a16="http://schemas.microsoft.com/office/drawing/2014/main" id="{A25AE47A-A81D-4750-BDD7-86F587DB4A29}"/>
              </a:ext>
            </a:extLst>
          </p:cNvPr>
          <p:cNvSpPr>
            <a:spLocks noGrp="1" noChangeAspect="1"/>
          </p:cNvSpPr>
          <p:nvPr>
            <p:ph type="pic" sz="quarter" idx="16" hasCustomPrompt="1"/>
          </p:nvPr>
        </p:nvSpPr>
        <p:spPr>
          <a:xfrm>
            <a:off x="8049884"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3" name="Freeform: Shape 42">
            <a:extLst>
              <a:ext uri="{FF2B5EF4-FFF2-40B4-BE49-F238E27FC236}">
                <a16:creationId xmlns:a16="http://schemas.microsoft.com/office/drawing/2014/main" id="{BD738F05-1D01-4571-8498-1362582D0202}"/>
              </a:ext>
            </a:extLst>
          </p:cNvPr>
          <p:cNvSpPr/>
          <p:nvPr userDrawn="1"/>
        </p:nvSpPr>
        <p:spPr>
          <a:xfrm>
            <a:off x="6170930"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4" name="Text Placeholder 48">
            <a:extLst>
              <a:ext uri="{FF2B5EF4-FFF2-40B4-BE49-F238E27FC236}">
                <a16:creationId xmlns:a16="http://schemas.microsoft.com/office/drawing/2014/main" id="{43B5CD61-0250-4B2D-AC21-8A4258DA97C3}"/>
              </a:ext>
            </a:extLst>
          </p:cNvPr>
          <p:cNvSpPr>
            <a:spLocks noGrp="1"/>
          </p:cNvSpPr>
          <p:nvPr>
            <p:ph type="body" sz="quarter" idx="17" hasCustomPrompt="1"/>
          </p:nvPr>
        </p:nvSpPr>
        <p:spPr>
          <a:xfrm>
            <a:off x="6313164"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Tree>
    <p:extLst>
      <p:ext uri="{BB962C8B-B14F-4D97-AF65-F5344CB8AC3E}">
        <p14:creationId xmlns:p14="http://schemas.microsoft.com/office/powerpoint/2010/main" val="747849672"/>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Slide B [TOC Sourc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C39D4800-5483-4D31-891A-72FB25AAE053}"/>
              </a:ext>
            </a:extLst>
          </p:cNvPr>
          <p:cNvSpPr>
            <a:spLocks noGrp="1"/>
          </p:cNvSpPr>
          <p:nvPr>
            <p:ph type="pic" sz="quarter" idx="25"/>
          </p:nvPr>
        </p:nvSpPr>
        <p:spPr>
          <a:xfrm>
            <a:off x="0" y="0"/>
            <a:ext cx="7897812" cy="6859588"/>
          </a:xfrm>
          <a:custGeom>
            <a:avLst/>
            <a:gdLst>
              <a:gd name="connsiteX0" fmla="*/ 0 w 7897812"/>
              <a:gd name="connsiteY0" fmla="*/ 0 h 6859588"/>
              <a:gd name="connsiteX1" fmla="*/ 7794026 w 7897812"/>
              <a:gd name="connsiteY1" fmla="*/ 0 h 6859588"/>
              <a:gd name="connsiteX2" fmla="*/ 7897812 w 7897812"/>
              <a:gd name="connsiteY2" fmla="*/ 103786 h 6859588"/>
              <a:gd name="connsiteX3" fmla="*/ 7897812 w 7897812"/>
              <a:gd name="connsiteY3" fmla="*/ 6755802 h 6859588"/>
              <a:gd name="connsiteX4" fmla="*/ 7794026 w 7897812"/>
              <a:gd name="connsiteY4" fmla="*/ 6859588 h 6859588"/>
              <a:gd name="connsiteX5" fmla="*/ 0 w 7897812"/>
              <a:gd name="connsiteY5"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897812" h="6859588">
                <a:moveTo>
                  <a:pt x="0" y="0"/>
                </a:moveTo>
                <a:lnTo>
                  <a:pt x="7794026" y="0"/>
                </a:lnTo>
                <a:cubicBezTo>
                  <a:pt x="7851345" y="0"/>
                  <a:pt x="7897812" y="46467"/>
                  <a:pt x="7897812" y="103786"/>
                </a:cubicBezTo>
                <a:lnTo>
                  <a:pt x="7897812" y="6755802"/>
                </a:lnTo>
                <a:cubicBezTo>
                  <a:pt x="7897812" y="6813121"/>
                  <a:pt x="7851345" y="6859588"/>
                  <a:pt x="7794026" y="6859588"/>
                </a:cubicBezTo>
                <a:lnTo>
                  <a:pt x="0" y="6859588"/>
                </a:lnTo>
                <a:close/>
              </a:path>
            </a:pathLst>
          </a:custGeom>
          <a:solidFill>
            <a:schemeClr val="accent6"/>
          </a:solidFill>
        </p:spPr>
        <p:txBody>
          <a:bodyPr wrap="square" anchor="ctr">
            <a:noAutofit/>
          </a:bodyPr>
          <a:lstStyle>
            <a:lvl1pPr algn="ctr">
              <a:defRPr/>
            </a:lvl1pPr>
          </a:lstStyle>
          <a:p>
            <a:endParaRPr lang="da-DK"/>
          </a:p>
        </p:txBody>
      </p:sp>
      <p:sp>
        <p:nvSpPr>
          <p:cNvPr id="8" name="txtSecureMarker1" hidden="1"/>
          <p:cNvSpPr txBox="1"/>
          <p:nvPr userDrawn="1"/>
        </p:nvSpPr>
        <p:spPr>
          <a:xfrm>
            <a:off x="4422961" y="-2"/>
            <a:ext cx="3347686" cy="333377"/>
          </a:xfrm>
          <a:prstGeom prst="rect">
            <a:avLst/>
          </a:prstGeom>
          <a:noFill/>
        </p:spPr>
        <p:txBody>
          <a:bodyPr wrap="square" lIns="103931" tIns="51965" rIns="103931" bIns="51965" rtlCol="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7" name="txtSecureMarker2" hidden="1"/>
          <p:cNvSpPr txBox="1"/>
          <p:nvPr userDrawn="1"/>
        </p:nvSpPr>
        <p:spPr>
          <a:xfrm>
            <a:off x="4422569" y="6483350"/>
            <a:ext cx="3350036" cy="309713"/>
          </a:xfrm>
          <a:prstGeom prst="rect">
            <a:avLst/>
          </a:prstGeom>
          <a:noFill/>
        </p:spPr>
        <p:txBody>
          <a:bodyPr wrap="square" lIns="103931" tIns="51965" rIns="103931" bIns="51965" rtlCol="0" anchor="b" anchorCtr="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plcSectionNumber">
            <a:extLst>
              <a:ext uri="{FF2B5EF4-FFF2-40B4-BE49-F238E27FC236}">
                <a16:creationId xmlns:a16="http://schemas.microsoft.com/office/drawing/2014/main" id="{47767B4C-F17A-4993-A6A0-F72FEEF25576}"/>
              </a:ext>
            </a:extLst>
          </p:cNvPr>
          <p:cNvSpPr>
            <a:spLocks noGrp="1"/>
          </p:cNvSpPr>
          <p:nvPr>
            <p:ph type="body" sz="quarter" idx="23" hasCustomPrompt="1"/>
          </p:nvPr>
        </p:nvSpPr>
        <p:spPr>
          <a:xfrm>
            <a:off x="8175516" y="958467"/>
            <a:ext cx="3488164" cy="2399096"/>
          </a:xfrm>
          <a:prstGeom prst="rect">
            <a:avLst/>
          </a:prstGeom>
          <a:noFill/>
        </p:spPr>
        <p:txBody>
          <a:bodyPr wrap="square" lIns="0" rIns="0" anchor="b">
            <a:noAutofit/>
          </a:bodyPr>
          <a:lstStyle>
            <a:lvl1pPr algn="l">
              <a:spcAft>
                <a:spcPts val="0"/>
              </a:spcAft>
              <a:defRPr sz="11500" b="0">
                <a:solidFill>
                  <a:schemeClr val="accent4"/>
                </a:solidFill>
                <a:latin typeface="+mj-lt"/>
              </a:defRPr>
            </a:lvl1pPr>
            <a:lvl2pPr>
              <a:defRPr sz="2400"/>
            </a:lvl2pPr>
            <a:lvl3pPr>
              <a:defRPr sz="2000"/>
            </a:lvl3pPr>
            <a:lvl4pPr>
              <a:defRPr sz="2000"/>
            </a:lvl4pPr>
            <a:lvl5pPr>
              <a:defRPr sz="2000"/>
            </a:lvl5pPr>
          </a:lstStyle>
          <a:p>
            <a:pPr lvl="0"/>
            <a:r>
              <a:rPr lang="da-DK" dirty="0"/>
              <a:t>##</a:t>
            </a:r>
          </a:p>
        </p:txBody>
      </p:sp>
      <p:sp>
        <p:nvSpPr>
          <p:cNvPr id="13" name="plcSectionTitle">
            <a:extLst>
              <a:ext uri="{FF2B5EF4-FFF2-40B4-BE49-F238E27FC236}">
                <a16:creationId xmlns:a16="http://schemas.microsoft.com/office/drawing/2014/main" id="{6C480170-BD33-49E6-A5E2-0167395303FF}"/>
              </a:ext>
            </a:extLst>
          </p:cNvPr>
          <p:cNvSpPr>
            <a:spLocks noGrp="1"/>
          </p:cNvSpPr>
          <p:nvPr>
            <p:ph type="body" sz="quarter" idx="13" hasCustomPrompt="1"/>
          </p:nvPr>
        </p:nvSpPr>
        <p:spPr>
          <a:xfrm>
            <a:off x="817551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accent1"/>
                </a:solidFill>
              </a:defRPr>
            </a:lvl1pPr>
            <a:lvl2pPr>
              <a:lnSpc>
                <a:spcPct val="100000"/>
              </a:lnSpc>
              <a:spcBef>
                <a:spcPts val="600"/>
              </a:spcBef>
              <a:spcAft>
                <a:spcPts val="0"/>
              </a:spcAft>
              <a:defRPr sz="1800" b="0" cap="none" spc="0">
                <a:solidFill>
                  <a:schemeClr val="accent4"/>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da-DK" dirty="0"/>
              <a:t>Divider </a:t>
            </a:r>
            <a:r>
              <a:rPr lang="da-DK" dirty="0" err="1"/>
              <a:t>title</a:t>
            </a:r>
            <a:r>
              <a:rPr lang="da-DK" dirty="0"/>
              <a:t>  </a:t>
            </a:r>
          </a:p>
          <a:p>
            <a:pPr lvl="1"/>
            <a:r>
              <a:rPr lang="da-DK" dirty="0"/>
              <a:t>Second </a:t>
            </a:r>
            <a:r>
              <a:rPr lang="da-DK" dirty="0" err="1"/>
              <a:t>level</a:t>
            </a:r>
            <a:endParaRPr lang="da-DK" dirty="0"/>
          </a:p>
        </p:txBody>
      </p:sp>
      <p:cxnSp>
        <p:nvCxnSpPr>
          <p:cNvPr id="14" name="Straight Connector 13">
            <a:extLst>
              <a:ext uri="{FF2B5EF4-FFF2-40B4-BE49-F238E27FC236}">
                <a16:creationId xmlns:a16="http://schemas.microsoft.com/office/drawing/2014/main" id="{8F915832-D3F4-408A-804C-D1AB174955EB}"/>
              </a:ext>
            </a:extLst>
          </p:cNvPr>
          <p:cNvCxnSpPr>
            <a:cxnSpLocks/>
          </p:cNvCxnSpPr>
          <p:nvPr userDrawn="1"/>
        </p:nvCxnSpPr>
        <p:spPr>
          <a:xfrm>
            <a:off x="817551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369205132"/>
      </p:ext>
    </p:extLst>
  </p:cSld>
  <p:clrMapOvr>
    <a:masterClrMapping/>
  </p:clrMapOvr>
  <p:transition>
    <p:fade/>
  </p:transition>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Highlights of our work 2x2 - Dark">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6206BFF3-511B-497A-A700-5DA175A85FB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8" name="Straight Connector 17">
            <a:extLst>
              <a:ext uri="{FF2B5EF4-FFF2-40B4-BE49-F238E27FC236}">
                <a16:creationId xmlns:a16="http://schemas.microsoft.com/office/drawing/2014/main" id="{BFD9EBCB-0EAA-4F9C-8604-A88FE78070B1}"/>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2" name="Picture Placeholder 21">
            <a:extLst>
              <a:ext uri="{FF2B5EF4-FFF2-40B4-BE49-F238E27FC236}">
                <a16:creationId xmlns:a16="http://schemas.microsoft.com/office/drawing/2014/main" id="{8BA7F858-7AE4-4041-81AA-1C01085FA915}"/>
              </a:ext>
            </a:extLst>
          </p:cNvPr>
          <p:cNvSpPr>
            <a:spLocks noGrp="1" noChangeAspect="1"/>
          </p:cNvSpPr>
          <p:nvPr>
            <p:ph type="pic" sz="quarter" idx="10" hasCustomPrompt="1"/>
          </p:nvPr>
        </p:nvSpPr>
        <p:spPr>
          <a:xfrm>
            <a:off x="2433309"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6" name="Freeform: Shape 25">
            <a:extLst>
              <a:ext uri="{FF2B5EF4-FFF2-40B4-BE49-F238E27FC236}">
                <a16:creationId xmlns:a16="http://schemas.microsoft.com/office/drawing/2014/main" id="{109E2C94-B674-4752-BAA8-B5ED5E753321}"/>
              </a:ext>
            </a:extLst>
          </p:cNvPr>
          <p:cNvSpPr/>
          <p:nvPr userDrawn="1"/>
        </p:nvSpPr>
        <p:spPr>
          <a:xfrm>
            <a:off x="554355"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7" name="Text Placeholder 48">
            <a:extLst>
              <a:ext uri="{FF2B5EF4-FFF2-40B4-BE49-F238E27FC236}">
                <a16:creationId xmlns:a16="http://schemas.microsoft.com/office/drawing/2014/main" id="{72BE2FA1-7C4C-4B67-BF7C-C268BCCDE729}"/>
              </a:ext>
            </a:extLst>
          </p:cNvPr>
          <p:cNvSpPr>
            <a:spLocks noGrp="1"/>
          </p:cNvSpPr>
          <p:nvPr>
            <p:ph type="body" sz="quarter" idx="11" hasCustomPrompt="1"/>
          </p:nvPr>
        </p:nvSpPr>
        <p:spPr>
          <a:xfrm>
            <a:off x="696589"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6" name="Picture Placeholder 35">
            <a:extLst>
              <a:ext uri="{FF2B5EF4-FFF2-40B4-BE49-F238E27FC236}">
                <a16:creationId xmlns:a16="http://schemas.microsoft.com/office/drawing/2014/main" id="{506E9508-F5EC-4039-9C02-E0452F17FFC0}"/>
              </a:ext>
            </a:extLst>
          </p:cNvPr>
          <p:cNvSpPr>
            <a:spLocks noGrp="1" noChangeAspect="1"/>
          </p:cNvSpPr>
          <p:nvPr>
            <p:ph type="pic" sz="quarter" idx="12" hasCustomPrompt="1"/>
          </p:nvPr>
        </p:nvSpPr>
        <p:spPr>
          <a:xfrm>
            <a:off x="2433309"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37" name="Freeform: Shape 36">
            <a:extLst>
              <a:ext uri="{FF2B5EF4-FFF2-40B4-BE49-F238E27FC236}">
                <a16:creationId xmlns:a16="http://schemas.microsoft.com/office/drawing/2014/main" id="{D73200C3-FD49-4942-ADB7-84E15B94173E}"/>
              </a:ext>
            </a:extLst>
          </p:cNvPr>
          <p:cNvSpPr/>
          <p:nvPr userDrawn="1"/>
        </p:nvSpPr>
        <p:spPr>
          <a:xfrm>
            <a:off x="554355"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8" name="Text Placeholder 48">
            <a:extLst>
              <a:ext uri="{FF2B5EF4-FFF2-40B4-BE49-F238E27FC236}">
                <a16:creationId xmlns:a16="http://schemas.microsoft.com/office/drawing/2014/main" id="{07EE5A08-8151-44B5-8987-2CBF278A2F65}"/>
              </a:ext>
            </a:extLst>
          </p:cNvPr>
          <p:cNvSpPr>
            <a:spLocks noGrp="1"/>
          </p:cNvSpPr>
          <p:nvPr>
            <p:ph type="body" sz="quarter" idx="13" hasCustomPrompt="1"/>
          </p:nvPr>
        </p:nvSpPr>
        <p:spPr>
          <a:xfrm>
            <a:off x="696589"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9" name="Picture Placeholder 38">
            <a:extLst>
              <a:ext uri="{FF2B5EF4-FFF2-40B4-BE49-F238E27FC236}">
                <a16:creationId xmlns:a16="http://schemas.microsoft.com/office/drawing/2014/main" id="{D6F71873-3F6D-4680-A325-A9B49299475C}"/>
              </a:ext>
            </a:extLst>
          </p:cNvPr>
          <p:cNvSpPr>
            <a:spLocks noGrp="1" noChangeAspect="1"/>
          </p:cNvSpPr>
          <p:nvPr>
            <p:ph type="pic" sz="quarter" idx="14" hasCustomPrompt="1"/>
          </p:nvPr>
        </p:nvSpPr>
        <p:spPr>
          <a:xfrm>
            <a:off x="8049884"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0" name="Freeform: Shape 39">
            <a:extLst>
              <a:ext uri="{FF2B5EF4-FFF2-40B4-BE49-F238E27FC236}">
                <a16:creationId xmlns:a16="http://schemas.microsoft.com/office/drawing/2014/main" id="{0B74991D-5211-43D8-9EBF-6AAC3BDEDB3F}"/>
              </a:ext>
            </a:extLst>
          </p:cNvPr>
          <p:cNvSpPr/>
          <p:nvPr userDrawn="1"/>
        </p:nvSpPr>
        <p:spPr>
          <a:xfrm>
            <a:off x="6170930"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1" name="Text Placeholder 48">
            <a:extLst>
              <a:ext uri="{FF2B5EF4-FFF2-40B4-BE49-F238E27FC236}">
                <a16:creationId xmlns:a16="http://schemas.microsoft.com/office/drawing/2014/main" id="{5D6275F9-70E6-4A32-9E06-AC04258D95E6}"/>
              </a:ext>
            </a:extLst>
          </p:cNvPr>
          <p:cNvSpPr>
            <a:spLocks noGrp="1"/>
          </p:cNvSpPr>
          <p:nvPr>
            <p:ph type="body" sz="quarter" idx="15" hasCustomPrompt="1"/>
          </p:nvPr>
        </p:nvSpPr>
        <p:spPr>
          <a:xfrm>
            <a:off x="6313164"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2" name="Picture Placeholder 41">
            <a:extLst>
              <a:ext uri="{FF2B5EF4-FFF2-40B4-BE49-F238E27FC236}">
                <a16:creationId xmlns:a16="http://schemas.microsoft.com/office/drawing/2014/main" id="{A25AE47A-A81D-4750-BDD7-86F587DB4A29}"/>
              </a:ext>
            </a:extLst>
          </p:cNvPr>
          <p:cNvSpPr>
            <a:spLocks noGrp="1" noChangeAspect="1"/>
          </p:cNvSpPr>
          <p:nvPr>
            <p:ph type="pic" sz="quarter" idx="16" hasCustomPrompt="1"/>
          </p:nvPr>
        </p:nvSpPr>
        <p:spPr>
          <a:xfrm>
            <a:off x="8049884"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3" name="Freeform: Shape 42">
            <a:extLst>
              <a:ext uri="{FF2B5EF4-FFF2-40B4-BE49-F238E27FC236}">
                <a16:creationId xmlns:a16="http://schemas.microsoft.com/office/drawing/2014/main" id="{BD738F05-1D01-4571-8498-1362582D0202}"/>
              </a:ext>
            </a:extLst>
          </p:cNvPr>
          <p:cNvSpPr/>
          <p:nvPr userDrawn="1"/>
        </p:nvSpPr>
        <p:spPr>
          <a:xfrm>
            <a:off x="6170930"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4" name="Text Placeholder 48">
            <a:extLst>
              <a:ext uri="{FF2B5EF4-FFF2-40B4-BE49-F238E27FC236}">
                <a16:creationId xmlns:a16="http://schemas.microsoft.com/office/drawing/2014/main" id="{43B5CD61-0250-4B2D-AC21-8A4258DA97C3}"/>
              </a:ext>
            </a:extLst>
          </p:cNvPr>
          <p:cNvSpPr>
            <a:spLocks noGrp="1"/>
          </p:cNvSpPr>
          <p:nvPr>
            <p:ph type="body" sz="quarter" idx="17" hasCustomPrompt="1"/>
          </p:nvPr>
        </p:nvSpPr>
        <p:spPr>
          <a:xfrm>
            <a:off x="6313164"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Tree>
    <p:extLst>
      <p:ext uri="{BB962C8B-B14F-4D97-AF65-F5344CB8AC3E}">
        <p14:creationId xmlns:p14="http://schemas.microsoft.com/office/powerpoint/2010/main" val="4014793041"/>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Highlights of our work 3x2">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179AC41B-EF54-4BA2-B71C-8094D37FDA9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8" name="Straight Connector 17">
            <a:extLst>
              <a:ext uri="{FF2B5EF4-FFF2-40B4-BE49-F238E27FC236}">
                <a16:creationId xmlns:a16="http://schemas.microsoft.com/office/drawing/2014/main" id="{1C3DE315-6EFA-440C-BDEE-FC4E76D6B5D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50" name="Freeform: Shape 49">
            <a:extLst>
              <a:ext uri="{FF2B5EF4-FFF2-40B4-BE49-F238E27FC236}">
                <a16:creationId xmlns:a16="http://schemas.microsoft.com/office/drawing/2014/main" id="{5C594562-12BB-4690-B5A6-C9E84F779AEC}"/>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2" name="Text Placeholder 48">
            <a:extLst>
              <a:ext uri="{FF2B5EF4-FFF2-40B4-BE49-F238E27FC236}">
                <a16:creationId xmlns:a16="http://schemas.microsoft.com/office/drawing/2014/main" id="{B3E3884F-770C-470B-8D26-8C6B2799B4CD}"/>
              </a:ext>
            </a:extLst>
          </p:cNvPr>
          <p:cNvSpPr>
            <a:spLocks noGrp="1"/>
          </p:cNvSpPr>
          <p:nvPr>
            <p:ph type="body" sz="quarter" idx="11" hasCustomPrompt="1"/>
          </p:nvPr>
        </p:nvSpPr>
        <p:spPr>
          <a:xfrm>
            <a:off x="696590"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3" name="Freeform: Shape 52">
            <a:extLst>
              <a:ext uri="{FF2B5EF4-FFF2-40B4-BE49-F238E27FC236}">
                <a16:creationId xmlns:a16="http://schemas.microsoft.com/office/drawing/2014/main" id="{E70F2418-B818-4714-A303-ED0BA33B0198}"/>
              </a:ext>
            </a:extLst>
          </p:cNvPr>
          <p:cNvSpPr/>
          <p:nvPr userDrawn="1"/>
        </p:nvSpPr>
        <p:spPr>
          <a:xfrm>
            <a:off x="429926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5" name="Text Placeholder 48">
            <a:extLst>
              <a:ext uri="{FF2B5EF4-FFF2-40B4-BE49-F238E27FC236}">
                <a16:creationId xmlns:a16="http://schemas.microsoft.com/office/drawing/2014/main" id="{FBBBD63F-776D-4BEC-9F0A-5BD1FF1EA9B2}"/>
              </a:ext>
            </a:extLst>
          </p:cNvPr>
          <p:cNvSpPr>
            <a:spLocks noGrp="1"/>
          </p:cNvSpPr>
          <p:nvPr>
            <p:ph type="body" sz="quarter" idx="13" hasCustomPrompt="1"/>
          </p:nvPr>
        </p:nvSpPr>
        <p:spPr>
          <a:xfrm>
            <a:off x="4441502"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6" name="Freeform: Shape 55">
            <a:extLst>
              <a:ext uri="{FF2B5EF4-FFF2-40B4-BE49-F238E27FC236}">
                <a16:creationId xmlns:a16="http://schemas.microsoft.com/office/drawing/2014/main" id="{A24BCF58-6B91-4B5D-8652-43913F594141}"/>
              </a:ext>
            </a:extLst>
          </p:cNvPr>
          <p:cNvSpPr/>
          <p:nvPr userDrawn="1"/>
        </p:nvSpPr>
        <p:spPr>
          <a:xfrm>
            <a:off x="8042592"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8" name="Text Placeholder 48">
            <a:extLst>
              <a:ext uri="{FF2B5EF4-FFF2-40B4-BE49-F238E27FC236}">
                <a16:creationId xmlns:a16="http://schemas.microsoft.com/office/drawing/2014/main" id="{1CE496AA-A0DA-4BFC-BD90-13E6958D08E0}"/>
              </a:ext>
            </a:extLst>
          </p:cNvPr>
          <p:cNvSpPr>
            <a:spLocks noGrp="1"/>
          </p:cNvSpPr>
          <p:nvPr>
            <p:ph type="body" sz="quarter" idx="15" hasCustomPrompt="1"/>
          </p:nvPr>
        </p:nvSpPr>
        <p:spPr>
          <a:xfrm>
            <a:off x="8184827"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1" name="Picture Placeholder 60">
            <a:extLst>
              <a:ext uri="{FF2B5EF4-FFF2-40B4-BE49-F238E27FC236}">
                <a16:creationId xmlns:a16="http://schemas.microsoft.com/office/drawing/2014/main" id="{0CD398D6-8FEB-4682-A66E-F4A82060B948}"/>
              </a:ext>
            </a:extLst>
          </p:cNvPr>
          <p:cNvSpPr>
            <a:spLocks noGrp="1" noChangeAspect="1"/>
          </p:cNvSpPr>
          <p:nvPr>
            <p:ph type="pic" sz="quarter" idx="17" hasCustomPrompt="1"/>
          </p:nvPr>
        </p:nvSpPr>
        <p:spPr>
          <a:xfrm>
            <a:off x="2281237"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2" name="Picture Placeholder 61">
            <a:extLst>
              <a:ext uri="{FF2B5EF4-FFF2-40B4-BE49-F238E27FC236}">
                <a16:creationId xmlns:a16="http://schemas.microsoft.com/office/drawing/2014/main" id="{34BD673D-057B-46EC-8687-13FD9A8D0842}"/>
              </a:ext>
            </a:extLst>
          </p:cNvPr>
          <p:cNvSpPr>
            <a:spLocks noGrp="1" noChangeAspect="1"/>
          </p:cNvSpPr>
          <p:nvPr>
            <p:ph type="pic" sz="quarter" idx="18" hasCustomPrompt="1"/>
          </p:nvPr>
        </p:nvSpPr>
        <p:spPr>
          <a:xfrm>
            <a:off x="6022019"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3" name="Picture Placeholder 62">
            <a:extLst>
              <a:ext uri="{FF2B5EF4-FFF2-40B4-BE49-F238E27FC236}">
                <a16:creationId xmlns:a16="http://schemas.microsoft.com/office/drawing/2014/main" id="{C7B7B8C1-5170-4AFD-9E07-DADDEDBA5314}"/>
              </a:ext>
            </a:extLst>
          </p:cNvPr>
          <p:cNvSpPr>
            <a:spLocks noGrp="1" noChangeAspect="1"/>
          </p:cNvSpPr>
          <p:nvPr>
            <p:ph type="pic" sz="quarter" idx="19" hasCustomPrompt="1"/>
          </p:nvPr>
        </p:nvSpPr>
        <p:spPr>
          <a:xfrm>
            <a:off x="9773285"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4" name="Freeform: Shape 63">
            <a:extLst>
              <a:ext uri="{FF2B5EF4-FFF2-40B4-BE49-F238E27FC236}">
                <a16:creationId xmlns:a16="http://schemas.microsoft.com/office/drawing/2014/main" id="{7FFB90EE-5B78-4382-B16A-59B6BFC51FEB}"/>
              </a:ext>
            </a:extLst>
          </p:cNvPr>
          <p:cNvSpPr/>
          <p:nvPr userDrawn="1"/>
        </p:nvSpPr>
        <p:spPr>
          <a:xfrm>
            <a:off x="554355"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5" name="Text Placeholder 48">
            <a:extLst>
              <a:ext uri="{FF2B5EF4-FFF2-40B4-BE49-F238E27FC236}">
                <a16:creationId xmlns:a16="http://schemas.microsoft.com/office/drawing/2014/main" id="{290D9629-AF39-45C0-A821-DDA3778B2A3B}"/>
              </a:ext>
            </a:extLst>
          </p:cNvPr>
          <p:cNvSpPr>
            <a:spLocks noGrp="1"/>
          </p:cNvSpPr>
          <p:nvPr>
            <p:ph type="body" sz="quarter" idx="20" hasCustomPrompt="1"/>
          </p:nvPr>
        </p:nvSpPr>
        <p:spPr>
          <a:xfrm>
            <a:off x="696590"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6" name="Freeform: Shape 65">
            <a:extLst>
              <a:ext uri="{FF2B5EF4-FFF2-40B4-BE49-F238E27FC236}">
                <a16:creationId xmlns:a16="http://schemas.microsoft.com/office/drawing/2014/main" id="{6A05FFF8-7B8D-49A2-84A6-E22E4FE6732F}"/>
              </a:ext>
            </a:extLst>
          </p:cNvPr>
          <p:cNvSpPr/>
          <p:nvPr userDrawn="1"/>
        </p:nvSpPr>
        <p:spPr>
          <a:xfrm>
            <a:off x="4299267"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7" name="Text Placeholder 48">
            <a:extLst>
              <a:ext uri="{FF2B5EF4-FFF2-40B4-BE49-F238E27FC236}">
                <a16:creationId xmlns:a16="http://schemas.microsoft.com/office/drawing/2014/main" id="{16190777-7397-408B-9A92-BEF01A894F95}"/>
              </a:ext>
            </a:extLst>
          </p:cNvPr>
          <p:cNvSpPr>
            <a:spLocks noGrp="1"/>
          </p:cNvSpPr>
          <p:nvPr>
            <p:ph type="body" sz="quarter" idx="21" hasCustomPrompt="1"/>
          </p:nvPr>
        </p:nvSpPr>
        <p:spPr>
          <a:xfrm>
            <a:off x="4441502"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8" name="Freeform: Shape 67">
            <a:extLst>
              <a:ext uri="{FF2B5EF4-FFF2-40B4-BE49-F238E27FC236}">
                <a16:creationId xmlns:a16="http://schemas.microsoft.com/office/drawing/2014/main" id="{970CD49B-57D6-40A7-8EBF-5FBF16916BC4}"/>
              </a:ext>
            </a:extLst>
          </p:cNvPr>
          <p:cNvSpPr/>
          <p:nvPr userDrawn="1"/>
        </p:nvSpPr>
        <p:spPr>
          <a:xfrm>
            <a:off x="8042592"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9" name="Text Placeholder 48">
            <a:extLst>
              <a:ext uri="{FF2B5EF4-FFF2-40B4-BE49-F238E27FC236}">
                <a16:creationId xmlns:a16="http://schemas.microsoft.com/office/drawing/2014/main" id="{45FCEF01-675C-4940-8F0B-1E7835624645}"/>
              </a:ext>
            </a:extLst>
          </p:cNvPr>
          <p:cNvSpPr>
            <a:spLocks noGrp="1"/>
          </p:cNvSpPr>
          <p:nvPr>
            <p:ph type="body" sz="quarter" idx="22" hasCustomPrompt="1"/>
          </p:nvPr>
        </p:nvSpPr>
        <p:spPr>
          <a:xfrm>
            <a:off x="8184827"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0" name="Picture Placeholder 69">
            <a:extLst>
              <a:ext uri="{FF2B5EF4-FFF2-40B4-BE49-F238E27FC236}">
                <a16:creationId xmlns:a16="http://schemas.microsoft.com/office/drawing/2014/main" id="{FC3A66DB-C02F-4A5B-B68A-2026CAED5C5A}"/>
              </a:ext>
            </a:extLst>
          </p:cNvPr>
          <p:cNvSpPr>
            <a:spLocks noGrp="1" noChangeAspect="1"/>
          </p:cNvSpPr>
          <p:nvPr>
            <p:ph type="pic" sz="quarter" idx="23" hasCustomPrompt="1"/>
          </p:nvPr>
        </p:nvSpPr>
        <p:spPr>
          <a:xfrm>
            <a:off x="2281237"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71" name="Picture Placeholder 70">
            <a:extLst>
              <a:ext uri="{FF2B5EF4-FFF2-40B4-BE49-F238E27FC236}">
                <a16:creationId xmlns:a16="http://schemas.microsoft.com/office/drawing/2014/main" id="{4E2E4E18-39A2-4C3D-B763-5952500F6C20}"/>
              </a:ext>
            </a:extLst>
          </p:cNvPr>
          <p:cNvSpPr>
            <a:spLocks noGrp="1" noChangeAspect="1"/>
          </p:cNvSpPr>
          <p:nvPr>
            <p:ph type="pic" sz="quarter" idx="24" hasCustomPrompt="1"/>
          </p:nvPr>
        </p:nvSpPr>
        <p:spPr>
          <a:xfrm>
            <a:off x="6022019"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72" name="Picture Placeholder 71">
            <a:extLst>
              <a:ext uri="{FF2B5EF4-FFF2-40B4-BE49-F238E27FC236}">
                <a16:creationId xmlns:a16="http://schemas.microsoft.com/office/drawing/2014/main" id="{D75FC110-3F5C-4ADE-AF97-C24EE4B5B63D}"/>
              </a:ext>
            </a:extLst>
          </p:cNvPr>
          <p:cNvSpPr>
            <a:spLocks noGrp="1" noChangeAspect="1"/>
          </p:cNvSpPr>
          <p:nvPr>
            <p:ph type="pic" sz="quarter" idx="25" hasCustomPrompt="1"/>
          </p:nvPr>
        </p:nvSpPr>
        <p:spPr>
          <a:xfrm>
            <a:off x="9773285"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2986062009"/>
      </p:ext>
    </p:extLst>
  </p:cSld>
  <p:clrMapOvr>
    <a:masterClrMapping/>
  </p:clrMapOvr>
  <p:transition>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Highlights of our work 3x2 - Dark">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179AC41B-EF54-4BA2-B71C-8094D37FDA9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8" name="Straight Connector 17">
            <a:extLst>
              <a:ext uri="{FF2B5EF4-FFF2-40B4-BE49-F238E27FC236}">
                <a16:creationId xmlns:a16="http://schemas.microsoft.com/office/drawing/2014/main" id="{1C3DE315-6EFA-440C-BDEE-FC4E76D6B5D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50" name="Freeform: Shape 49">
            <a:extLst>
              <a:ext uri="{FF2B5EF4-FFF2-40B4-BE49-F238E27FC236}">
                <a16:creationId xmlns:a16="http://schemas.microsoft.com/office/drawing/2014/main" id="{5C594562-12BB-4690-B5A6-C9E84F779AEC}"/>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2" name="Text Placeholder 48">
            <a:extLst>
              <a:ext uri="{FF2B5EF4-FFF2-40B4-BE49-F238E27FC236}">
                <a16:creationId xmlns:a16="http://schemas.microsoft.com/office/drawing/2014/main" id="{B3E3884F-770C-470B-8D26-8C6B2799B4CD}"/>
              </a:ext>
            </a:extLst>
          </p:cNvPr>
          <p:cNvSpPr>
            <a:spLocks noGrp="1"/>
          </p:cNvSpPr>
          <p:nvPr>
            <p:ph type="body" sz="quarter" idx="11" hasCustomPrompt="1"/>
          </p:nvPr>
        </p:nvSpPr>
        <p:spPr>
          <a:xfrm>
            <a:off x="696590"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3" name="Freeform: Shape 52">
            <a:extLst>
              <a:ext uri="{FF2B5EF4-FFF2-40B4-BE49-F238E27FC236}">
                <a16:creationId xmlns:a16="http://schemas.microsoft.com/office/drawing/2014/main" id="{E70F2418-B818-4714-A303-ED0BA33B0198}"/>
              </a:ext>
            </a:extLst>
          </p:cNvPr>
          <p:cNvSpPr/>
          <p:nvPr userDrawn="1"/>
        </p:nvSpPr>
        <p:spPr>
          <a:xfrm>
            <a:off x="429926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5" name="Text Placeholder 48">
            <a:extLst>
              <a:ext uri="{FF2B5EF4-FFF2-40B4-BE49-F238E27FC236}">
                <a16:creationId xmlns:a16="http://schemas.microsoft.com/office/drawing/2014/main" id="{FBBBD63F-776D-4BEC-9F0A-5BD1FF1EA9B2}"/>
              </a:ext>
            </a:extLst>
          </p:cNvPr>
          <p:cNvSpPr>
            <a:spLocks noGrp="1"/>
          </p:cNvSpPr>
          <p:nvPr>
            <p:ph type="body" sz="quarter" idx="13" hasCustomPrompt="1"/>
          </p:nvPr>
        </p:nvSpPr>
        <p:spPr>
          <a:xfrm>
            <a:off x="4441502"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6" name="Freeform: Shape 55">
            <a:extLst>
              <a:ext uri="{FF2B5EF4-FFF2-40B4-BE49-F238E27FC236}">
                <a16:creationId xmlns:a16="http://schemas.microsoft.com/office/drawing/2014/main" id="{A24BCF58-6B91-4B5D-8652-43913F594141}"/>
              </a:ext>
            </a:extLst>
          </p:cNvPr>
          <p:cNvSpPr/>
          <p:nvPr userDrawn="1"/>
        </p:nvSpPr>
        <p:spPr>
          <a:xfrm>
            <a:off x="8042592"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8" name="Text Placeholder 48">
            <a:extLst>
              <a:ext uri="{FF2B5EF4-FFF2-40B4-BE49-F238E27FC236}">
                <a16:creationId xmlns:a16="http://schemas.microsoft.com/office/drawing/2014/main" id="{1CE496AA-A0DA-4BFC-BD90-13E6958D08E0}"/>
              </a:ext>
            </a:extLst>
          </p:cNvPr>
          <p:cNvSpPr>
            <a:spLocks noGrp="1"/>
          </p:cNvSpPr>
          <p:nvPr>
            <p:ph type="body" sz="quarter" idx="15" hasCustomPrompt="1"/>
          </p:nvPr>
        </p:nvSpPr>
        <p:spPr>
          <a:xfrm>
            <a:off x="8184827"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1" name="Picture Placeholder 60">
            <a:extLst>
              <a:ext uri="{FF2B5EF4-FFF2-40B4-BE49-F238E27FC236}">
                <a16:creationId xmlns:a16="http://schemas.microsoft.com/office/drawing/2014/main" id="{0CD398D6-8FEB-4682-A66E-F4A82060B948}"/>
              </a:ext>
            </a:extLst>
          </p:cNvPr>
          <p:cNvSpPr>
            <a:spLocks noGrp="1" noChangeAspect="1"/>
          </p:cNvSpPr>
          <p:nvPr>
            <p:ph type="pic" sz="quarter" idx="17" hasCustomPrompt="1"/>
          </p:nvPr>
        </p:nvSpPr>
        <p:spPr>
          <a:xfrm>
            <a:off x="2281237"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2" name="Picture Placeholder 61">
            <a:extLst>
              <a:ext uri="{FF2B5EF4-FFF2-40B4-BE49-F238E27FC236}">
                <a16:creationId xmlns:a16="http://schemas.microsoft.com/office/drawing/2014/main" id="{34BD673D-057B-46EC-8687-13FD9A8D0842}"/>
              </a:ext>
            </a:extLst>
          </p:cNvPr>
          <p:cNvSpPr>
            <a:spLocks noGrp="1" noChangeAspect="1"/>
          </p:cNvSpPr>
          <p:nvPr>
            <p:ph type="pic" sz="quarter" idx="18" hasCustomPrompt="1"/>
          </p:nvPr>
        </p:nvSpPr>
        <p:spPr>
          <a:xfrm>
            <a:off x="6022019"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3" name="Picture Placeholder 62">
            <a:extLst>
              <a:ext uri="{FF2B5EF4-FFF2-40B4-BE49-F238E27FC236}">
                <a16:creationId xmlns:a16="http://schemas.microsoft.com/office/drawing/2014/main" id="{C7B7B8C1-5170-4AFD-9E07-DADDEDBA5314}"/>
              </a:ext>
            </a:extLst>
          </p:cNvPr>
          <p:cNvSpPr>
            <a:spLocks noGrp="1" noChangeAspect="1"/>
          </p:cNvSpPr>
          <p:nvPr>
            <p:ph type="pic" sz="quarter" idx="19" hasCustomPrompt="1"/>
          </p:nvPr>
        </p:nvSpPr>
        <p:spPr>
          <a:xfrm>
            <a:off x="9773285"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4" name="Freeform: Shape 63">
            <a:extLst>
              <a:ext uri="{FF2B5EF4-FFF2-40B4-BE49-F238E27FC236}">
                <a16:creationId xmlns:a16="http://schemas.microsoft.com/office/drawing/2014/main" id="{7FFB90EE-5B78-4382-B16A-59B6BFC51FEB}"/>
              </a:ext>
            </a:extLst>
          </p:cNvPr>
          <p:cNvSpPr/>
          <p:nvPr userDrawn="1"/>
        </p:nvSpPr>
        <p:spPr>
          <a:xfrm>
            <a:off x="554355"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5" name="Text Placeholder 48">
            <a:extLst>
              <a:ext uri="{FF2B5EF4-FFF2-40B4-BE49-F238E27FC236}">
                <a16:creationId xmlns:a16="http://schemas.microsoft.com/office/drawing/2014/main" id="{290D9629-AF39-45C0-A821-DDA3778B2A3B}"/>
              </a:ext>
            </a:extLst>
          </p:cNvPr>
          <p:cNvSpPr>
            <a:spLocks noGrp="1"/>
          </p:cNvSpPr>
          <p:nvPr>
            <p:ph type="body" sz="quarter" idx="20" hasCustomPrompt="1"/>
          </p:nvPr>
        </p:nvSpPr>
        <p:spPr>
          <a:xfrm>
            <a:off x="696590"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6" name="Freeform: Shape 65">
            <a:extLst>
              <a:ext uri="{FF2B5EF4-FFF2-40B4-BE49-F238E27FC236}">
                <a16:creationId xmlns:a16="http://schemas.microsoft.com/office/drawing/2014/main" id="{6A05FFF8-7B8D-49A2-84A6-E22E4FE6732F}"/>
              </a:ext>
            </a:extLst>
          </p:cNvPr>
          <p:cNvSpPr/>
          <p:nvPr userDrawn="1"/>
        </p:nvSpPr>
        <p:spPr>
          <a:xfrm>
            <a:off x="4299267"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7" name="Text Placeholder 48">
            <a:extLst>
              <a:ext uri="{FF2B5EF4-FFF2-40B4-BE49-F238E27FC236}">
                <a16:creationId xmlns:a16="http://schemas.microsoft.com/office/drawing/2014/main" id="{16190777-7397-408B-9A92-BEF01A894F95}"/>
              </a:ext>
            </a:extLst>
          </p:cNvPr>
          <p:cNvSpPr>
            <a:spLocks noGrp="1"/>
          </p:cNvSpPr>
          <p:nvPr>
            <p:ph type="body" sz="quarter" idx="21" hasCustomPrompt="1"/>
          </p:nvPr>
        </p:nvSpPr>
        <p:spPr>
          <a:xfrm>
            <a:off x="4441502"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8" name="Freeform: Shape 67">
            <a:extLst>
              <a:ext uri="{FF2B5EF4-FFF2-40B4-BE49-F238E27FC236}">
                <a16:creationId xmlns:a16="http://schemas.microsoft.com/office/drawing/2014/main" id="{970CD49B-57D6-40A7-8EBF-5FBF16916BC4}"/>
              </a:ext>
            </a:extLst>
          </p:cNvPr>
          <p:cNvSpPr/>
          <p:nvPr userDrawn="1"/>
        </p:nvSpPr>
        <p:spPr>
          <a:xfrm>
            <a:off x="8042592"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9" name="Text Placeholder 48">
            <a:extLst>
              <a:ext uri="{FF2B5EF4-FFF2-40B4-BE49-F238E27FC236}">
                <a16:creationId xmlns:a16="http://schemas.microsoft.com/office/drawing/2014/main" id="{45FCEF01-675C-4940-8F0B-1E7835624645}"/>
              </a:ext>
            </a:extLst>
          </p:cNvPr>
          <p:cNvSpPr>
            <a:spLocks noGrp="1"/>
          </p:cNvSpPr>
          <p:nvPr>
            <p:ph type="body" sz="quarter" idx="22" hasCustomPrompt="1"/>
          </p:nvPr>
        </p:nvSpPr>
        <p:spPr>
          <a:xfrm>
            <a:off x="8184827"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0" name="Picture Placeholder 69">
            <a:extLst>
              <a:ext uri="{FF2B5EF4-FFF2-40B4-BE49-F238E27FC236}">
                <a16:creationId xmlns:a16="http://schemas.microsoft.com/office/drawing/2014/main" id="{FC3A66DB-C02F-4A5B-B68A-2026CAED5C5A}"/>
              </a:ext>
            </a:extLst>
          </p:cNvPr>
          <p:cNvSpPr>
            <a:spLocks noGrp="1" noChangeAspect="1"/>
          </p:cNvSpPr>
          <p:nvPr>
            <p:ph type="pic" sz="quarter" idx="23" hasCustomPrompt="1"/>
          </p:nvPr>
        </p:nvSpPr>
        <p:spPr>
          <a:xfrm>
            <a:off x="2281237"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71" name="Picture Placeholder 70">
            <a:extLst>
              <a:ext uri="{FF2B5EF4-FFF2-40B4-BE49-F238E27FC236}">
                <a16:creationId xmlns:a16="http://schemas.microsoft.com/office/drawing/2014/main" id="{4E2E4E18-39A2-4C3D-B763-5952500F6C20}"/>
              </a:ext>
            </a:extLst>
          </p:cNvPr>
          <p:cNvSpPr>
            <a:spLocks noGrp="1" noChangeAspect="1"/>
          </p:cNvSpPr>
          <p:nvPr>
            <p:ph type="pic" sz="quarter" idx="24" hasCustomPrompt="1"/>
          </p:nvPr>
        </p:nvSpPr>
        <p:spPr>
          <a:xfrm>
            <a:off x="6022019"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72" name="Picture Placeholder 71">
            <a:extLst>
              <a:ext uri="{FF2B5EF4-FFF2-40B4-BE49-F238E27FC236}">
                <a16:creationId xmlns:a16="http://schemas.microsoft.com/office/drawing/2014/main" id="{D75FC110-3F5C-4ADE-AF97-C24EE4B5B63D}"/>
              </a:ext>
            </a:extLst>
          </p:cNvPr>
          <p:cNvSpPr>
            <a:spLocks noGrp="1" noChangeAspect="1"/>
          </p:cNvSpPr>
          <p:nvPr>
            <p:ph type="pic" sz="quarter" idx="25" hasCustomPrompt="1"/>
          </p:nvPr>
        </p:nvSpPr>
        <p:spPr>
          <a:xfrm>
            <a:off x="9773285"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2210819444"/>
      </p:ext>
    </p:extLst>
  </p:cSld>
  <p:clrMapOvr>
    <a:masterClrMapping/>
  </p:clrMapOvr>
  <p:transition>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Highlights of our work 4x2">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032F8D8D-BCFD-47C1-9BB6-C2FF2AD28002}"/>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6" name="Picture Placeholder 85">
            <a:extLst>
              <a:ext uri="{FF2B5EF4-FFF2-40B4-BE49-F238E27FC236}">
                <a16:creationId xmlns:a16="http://schemas.microsoft.com/office/drawing/2014/main" id="{94F5AF70-4DF4-441B-A168-E03D2F746370}"/>
              </a:ext>
            </a:extLst>
          </p:cNvPr>
          <p:cNvSpPr>
            <a:spLocks noGrp="1" noChangeAspect="1"/>
          </p:cNvSpPr>
          <p:nvPr>
            <p:ph type="pic" sz="quarter" idx="10" hasCustomPrompt="1"/>
          </p:nvPr>
        </p:nvSpPr>
        <p:spPr>
          <a:xfrm>
            <a:off x="200082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Text Placeholder 48">
            <a:extLst>
              <a:ext uri="{FF2B5EF4-FFF2-40B4-BE49-F238E27FC236}">
                <a16:creationId xmlns:a16="http://schemas.microsoft.com/office/drawing/2014/main" id="{38BA50E9-3C9E-4EA4-832D-18B54C668465}"/>
              </a:ext>
            </a:extLst>
          </p:cNvPr>
          <p:cNvSpPr>
            <a:spLocks noGrp="1"/>
          </p:cNvSpPr>
          <p:nvPr>
            <p:ph type="body" sz="quarter" idx="11" hasCustomPrompt="1"/>
          </p:nvPr>
        </p:nvSpPr>
        <p:spPr>
          <a:xfrm>
            <a:off x="69659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8" name="Freeform: Shape 37">
            <a:extLst>
              <a:ext uri="{FF2B5EF4-FFF2-40B4-BE49-F238E27FC236}">
                <a16:creationId xmlns:a16="http://schemas.microsoft.com/office/drawing/2014/main" id="{D21A8208-BC97-4284-8860-068079C5BF53}"/>
              </a:ext>
            </a:extLst>
          </p:cNvPr>
          <p:cNvSpPr/>
          <p:nvPr userDrawn="1"/>
        </p:nvSpPr>
        <p:spPr>
          <a:xfrm>
            <a:off x="3369933"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7" name="Picture Placeholder 86">
            <a:extLst>
              <a:ext uri="{FF2B5EF4-FFF2-40B4-BE49-F238E27FC236}">
                <a16:creationId xmlns:a16="http://schemas.microsoft.com/office/drawing/2014/main" id="{824F529F-34DE-402C-810F-C88ED957D1AC}"/>
              </a:ext>
            </a:extLst>
          </p:cNvPr>
          <p:cNvSpPr>
            <a:spLocks noGrp="1" noChangeAspect="1"/>
          </p:cNvSpPr>
          <p:nvPr>
            <p:ph type="pic" sz="quarter" idx="12" hasCustomPrompt="1"/>
          </p:nvPr>
        </p:nvSpPr>
        <p:spPr>
          <a:xfrm>
            <a:off x="4816400"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0" name="Text Placeholder 48">
            <a:extLst>
              <a:ext uri="{FF2B5EF4-FFF2-40B4-BE49-F238E27FC236}">
                <a16:creationId xmlns:a16="http://schemas.microsoft.com/office/drawing/2014/main" id="{E6C0F9A8-7838-4D67-AEF2-80AABBF2B748}"/>
              </a:ext>
            </a:extLst>
          </p:cNvPr>
          <p:cNvSpPr>
            <a:spLocks noGrp="1"/>
          </p:cNvSpPr>
          <p:nvPr>
            <p:ph type="body" sz="quarter" idx="13" hasCustomPrompt="1"/>
          </p:nvPr>
        </p:nvSpPr>
        <p:spPr>
          <a:xfrm>
            <a:off x="3512168"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1" name="Freeform: Shape 40">
            <a:extLst>
              <a:ext uri="{FF2B5EF4-FFF2-40B4-BE49-F238E27FC236}">
                <a16:creationId xmlns:a16="http://schemas.microsoft.com/office/drawing/2014/main" id="{42974F72-B661-4291-AAD7-B8CC573D5A2F}"/>
              </a:ext>
            </a:extLst>
          </p:cNvPr>
          <p:cNvSpPr/>
          <p:nvPr userDrawn="1"/>
        </p:nvSpPr>
        <p:spPr>
          <a:xfrm>
            <a:off x="616173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3" name="Text Placeholder 48">
            <a:extLst>
              <a:ext uri="{FF2B5EF4-FFF2-40B4-BE49-F238E27FC236}">
                <a16:creationId xmlns:a16="http://schemas.microsoft.com/office/drawing/2014/main" id="{4FDFC470-AE34-40A8-8946-2A83DD938A40}"/>
              </a:ext>
            </a:extLst>
          </p:cNvPr>
          <p:cNvSpPr>
            <a:spLocks noGrp="1"/>
          </p:cNvSpPr>
          <p:nvPr>
            <p:ph type="body" sz="quarter" idx="15" hasCustomPrompt="1"/>
          </p:nvPr>
        </p:nvSpPr>
        <p:spPr>
          <a:xfrm>
            <a:off x="630397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4" name="Freeform: Shape 43">
            <a:extLst>
              <a:ext uri="{FF2B5EF4-FFF2-40B4-BE49-F238E27FC236}">
                <a16:creationId xmlns:a16="http://schemas.microsoft.com/office/drawing/2014/main" id="{36EA0BB4-DC47-41B3-80D8-1EF78BE0A89F}"/>
              </a:ext>
            </a:extLst>
          </p:cNvPr>
          <p:cNvSpPr/>
          <p:nvPr userDrawn="1"/>
        </p:nvSpPr>
        <p:spPr>
          <a:xfrm>
            <a:off x="897921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6" name="Text Placeholder 48">
            <a:extLst>
              <a:ext uri="{FF2B5EF4-FFF2-40B4-BE49-F238E27FC236}">
                <a16:creationId xmlns:a16="http://schemas.microsoft.com/office/drawing/2014/main" id="{80446F8B-73BE-49E5-88C9-574D72493D8C}"/>
              </a:ext>
            </a:extLst>
          </p:cNvPr>
          <p:cNvSpPr>
            <a:spLocks noGrp="1"/>
          </p:cNvSpPr>
          <p:nvPr>
            <p:ph type="body" sz="quarter" idx="17" hasCustomPrompt="1"/>
          </p:nvPr>
        </p:nvSpPr>
        <p:spPr>
          <a:xfrm>
            <a:off x="9121452"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8" name="Freeform: Shape 47">
            <a:extLst>
              <a:ext uri="{FF2B5EF4-FFF2-40B4-BE49-F238E27FC236}">
                <a16:creationId xmlns:a16="http://schemas.microsoft.com/office/drawing/2014/main" id="{59FAAFB9-5C5E-41C8-B615-64A0793E622B}"/>
              </a:ext>
            </a:extLst>
          </p:cNvPr>
          <p:cNvSpPr/>
          <p:nvPr userDrawn="1"/>
        </p:nvSpPr>
        <p:spPr>
          <a:xfrm>
            <a:off x="55435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5" name="Text Placeholder 48">
            <a:extLst>
              <a:ext uri="{FF2B5EF4-FFF2-40B4-BE49-F238E27FC236}">
                <a16:creationId xmlns:a16="http://schemas.microsoft.com/office/drawing/2014/main" id="{3CED25B5-FC6B-4B4D-BED4-AD4C90204C46}"/>
              </a:ext>
            </a:extLst>
          </p:cNvPr>
          <p:cNvSpPr>
            <a:spLocks noGrp="1"/>
          </p:cNvSpPr>
          <p:nvPr>
            <p:ph type="body" sz="quarter" idx="19" hasCustomPrompt="1"/>
          </p:nvPr>
        </p:nvSpPr>
        <p:spPr>
          <a:xfrm>
            <a:off x="69659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8" name="Freeform: Shape 57">
            <a:extLst>
              <a:ext uri="{FF2B5EF4-FFF2-40B4-BE49-F238E27FC236}">
                <a16:creationId xmlns:a16="http://schemas.microsoft.com/office/drawing/2014/main" id="{A8875462-3003-4BF2-9456-D801E673EC9A}"/>
              </a:ext>
            </a:extLst>
          </p:cNvPr>
          <p:cNvSpPr/>
          <p:nvPr userDrawn="1"/>
        </p:nvSpPr>
        <p:spPr>
          <a:xfrm>
            <a:off x="3369933"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8" name="Text Placeholder 48">
            <a:extLst>
              <a:ext uri="{FF2B5EF4-FFF2-40B4-BE49-F238E27FC236}">
                <a16:creationId xmlns:a16="http://schemas.microsoft.com/office/drawing/2014/main" id="{2013551A-EDD0-4897-8369-F621AA06117A}"/>
              </a:ext>
            </a:extLst>
          </p:cNvPr>
          <p:cNvSpPr>
            <a:spLocks noGrp="1"/>
          </p:cNvSpPr>
          <p:nvPr>
            <p:ph type="body" sz="quarter" idx="21" hasCustomPrompt="1"/>
          </p:nvPr>
        </p:nvSpPr>
        <p:spPr>
          <a:xfrm>
            <a:off x="3512168"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9" name="Freeform: Shape 68">
            <a:extLst>
              <a:ext uri="{FF2B5EF4-FFF2-40B4-BE49-F238E27FC236}">
                <a16:creationId xmlns:a16="http://schemas.microsoft.com/office/drawing/2014/main" id="{AD448FD4-FD64-4663-A4A1-4C2DFB5D8229}"/>
              </a:ext>
            </a:extLst>
          </p:cNvPr>
          <p:cNvSpPr/>
          <p:nvPr userDrawn="1"/>
        </p:nvSpPr>
        <p:spPr>
          <a:xfrm>
            <a:off x="616173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1" name="Text Placeholder 48">
            <a:extLst>
              <a:ext uri="{FF2B5EF4-FFF2-40B4-BE49-F238E27FC236}">
                <a16:creationId xmlns:a16="http://schemas.microsoft.com/office/drawing/2014/main" id="{A5510759-64C6-4512-BC51-17DF4988D402}"/>
              </a:ext>
            </a:extLst>
          </p:cNvPr>
          <p:cNvSpPr>
            <a:spLocks noGrp="1"/>
          </p:cNvSpPr>
          <p:nvPr>
            <p:ph type="body" sz="quarter" idx="23" hasCustomPrompt="1"/>
          </p:nvPr>
        </p:nvSpPr>
        <p:spPr>
          <a:xfrm>
            <a:off x="630397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2" name="Freeform: Shape 71">
            <a:extLst>
              <a:ext uri="{FF2B5EF4-FFF2-40B4-BE49-F238E27FC236}">
                <a16:creationId xmlns:a16="http://schemas.microsoft.com/office/drawing/2014/main" id="{B45F2DEC-447F-4B13-B464-B8208BACD5CC}"/>
              </a:ext>
            </a:extLst>
          </p:cNvPr>
          <p:cNvSpPr/>
          <p:nvPr userDrawn="1"/>
        </p:nvSpPr>
        <p:spPr>
          <a:xfrm>
            <a:off x="8979217"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4" name="Text Placeholder 48">
            <a:extLst>
              <a:ext uri="{FF2B5EF4-FFF2-40B4-BE49-F238E27FC236}">
                <a16:creationId xmlns:a16="http://schemas.microsoft.com/office/drawing/2014/main" id="{C73F0E3B-0E2D-4A4E-A478-798C381790F7}"/>
              </a:ext>
            </a:extLst>
          </p:cNvPr>
          <p:cNvSpPr>
            <a:spLocks noGrp="1"/>
          </p:cNvSpPr>
          <p:nvPr>
            <p:ph type="body" sz="quarter" idx="25" hasCustomPrompt="1"/>
          </p:nvPr>
        </p:nvSpPr>
        <p:spPr>
          <a:xfrm>
            <a:off x="9121452"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5" name="Title 1">
            <a:extLst>
              <a:ext uri="{FF2B5EF4-FFF2-40B4-BE49-F238E27FC236}">
                <a16:creationId xmlns:a16="http://schemas.microsoft.com/office/drawing/2014/main" id="{DF21845E-EA93-4FD8-981A-4DD46A12B62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76" name="Straight Connector 75">
            <a:extLst>
              <a:ext uri="{FF2B5EF4-FFF2-40B4-BE49-F238E27FC236}">
                <a16:creationId xmlns:a16="http://schemas.microsoft.com/office/drawing/2014/main" id="{7F0F2FDD-0EB9-4E1F-ABCF-92081F1D68B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88" name="Picture Placeholder 87">
            <a:extLst>
              <a:ext uri="{FF2B5EF4-FFF2-40B4-BE49-F238E27FC236}">
                <a16:creationId xmlns:a16="http://schemas.microsoft.com/office/drawing/2014/main" id="{231497BB-B355-4271-A469-AC3056F5D150}"/>
              </a:ext>
            </a:extLst>
          </p:cNvPr>
          <p:cNvSpPr>
            <a:spLocks noGrp="1" noChangeAspect="1"/>
          </p:cNvSpPr>
          <p:nvPr>
            <p:ph type="pic" sz="quarter" idx="28" hasCustomPrompt="1"/>
          </p:nvPr>
        </p:nvSpPr>
        <p:spPr>
          <a:xfrm>
            <a:off x="760820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89" name="Picture Placeholder 88">
            <a:extLst>
              <a:ext uri="{FF2B5EF4-FFF2-40B4-BE49-F238E27FC236}">
                <a16:creationId xmlns:a16="http://schemas.microsoft.com/office/drawing/2014/main" id="{748EBAAF-690A-415F-9035-D3B48692CDEA}"/>
              </a:ext>
            </a:extLst>
          </p:cNvPr>
          <p:cNvSpPr>
            <a:spLocks noGrp="1" noChangeAspect="1"/>
          </p:cNvSpPr>
          <p:nvPr>
            <p:ph type="pic" sz="quarter" idx="29" hasCustomPrompt="1"/>
          </p:nvPr>
        </p:nvSpPr>
        <p:spPr>
          <a:xfrm>
            <a:off x="10425684"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0" name="Picture Placeholder 89">
            <a:extLst>
              <a:ext uri="{FF2B5EF4-FFF2-40B4-BE49-F238E27FC236}">
                <a16:creationId xmlns:a16="http://schemas.microsoft.com/office/drawing/2014/main" id="{ED222160-73E2-419F-A55F-D537D95F5C41}"/>
              </a:ext>
            </a:extLst>
          </p:cNvPr>
          <p:cNvSpPr>
            <a:spLocks noGrp="1" noChangeAspect="1"/>
          </p:cNvSpPr>
          <p:nvPr>
            <p:ph type="pic" sz="quarter" idx="30" hasCustomPrompt="1"/>
          </p:nvPr>
        </p:nvSpPr>
        <p:spPr>
          <a:xfrm>
            <a:off x="200082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1" name="Picture Placeholder 90">
            <a:extLst>
              <a:ext uri="{FF2B5EF4-FFF2-40B4-BE49-F238E27FC236}">
                <a16:creationId xmlns:a16="http://schemas.microsoft.com/office/drawing/2014/main" id="{0F7DC294-8AE6-409F-B72D-34DEF00FF23E}"/>
              </a:ext>
            </a:extLst>
          </p:cNvPr>
          <p:cNvSpPr>
            <a:spLocks noGrp="1" noChangeAspect="1"/>
          </p:cNvSpPr>
          <p:nvPr>
            <p:ph type="pic" sz="quarter" idx="31" hasCustomPrompt="1"/>
          </p:nvPr>
        </p:nvSpPr>
        <p:spPr>
          <a:xfrm>
            <a:off x="4816400"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2" name="Picture Placeholder 91">
            <a:extLst>
              <a:ext uri="{FF2B5EF4-FFF2-40B4-BE49-F238E27FC236}">
                <a16:creationId xmlns:a16="http://schemas.microsoft.com/office/drawing/2014/main" id="{CA13FE95-260D-456A-A7E2-3313D7B9E9F4}"/>
              </a:ext>
            </a:extLst>
          </p:cNvPr>
          <p:cNvSpPr>
            <a:spLocks noGrp="1" noChangeAspect="1"/>
          </p:cNvSpPr>
          <p:nvPr>
            <p:ph type="pic" sz="quarter" idx="32" hasCustomPrompt="1"/>
          </p:nvPr>
        </p:nvSpPr>
        <p:spPr>
          <a:xfrm>
            <a:off x="760820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3" name="Picture Placeholder 92">
            <a:extLst>
              <a:ext uri="{FF2B5EF4-FFF2-40B4-BE49-F238E27FC236}">
                <a16:creationId xmlns:a16="http://schemas.microsoft.com/office/drawing/2014/main" id="{23795E9B-049A-4CBB-9FF2-A769B26F7518}"/>
              </a:ext>
            </a:extLst>
          </p:cNvPr>
          <p:cNvSpPr>
            <a:spLocks noGrp="1" noChangeAspect="1"/>
          </p:cNvSpPr>
          <p:nvPr>
            <p:ph type="pic" sz="quarter" idx="33" hasCustomPrompt="1"/>
          </p:nvPr>
        </p:nvSpPr>
        <p:spPr>
          <a:xfrm>
            <a:off x="10425684"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3771854942"/>
      </p:ext>
    </p:extLst>
  </p:cSld>
  <p:clrMapOvr>
    <a:masterClrMapping/>
  </p:clrMapOvr>
  <p:transition>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Highlights of our work 4x2 - Dark">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032F8D8D-BCFD-47C1-9BB6-C2FF2AD28002}"/>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6" name="Picture Placeholder 85">
            <a:extLst>
              <a:ext uri="{FF2B5EF4-FFF2-40B4-BE49-F238E27FC236}">
                <a16:creationId xmlns:a16="http://schemas.microsoft.com/office/drawing/2014/main" id="{94F5AF70-4DF4-441B-A168-E03D2F746370}"/>
              </a:ext>
            </a:extLst>
          </p:cNvPr>
          <p:cNvSpPr>
            <a:spLocks noGrp="1" noChangeAspect="1"/>
          </p:cNvSpPr>
          <p:nvPr>
            <p:ph type="pic" sz="quarter" idx="10" hasCustomPrompt="1"/>
          </p:nvPr>
        </p:nvSpPr>
        <p:spPr>
          <a:xfrm>
            <a:off x="200082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Text Placeholder 48">
            <a:extLst>
              <a:ext uri="{FF2B5EF4-FFF2-40B4-BE49-F238E27FC236}">
                <a16:creationId xmlns:a16="http://schemas.microsoft.com/office/drawing/2014/main" id="{38BA50E9-3C9E-4EA4-832D-18B54C668465}"/>
              </a:ext>
            </a:extLst>
          </p:cNvPr>
          <p:cNvSpPr>
            <a:spLocks noGrp="1"/>
          </p:cNvSpPr>
          <p:nvPr>
            <p:ph type="body" sz="quarter" idx="11" hasCustomPrompt="1"/>
          </p:nvPr>
        </p:nvSpPr>
        <p:spPr>
          <a:xfrm>
            <a:off x="69659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8" name="Freeform: Shape 37">
            <a:extLst>
              <a:ext uri="{FF2B5EF4-FFF2-40B4-BE49-F238E27FC236}">
                <a16:creationId xmlns:a16="http://schemas.microsoft.com/office/drawing/2014/main" id="{D21A8208-BC97-4284-8860-068079C5BF53}"/>
              </a:ext>
            </a:extLst>
          </p:cNvPr>
          <p:cNvSpPr/>
          <p:nvPr userDrawn="1"/>
        </p:nvSpPr>
        <p:spPr>
          <a:xfrm>
            <a:off x="3369933"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7" name="Picture Placeholder 86">
            <a:extLst>
              <a:ext uri="{FF2B5EF4-FFF2-40B4-BE49-F238E27FC236}">
                <a16:creationId xmlns:a16="http://schemas.microsoft.com/office/drawing/2014/main" id="{824F529F-34DE-402C-810F-C88ED957D1AC}"/>
              </a:ext>
            </a:extLst>
          </p:cNvPr>
          <p:cNvSpPr>
            <a:spLocks noGrp="1" noChangeAspect="1"/>
          </p:cNvSpPr>
          <p:nvPr>
            <p:ph type="pic" sz="quarter" idx="12" hasCustomPrompt="1"/>
          </p:nvPr>
        </p:nvSpPr>
        <p:spPr>
          <a:xfrm>
            <a:off x="4816400"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0" name="Text Placeholder 48">
            <a:extLst>
              <a:ext uri="{FF2B5EF4-FFF2-40B4-BE49-F238E27FC236}">
                <a16:creationId xmlns:a16="http://schemas.microsoft.com/office/drawing/2014/main" id="{E6C0F9A8-7838-4D67-AEF2-80AABBF2B748}"/>
              </a:ext>
            </a:extLst>
          </p:cNvPr>
          <p:cNvSpPr>
            <a:spLocks noGrp="1"/>
          </p:cNvSpPr>
          <p:nvPr>
            <p:ph type="body" sz="quarter" idx="13" hasCustomPrompt="1"/>
          </p:nvPr>
        </p:nvSpPr>
        <p:spPr>
          <a:xfrm>
            <a:off x="3512168"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1" name="Freeform: Shape 40">
            <a:extLst>
              <a:ext uri="{FF2B5EF4-FFF2-40B4-BE49-F238E27FC236}">
                <a16:creationId xmlns:a16="http://schemas.microsoft.com/office/drawing/2014/main" id="{42974F72-B661-4291-AAD7-B8CC573D5A2F}"/>
              </a:ext>
            </a:extLst>
          </p:cNvPr>
          <p:cNvSpPr/>
          <p:nvPr userDrawn="1"/>
        </p:nvSpPr>
        <p:spPr>
          <a:xfrm>
            <a:off x="616173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3" name="Text Placeholder 48">
            <a:extLst>
              <a:ext uri="{FF2B5EF4-FFF2-40B4-BE49-F238E27FC236}">
                <a16:creationId xmlns:a16="http://schemas.microsoft.com/office/drawing/2014/main" id="{4FDFC470-AE34-40A8-8946-2A83DD938A40}"/>
              </a:ext>
            </a:extLst>
          </p:cNvPr>
          <p:cNvSpPr>
            <a:spLocks noGrp="1"/>
          </p:cNvSpPr>
          <p:nvPr>
            <p:ph type="body" sz="quarter" idx="15" hasCustomPrompt="1"/>
          </p:nvPr>
        </p:nvSpPr>
        <p:spPr>
          <a:xfrm>
            <a:off x="630397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4" name="Freeform: Shape 43">
            <a:extLst>
              <a:ext uri="{FF2B5EF4-FFF2-40B4-BE49-F238E27FC236}">
                <a16:creationId xmlns:a16="http://schemas.microsoft.com/office/drawing/2014/main" id="{36EA0BB4-DC47-41B3-80D8-1EF78BE0A89F}"/>
              </a:ext>
            </a:extLst>
          </p:cNvPr>
          <p:cNvSpPr/>
          <p:nvPr userDrawn="1"/>
        </p:nvSpPr>
        <p:spPr>
          <a:xfrm>
            <a:off x="897921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6" name="Text Placeholder 48">
            <a:extLst>
              <a:ext uri="{FF2B5EF4-FFF2-40B4-BE49-F238E27FC236}">
                <a16:creationId xmlns:a16="http://schemas.microsoft.com/office/drawing/2014/main" id="{80446F8B-73BE-49E5-88C9-574D72493D8C}"/>
              </a:ext>
            </a:extLst>
          </p:cNvPr>
          <p:cNvSpPr>
            <a:spLocks noGrp="1"/>
          </p:cNvSpPr>
          <p:nvPr>
            <p:ph type="body" sz="quarter" idx="17" hasCustomPrompt="1"/>
          </p:nvPr>
        </p:nvSpPr>
        <p:spPr>
          <a:xfrm>
            <a:off x="9121452"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8" name="Freeform: Shape 47">
            <a:extLst>
              <a:ext uri="{FF2B5EF4-FFF2-40B4-BE49-F238E27FC236}">
                <a16:creationId xmlns:a16="http://schemas.microsoft.com/office/drawing/2014/main" id="{59FAAFB9-5C5E-41C8-B615-64A0793E622B}"/>
              </a:ext>
            </a:extLst>
          </p:cNvPr>
          <p:cNvSpPr/>
          <p:nvPr userDrawn="1"/>
        </p:nvSpPr>
        <p:spPr>
          <a:xfrm>
            <a:off x="55435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5" name="Text Placeholder 48">
            <a:extLst>
              <a:ext uri="{FF2B5EF4-FFF2-40B4-BE49-F238E27FC236}">
                <a16:creationId xmlns:a16="http://schemas.microsoft.com/office/drawing/2014/main" id="{3CED25B5-FC6B-4B4D-BED4-AD4C90204C46}"/>
              </a:ext>
            </a:extLst>
          </p:cNvPr>
          <p:cNvSpPr>
            <a:spLocks noGrp="1"/>
          </p:cNvSpPr>
          <p:nvPr>
            <p:ph type="body" sz="quarter" idx="19" hasCustomPrompt="1"/>
          </p:nvPr>
        </p:nvSpPr>
        <p:spPr>
          <a:xfrm>
            <a:off x="69659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8" name="Freeform: Shape 57">
            <a:extLst>
              <a:ext uri="{FF2B5EF4-FFF2-40B4-BE49-F238E27FC236}">
                <a16:creationId xmlns:a16="http://schemas.microsoft.com/office/drawing/2014/main" id="{A8875462-3003-4BF2-9456-D801E673EC9A}"/>
              </a:ext>
            </a:extLst>
          </p:cNvPr>
          <p:cNvSpPr/>
          <p:nvPr userDrawn="1"/>
        </p:nvSpPr>
        <p:spPr>
          <a:xfrm>
            <a:off x="3369933"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8" name="Text Placeholder 48">
            <a:extLst>
              <a:ext uri="{FF2B5EF4-FFF2-40B4-BE49-F238E27FC236}">
                <a16:creationId xmlns:a16="http://schemas.microsoft.com/office/drawing/2014/main" id="{2013551A-EDD0-4897-8369-F621AA06117A}"/>
              </a:ext>
            </a:extLst>
          </p:cNvPr>
          <p:cNvSpPr>
            <a:spLocks noGrp="1"/>
          </p:cNvSpPr>
          <p:nvPr>
            <p:ph type="body" sz="quarter" idx="21" hasCustomPrompt="1"/>
          </p:nvPr>
        </p:nvSpPr>
        <p:spPr>
          <a:xfrm>
            <a:off x="3512168"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9" name="Freeform: Shape 68">
            <a:extLst>
              <a:ext uri="{FF2B5EF4-FFF2-40B4-BE49-F238E27FC236}">
                <a16:creationId xmlns:a16="http://schemas.microsoft.com/office/drawing/2014/main" id="{AD448FD4-FD64-4663-A4A1-4C2DFB5D8229}"/>
              </a:ext>
            </a:extLst>
          </p:cNvPr>
          <p:cNvSpPr/>
          <p:nvPr userDrawn="1"/>
        </p:nvSpPr>
        <p:spPr>
          <a:xfrm>
            <a:off x="616173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1" name="Text Placeholder 48">
            <a:extLst>
              <a:ext uri="{FF2B5EF4-FFF2-40B4-BE49-F238E27FC236}">
                <a16:creationId xmlns:a16="http://schemas.microsoft.com/office/drawing/2014/main" id="{A5510759-64C6-4512-BC51-17DF4988D402}"/>
              </a:ext>
            </a:extLst>
          </p:cNvPr>
          <p:cNvSpPr>
            <a:spLocks noGrp="1"/>
          </p:cNvSpPr>
          <p:nvPr>
            <p:ph type="body" sz="quarter" idx="23" hasCustomPrompt="1"/>
          </p:nvPr>
        </p:nvSpPr>
        <p:spPr>
          <a:xfrm>
            <a:off x="630397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2" name="Freeform: Shape 71">
            <a:extLst>
              <a:ext uri="{FF2B5EF4-FFF2-40B4-BE49-F238E27FC236}">
                <a16:creationId xmlns:a16="http://schemas.microsoft.com/office/drawing/2014/main" id="{B45F2DEC-447F-4B13-B464-B8208BACD5CC}"/>
              </a:ext>
            </a:extLst>
          </p:cNvPr>
          <p:cNvSpPr/>
          <p:nvPr userDrawn="1"/>
        </p:nvSpPr>
        <p:spPr>
          <a:xfrm>
            <a:off x="8979217"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4" name="Text Placeholder 48">
            <a:extLst>
              <a:ext uri="{FF2B5EF4-FFF2-40B4-BE49-F238E27FC236}">
                <a16:creationId xmlns:a16="http://schemas.microsoft.com/office/drawing/2014/main" id="{C73F0E3B-0E2D-4A4E-A478-798C381790F7}"/>
              </a:ext>
            </a:extLst>
          </p:cNvPr>
          <p:cNvSpPr>
            <a:spLocks noGrp="1"/>
          </p:cNvSpPr>
          <p:nvPr>
            <p:ph type="body" sz="quarter" idx="25" hasCustomPrompt="1"/>
          </p:nvPr>
        </p:nvSpPr>
        <p:spPr>
          <a:xfrm>
            <a:off x="9121452"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5" name="Title 1">
            <a:extLst>
              <a:ext uri="{FF2B5EF4-FFF2-40B4-BE49-F238E27FC236}">
                <a16:creationId xmlns:a16="http://schemas.microsoft.com/office/drawing/2014/main" id="{DF21845E-EA93-4FD8-981A-4DD46A12B62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76" name="Straight Connector 75">
            <a:extLst>
              <a:ext uri="{FF2B5EF4-FFF2-40B4-BE49-F238E27FC236}">
                <a16:creationId xmlns:a16="http://schemas.microsoft.com/office/drawing/2014/main" id="{7F0F2FDD-0EB9-4E1F-ABCF-92081F1D68B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88" name="Picture Placeholder 87">
            <a:extLst>
              <a:ext uri="{FF2B5EF4-FFF2-40B4-BE49-F238E27FC236}">
                <a16:creationId xmlns:a16="http://schemas.microsoft.com/office/drawing/2014/main" id="{231497BB-B355-4271-A469-AC3056F5D150}"/>
              </a:ext>
            </a:extLst>
          </p:cNvPr>
          <p:cNvSpPr>
            <a:spLocks noGrp="1" noChangeAspect="1"/>
          </p:cNvSpPr>
          <p:nvPr>
            <p:ph type="pic" sz="quarter" idx="28" hasCustomPrompt="1"/>
          </p:nvPr>
        </p:nvSpPr>
        <p:spPr>
          <a:xfrm>
            <a:off x="760820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89" name="Picture Placeholder 88">
            <a:extLst>
              <a:ext uri="{FF2B5EF4-FFF2-40B4-BE49-F238E27FC236}">
                <a16:creationId xmlns:a16="http://schemas.microsoft.com/office/drawing/2014/main" id="{748EBAAF-690A-415F-9035-D3B48692CDEA}"/>
              </a:ext>
            </a:extLst>
          </p:cNvPr>
          <p:cNvSpPr>
            <a:spLocks noGrp="1" noChangeAspect="1"/>
          </p:cNvSpPr>
          <p:nvPr>
            <p:ph type="pic" sz="quarter" idx="29" hasCustomPrompt="1"/>
          </p:nvPr>
        </p:nvSpPr>
        <p:spPr>
          <a:xfrm>
            <a:off x="10425684"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0" name="Picture Placeholder 89">
            <a:extLst>
              <a:ext uri="{FF2B5EF4-FFF2-40B4-BE49-F238E27FC236}">
                <a16:creationId xmlns:a16="http://schemas.microsoft.com/office/drawing/2014/main" id="{ED222160-73E2-419F-A55F-D537D95F5C41}"/>
              </a:ext>
            </a:extLst>
          </p:cNvPr>
          <p:cNvSpPr>
            <a:spLocks noGrp="1" noChangeAspect="1"/>
          </p:cNvSpPr>
          <p:nvPr>
            <p:ph type="pic" sz="quarter" idx="30" hasCustomPrompt="1"/>
          </p:nvPr>
        </p:nvSpPr>
        <p:spPr>
          <a:xfrm>
            <a:off x="200082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1" name="Picture Placeholder 90">
            <a:extLst>
              <a:ext uri="{FF2B5EF4-FFF2-40B4-BE49-F238E27FC236}">
                <a16:creationId xmlns:a16="http://schemas.microsoft.com/office/drawing/2014/main" id="{0F7DC294-8AE6-409F-B72D-34DEF00FF23E}"/>
              </a:ext>
            </a:extLst>
          </p:cNvPr>
          <p:cNvSpPr>
            <a:spLocks noGrp="1" noChangeAspect="1"/>
          </p:cNvSpPr>
          <p:nvPr>
            <p:ph type="pic" sz="quarter" idx="31" hasCustomPrompt="1"/>
          </p:nvPr>
        </p:nvSpPr>
        <p:spPr>
          <a:xfrm>
            <a:off x="4816400"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2" name="Picture Placeholder 91">
            <a:extLst>
              <a:ext uri="{FF2B5EF4-FFF2-40B4-BE49-F238E27FC236}">
                <a16:creationId xmlns:a16="http://schemas.microsoft.com/office/drawing/2014/main" id="{CA13FE95-260D-456A-A7E2-3313D7B9E9F4}"/>
              </a:ext>
            </a:extLst>
          </p:cNvPr>
          <p:cNvSpPr>
            <a:spLocks noGrp="1" noChangeAspect="1"/>
          </p:cNvSpPr>
          <p:nvPr>
            <p:ph type="pic" sz="quarter" idx="32" hasCustomPrompt="1"/>
          </p:nvPr>
        </p:nvSpPr>
        <p:spPr>
          <a:xfrm>
            <a:off x="760820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3" name="Picture Placeholder 92">
            <a:extLst>
              <a:ext uri="{FF2B5EF4-FFF2-40B4-BE49-F238E27FC236}">
                <a16:creationId xmlns:a16="http://schemas.microsoft.com/office/drawing/2014/main" id="{23795E9B-049A-4CBB-9FF2-A769B26F7518}"/>
              </a:ext>
            </a:extLst>
          </p:cNvPr>
          <p:cNvSpPr>
            <a:spLocks noGrp="1" noChangeAspect="1"/>
          </p:cNvSpPr>
          <p:nvPr>
            <p:ph type="pic" sz="quarter" idx="33" hasCustomPrompt="1"/>
          </p:nvPr>
        </p:nvSpPr>
        <p:spPr>
          <a:xfrm>
            <a:off x="10425684"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3197754812"/>
      </p:ext>
    </p:extLst>
  </p:cSld>
  <p:clrMapOvr>
    <a:masterClrMapping/>
  </p:clrMapOvr>
  <p:transition>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Highlights of our work 3x3">
    <p:spTree>
      <p:nvGrpSpPr>
        <p:cNvPr id="1" name=""/>
        <p:cNvGrpSpPr/>
        <p:nvPr/>
      </p:nvGrpSpPr>
      <p:grpSpPr>
        <a:xfrm>
          <a:off x="0" y="0"/>
          <a:ext cx="0" cy="0"/>
          <a:chOff x="0" y="0"/>
          <a:chExt cx="0" cy="0"/>
        </a:xfrm>
      </p:grpSpPr>
      <p:sp>
        <p:nvSpPr>
          <p:cNvPr id="23" name="Title 1">
            <a:extLst>
              <a:ext uri="{FF2B5EF4-FFF2-40B4-BE49-F238E27FC236}">
                <a16:creationId xmlns:a16="http://schemas.microsoft.com/office/drawing/2014/main" id="{D4FD8C0F-A2E1-4175-B0EA-9D41952AE502}"/>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4" name="Straight Connector 23">
            <a:extLst>
              <a:ext uri="{FF2B5EF4-FFF2-40B4-BE49-F238E27FC236}">
                <a16:creationId xmlns:a16="http://schemas.microsoft.com/office/drawing/2014/main" id="{07C11DAB-AB70-4C91-B31A-9624E311870A}"/>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5" name="Freeform: Shape 24">
            <a:extLst>
              <a:ext uri="{FF2B5EF4-FFF2-40B4-BE49-F238E27FC236}">
                <a16:creationId xmlns:a16="http://schemas.microsoft.com/office/drawing/2014/main" id="{E995A02E-2C22-4BE6-97A0-FD799B0B8CE5}"/>
              </a:ext>
            </a:extLst>
          </p:cNvPr>
          <p:cNvSpPr/>
          <p:nvPr userDrawn="1"/>
        </p:nvSpPr>
        <p:spPr>
          <a:xfrm flipH="1">
            <a:off x="552449"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2" name="Text Placeholder 48">
            <a:extLst>
              <a:ext uri="{FF2B5EF4-FFF2-40B4-BE49-F238E27FC236}">
                <a16:creationId xmlns:a16="http://schemas.microsoft.com/office/drawing/2014/main" id="{A40F23B4-14A3-4E04-928D-15ABC36C1A49}"/>
              </a:ext>
            </a:extLst>
          </p:cNvPr>
          <p:cNvSpPr>
            <a:spLocks noGrp="1"/>
          </p:cNvSpPr>
          <p:nvPr>
            <p:ph type="body" sz="quarter" idx="11" hasCustomPrompt="1"/>
          </p:nvPr>
        </p:nvSpPr>
        <p:spPr>
          <a:xfrm>
            <a:off x="657862"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5" name="Picture Placeholder 74">
            <a:extLst>
              <a:ext uri="{FF2B5EF4-FFF2-40B4-BE49-F238E27FC236}">
                <a16:creationId xmlns:a16="http://schemas.microsoft.com/office/drawing/2014/main" id="{2FFB3B21-27E0-420B-93E9-5480D9BB26F7}"/>
              </a:ext>
            </a:extLst>
          </p:cNvPr>
          <p:cNvSpPr>
            <a:spLocks noGrp="1"/>
          </p:cNvSpPr>
          <p:nvPr>
            <p:ph type="pic" sz="quarter" idx="59" hasCustomPrompt="1"/>
          </p:nvPr>
        </p:nvSpPr>
        <p:spPr>
          <a:xfrm>
            <a:off x="2266633"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6" name="Freeform: Shape 75">
            <a:extLst>
              <a:ext uri="{FF2B5EF4-FFF2-40B4-BE49-F238E27FC236}">
                <a16:creationId xmlns:a16="http://schemas.microsoft.com/office/drawing/2014/main" id="{3D41B089-617F-4E27-9FD7-38FA8B7A4FDA}"/>
              </a:ext>
            </a:extLst>
          </p:cNvPr>
          <p:cNvSpPr/>
          <p:nvPr userDrawn="1"/>
        </p:nvSpPr>
        <p:spPr>
          <a:xfrm flipH="1">
            <a:off x="4298125"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7" name="Text Placeholder 48">
            <a:extLst>
              <a:ext uri="{FF2B5EF4-FFF2-40B4-BE49-F238E27FC236}">
                <a16:creationId xmlns:a16="http://schemas.microsoft.com/office/drawing/2014/main" id="{5CA431EE-DE37-4AE4-924E-3675A47F71F9}"/>
              </a:ext>
            </a:extLst>
          </p:cNvPr>
          <p:cNvSpPr>
            <a:spLocks noGrp="1"/>
          </p:cNvSpPr>
          <p:nvPr>
            <p:ph type="body" sz="quarter" idx="60" hasCustomPrompt="1"/>
          </p:nvPr>
        </p:nvSpPr>
        <p:spPr>
          <a:xfrm>
            <a:off x="4403538"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8" name="Picture Placeholder 77">
            <a:extLst>
              <a:ext uri="{FF2B5EF4-FFF2-40B4-BE49-F238E27FC236}">
                <a16:creationId xmlns:a16="http://schemas.microsoft.com/office/drawing/2014/main" id="{EFB78DDC-1C88-416B-9769-3A65B94A15D0}"/>
              </a:ext>
            </a:extLst>
          </p:cNvPr>
          <p:cNvSpPr>
            <a:spLocks noGrp="1"/>
          </p:cNvSpPr>
          <p:nvPr>
            <p:ph type="pic" sz="quarter" idx="61" hasCustomPrompt="1"/>
          </p:nvPr>
        </p:nvSpPr>
        <p:spPr>
          <a:xfrm>
            <a:off x="6012309"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9" name="Freeform: Shape 78">
            <a:extLst>
              <a:ext uri="{FF2B5EF4-FFF2-40B4-BE49-F238E27FC236}">
                <a16:creationId xmlns:a16="http://schemas.microsoft.com/office/drawing/2014/main" id="{A06F32B8-220A-4CC2-89FF-74178197C110}"/>
              </a:ext>
            </a:extLst>
          </p:cNvPr>
          <p:cNvSpPr/>
          <p:nvPr userDrawn="1"/>
        </p:nvSpPr>
        <p:spPr>
          <a:xfrm flipH="1">
            <a:off x="8043801"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0" name="Text Placeholder 48">
            <a:extLst>
              <a:ext uri="{FF2B5EF4-FFF2-40B4-BE49-F238E27FC236}">
                <a16:creationId xmlns:a16="http://schemas.microsoft.com/office/drawing/2014/main" id="{773E2874-C6B7-46CF-873B-D3441014368E}"/>
              </a:ext>
            </a:extLst>
          </p:cNvPr>
          <p:cNvSpPr>
            <a:spLocks noGrp="1"/>
          </p:cNvSpPr>
          <p:nvPr>
            <p:ph type="body" sz="quarter" idx="62" hasCustomPrompt="1"/>
          </p:nvPr>
        </p:nvSpPr>
        <p:spPr>
          <a:xfrm>
            <a:off x="8149214"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1" name="Picture Placeholder 80">
            <a:extLst>
              <a:ext uri="{FF2B5EF4-FFF2-40B4-BE49-F238E27FC236}">
                <a16:creationId xmlns:a16="http://schemas.microsoft.com/office/drawing/2014/main" id="{2084AE6F-A82C-4036-A06E-7AE9A3CAD1B1}"/>
              </a:ext>
            </a:extLst>
          </p:cNvPr>
          <p:cNvSpPr>
            <a:spLocks noGrp="1"/>
          </p:cNvSpPr>
          <p:nvPr>
            <p:ph type="pic" sz="quarter" idx="63" hasCustomPrompt="1"/>
          </p:nvPr>
        </p:nvSpPr>
        <p:spPr>
          <a:xfrm>
            <a:off x="9757985"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2" name="Freeform: Shape 81">
            <a:extLst>
              <a:ext uri="{FF2B5EF4-FFF2-40B4-BE49-F238E27FC236}">
                <a16:creationId xmlns:a16="http://schemas.microsoft.com/office/drawing/2014/main" id="{8D098917-081F-4354-8234-1C19086959A3}"/>
              </a:ext>
            </a:extLst>
          </p:cNvPr>
          <p:cNvSpPr/>
          <p:nvPr userDrawn="1"/>
        </p:nvSpPr>
        <p:spPr>
          <a:xfrm flipH="1">
            <a:off x="552449"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3" name="Text Placeholder 48">
            <a:extLst>
              <a:ext uri="{FF2B5EF4-FFF2-40B4-BE49-F238E27FC236}">
                <a16:creationId xmlns:a16="http://schemas.microsoft.com/office/drawing/2014/main" id="{81940A38-A938-41EA-ADF4-0322F50FDF49}"/>
              </a:ext>
            </a:extLst>
          </p:cNvPr>
          <p:cNvSpPr>
            <a:spLocks noGrp="1"/>
          </p:cNvSpPr>
          <p:nvPr>
            <p:ph type="body" sz="quarter" idx="64" hasCustomPrompt="1"/>
          </p:nvPr>
        </p:nvSpPr>
        <p:spPr>
          <a:xfrm>
            <a:off x="657862"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4" name="Picture Placeholder 83">
            <a:extLst>
              <a:ext uri="{FF2B5EF4-FFF2-40B4-BE49-F238E27FC236}">
                <a16:creationId xmlns:a16="http://schemas.microsoft.com/office/drawing/2014/main" id="{9B3A8624-B87E-4F26-A7E4-606C6FF2D149}"/>
              </a:ext>
            </a:extLst>
          </p:cNvPr>
          <p:cNvSpPr>
            <a:spLocks noGrp="1"/>
          </p:cNvSpPr>
          <p:nvPr>
            <p:ph type="pic" sz="quarter" idx="65" hasCustomPrompt="1"/>
          </p:nvPr>
        </p:nvSpPr>
        <p:spPr>
          <a:xfrm>
            <a:off x="2266633"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5" name="Freeform: Shape 84">
            <a:extLst>
              <a:ext uri="{FF2B5EF4-FFF2-40B4-BE49-F238E27FC236}">
                <a16:creationId xmlns:a16="http://schemas.microsoft.com/office/drawing/2014/main" id="{F88E3FA5-5485-40D0-887B-E9D4F282112F}"/>
              </a:ext>
            </a:extLst>
          </p:cNvPr>
          <p:cNvSpPr/>
          <p:nvPr userDrawn="1"/>
        </p:nvSpPr>
        <p:spPr>
          <a:xfrm flipH="1">
            <a:off x="4298125"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6" name="Text Placeholder 48">
            <a:extLst>
              <a:ext uri="{FF2B5EF4-FFF2-40B4-BE49-F238E27FC236}">
                <a16:creationId xmlns:a16="http://schemas.microsoft.com/office/drawing/2014/main" id="{BAB8058B-94CA-46A8-8177-3D23CC4B0B44}"/>
              </a:ext>
            </a:extLst>
          </p:cNvPr>
          <p:cNvSpPr>
            <a:spLocks noGrp="1"/>
          </p:cNvSpPr>
          <p:nvPr>
            <p:ph type="body" sz="quarter" idx="66" hasCustomPrompt="1"/>
          </p:nvPr>
        </p:nvSpPr>
        <p:spPr>
          <a:xfrm>
            <a:off x="4403538"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7" name="Picture Placeholder 86">
            <a:extLst>
              <a:ext uri="{FF2B5EF4-FFF2-40B4-BE49-F238E27FC236}">
                <a16:creationId xmlns:a16="http://schemas.microsoft.com/office/drawing/2014/main" id="{796B6A7E-ACE9-43C4-839F-D05405480001}"/>
              </a:ext>
            </a:extLst>
          </p:cNvPr>
          <p:cNvSpPr>
            <a:spLocks noGrp="1"/>
          </p:cNvSpPr>
          <p:nvPr>
            <p:ph type="pic" sz="quarter" idx="67" hasCustomPrompt="1"/>
          </p:nvPr>
        </p:nvSpPr>
        <p:spPr>
          <a:xfrm>
            <a:off x="6012309"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8" name="Freeform: Shape 87">
            <a:extLst>
              <a:ext uri="{FF2B5EF4-FFF2-40B4-BE49-F238E27FC236}">
                <a16:creationId xmlns:a16="http://schemas.microsoft.com/office/drawing/2014/main" id="{856CBE8E-B510-4763-B8C6-30593384778D}"/>
              </a:ext>
            </a:extLst>
          </p:cNvPr>
          <p:cNvSpPr/>
          <p:nvPr userDrawn="1"/>
        </p:nvSpPr>
        <p:spPr>
          <a:xfrm flipH="1">
            <a:off x="8043801"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9" name="Text Placeholder 48">
            <a:extLst>
              <a:ext uri="{FF2B5EF4-FFF2-40B4-BE49-F238E27FC236}">
                <a16:creationId xmlns:a16="http://schemas.microsoft.com/office/drawing/2014/main" id="{6F7756B7-32B9-4CB1-AFB8-9A2615BC521D}"/>
              </a:ext>
            </a:extLst>
          </p:cNvPr>
          <p:cNvSpPr>
            <a:spLocks noGrp="1"/>
          </p:cNvSpPr>
          <p:nvPr>
            <p:ph type="body" sz="quarter" idx="68" hasCustomPrompt="1"/>
          </p:nvPr>
        </p:nvSpPr>
        <p:spPr>
          <a:xfrm>
            <a:off x="8149214"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0" name="Picture Placeholder 89">
            <a:extLst>
              <a:ext uri="{FF2B5EF4-FFF2-40B4-BE49-F238E27FC236}">
                <a16:creationId xmlns:a16="http://schemas.microsoft.com/office/drawing/2014/main" id="{7DD1FCB5-20ED-4229-887E-F9A938FCDE4D}"/>
              </a:ext>
            </a:extLst>
          </p:cNvPr>
          <p:cNvSpPr>
            <a:spLocks noGrp="1"/>
          </p:cNvSpPr>
          <p:nvPr>
            <p:ph type="pic" sz="quarter" idx="69" hasCustomPrompt="1"/>
          </p:nvPr>
        </p:nvSpPr>
        <p:spPr>
          <a:xfrm>
            <a:off x="9757985"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1" name="Freeform: Shape 90">
            <a:extLst>
              <a:ext uri="{FF2B5EF4-FFF2-40B4-BE49-F238E27FC236}">
                <a16:creationId xmlns:a16="http://schemas.microsoft.com/office/drawing/2014/main" id="{4C398AA6-92F2-4F01-9B0F-E9BA2DC9B908}"/>
              </a:ext>
            </a:extLst>
          </p:cNvPr>
          <p:cNvSpPr/>
          <p:nvPr userDrawn="1"/>
        </p:nvSpPr>
        <p:spPr>
          <a:xfrm flipH="1">
            <a:off x="552449"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2" name="Text Placeholder 48">
            <a:extLst>
              <a:ext uri="{FF2B5EF4-FFF2-40B4-BE49-F238E27FC236}">
                <a16:creationId xmlns:a16="http://schemas.microsoft.com/office/drawing/2014/main" id="{96321074-E91D-46BD-B501-B9EBE993A34E}"/>
              </a:ext>
            </a:extLst>
          </p:cNvPr>
          <p:cNvSpPr>
            <a:spLocks noGrp="1"/>
          </p:cNvSpPr>
          <p:nvPr>
            <p:ph type="body" sz="quarter" idx="70" hasCustomPrompt="1"/>
          </p:nvPr>
        </p:nvSpPr>
        <p:spPr>
          <a:xfrm>
            <a:off x="657862"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3" name="Picture Placeholder 92">
            <a:extLst>
              <a:ext uri="{FF2B5EF4-FFF2-40B4-BE49-F238E27FC236}">
                <a16:creationId xmlns:a16="http://schemas.microsoft.com/office/drawing/2014/main" id="{31952B9D-3239-4612-9C0A-BD13019D8594}"/>
              </a:ext>
            </a:extLst>
          </p:cNvPr>
          <p:cNvSpPr>
            <a:spLocks noGrp="1"/>
          </p:cNvSpPr>
          <p:nvPr>
            <p:ph type="pic" sz="quarter" idx="71" hasCustomPrompt="1"/>
          </p:nvPr>
        </p:nvSpPr>
        <p:spPr>
          <a:xfrm>
            <a:off x="2266633"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4" name="Freeform: Shape 93">
            <a:extLst>
              <a:ext uri="{FF2B5EF4-FFF2-40B4-BE49-F238E27FC236}">
                <a16:creationId xmlns:a16="http://schemas.microsoft.com/office/drawing/2014/main" id="{84098359-8B78-436F-A4DE-56E597BC25A9}"/>
              </a:ext>
            </a:extLst>
          </p:cNvPr>
          <p:cNvSpPr/>
          <p:nvPr userDrawn="1"/>
        </p:nvSpPr>
        <p:spPr>
          <a:xfrm flipH="1">
            <a:off x="4298125"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5" name="Text Placeholder 48">
            <a:extLst>
              <a:ext uri="{FF2B5EF4-FFF2-40B4-BE49-F238E27FC236}">
                <a16:creationId xmlns:a16="http://schemas.microsoft.com/office/drawing/2014/main" id="{CC78ECDB-6352-42AC-9B98-9BE2B342FA9A}"/>
              </a:ext>
            </a:extLst>
          </p:cNvPr>
          <p:cNvSpPr>
            <a:spLocks noGrp="1"/>
          </p:cNvSpPr>
          <p:nvPr>
            <p:ph type="body" sz="quarter" idx="72" hasCustomPrompt="1"/>
          </p:nvPr>
        </p:nvSpPr>
        <p:spPr>
          <a:xfrm>
            <a:off x="4403538"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6" name="Picture Placeholder 95">
            <a:extLst>
              <a:ext uri="{FF2B5EF4-FFF2-40B4-BE49-F238E27FC236}">
                <a16:creationId xmlns:a16="http://schemas.microsoft.com/office/drawing/2014/main" id="{ABC80AA4-C739-45DF-AB5C-6B0FE9D62782}"/>
              </a:ext>
            </a:extLst>
          </p:cNvPr>
          <p:cNvSpPr>
            <a:spLocks noGrp="1"/>
          </p:cNvSpPr>
          <p:nvPr>
            <p:ph type="pic" sz="quarter" idx="73" hasCustomPrompt="1"/>
          </p:nvPr>
        </p:nvSpPr>
        <p:spPr>
          <a:xfrm>
            <a:off x="6012309"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7" name="Freeform: Shape 96">
            <a:extLst>
              <a:ext uri="{FF2B5EF4-FFF2-40B4-BE49-F238E27FC236}">
                <a16:creationId xmlns:a16="http://schemas.microsoft.com/office/drawing/2014/main" id="{50510BFB-3357-44D2-A994-1EE41361D32F}"/>
              </a:ext>
            </a:extLst>
          </p:cNvPr>
          <p:cNvSpPr/>
          <p:nvPr userDrawn="1"/>
        </p:nvSpPr>
        <p:spPr>
          <a:xfrm flipH="1">
            <a:off x="8043801"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8" name="Text Placeholder 48">
            <a:extLst>
              <a:ext uri="{FF2B5EF4-FFF2-40B4-BE49-F238E27FC236}">
                <a16:creationId xmlns:a16="http://schemas.microsoft.com/office/drawing/2014/main" id="{2FBD423A-D670-4284-9973-07AC75B45B70}"/>
              </a:ext>
            </a:extLst>
          </p:cNvPr>
          <p:cNvSpPr>
            <a:spLocks noGrp="1"/>
          </p:cNvSpPr>
          <p:nvPr>
            <p:ph type="body" sz="quarter" idx="74" hasCustomPrompt="1"/>
          </p:nvPr>
        </p:nvSpPr>
        <p:spPr>
          <a:xfrm>
            <a:off x="8149214"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9" name="Picture Placeholder 98">
            <a:extLst>
              <a:ext uri="{FF2B5EF4-FFF2-40B4-BE49-F238E27FC236}">
                <a16:creationId xmlns:a16="http://schemas.microsoft.com/office/drawing/2014/main" id="{5699DB29-6D21-4EE9-BBED-08501C255B23}"/>
              </a:ext>
            </a:extLst>
          </p:cNvPr>
          <p:cNvSpPr>
            <a:spLocks noGrp="1"/>
          </p:cNvSpPr>
          <p:nvPr>
            <p:ph type="pic" sz="quarter" idx="75" hasCustomPrompt="1"/>
          </p:nvPr>
        </p:nvSpPr>
        <p:spPr>
          <a:xfrm>
            <a:off x="9757985"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Tree>
    <p:extLst>
      <p:ext uri="{BB962C8B-B14F-4D97-AF65-F5344CB8AC3E}">
        <p14:creationId xmlns:p14="http://schemas.microsoft.com/office/powerpoint/2010/main" val="316233213"/>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Highlights of our work 3x3 - Dark">
    <p:spTree>
      <p:nvGrpSpPr>
        <p:cNvPr id="1" name=""/>
        <p:cNvGrpSpPr/>
        <p:nvPr/>
      </p:nvGrpSpPr>
      <p:grpSpPr>
        <a:xfrm>
          <a:off x="0" y="0"/>
          <a:ext cx="0" cy="0"/>
          <a:chOff x="0" y="0"/>
          <a:chExt cx="0" cy="0"/>
        </a:xfrm>
      </p:grpSpPr>
      <p:sp>
        <p:nvSpPr>
          <p:cNvPr id="23" name="Title 1">
            <a:extLst>
              <a:ext uri="{FF2B5EF4-FFF2-40B4-BE49-F238E27FC236}">
                <a16:creationId xmlns:a16="http://schemas.microsoft.com/office/drawing/2014/main" id="{D4FD8C0F-A2E1-4175-B0EA-9D41952AE502}"/>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4" name="Straight Connector 23">
            <a:extLst>
              <a:ext uri="{FF2B5EF4-FFF2-40B4-BE49-F238E27FC236}">
                <a16:creationId xmlns:a16="http://schemas.microsoft.com/office/drawing/2014/main" id="{07C11DAB-AB70-4C91-B31A-9624E311870A}"/>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5" name="Freeform: Shape 24">
            <a:extLst>
              <a:ext uri="{FF2B5EF4-FFF2-40B4-BE49-F238E27FC236}">
                <a16:creationId xmlns:a16="http://schemas.microsoft.com/office/drawing/2014/main" id="{E995A02E-2C22-4BE6-97A0-FD799B0B8CE5}"/>
              </a:ext>
            </a:extLst>
          </p:cNvPr>
          <p:cNvSpPr/>
          <p:nvPr userDrawn="1"/>
        </p:nvSpPr>
        <p:spPr>
          <a:xfrm flipH="1">
            <a:off x="552449"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2" name="Text Placeholder 48">
            <a:extLst>
              <a:ext uri="{FF2B5EF4-FFF2-40B4-BE49-F238E27FC236}">
                <a16:creationId xmlns:a16="http://schemas.microsoft.com/office/drawing/2014/main" id="{A40F23B4-14A3-4E04-928D-15ABC36C1A49}"/>
              </a:ext>
            </a:extLst>
          </p:cNvPr>
          <p:cNvSpPr>
            <a:spLocks noGrp="1"/>
          </p:cNvSpPr>
          <p:nvPr>
            <p:ph type="body" sz="quarter" idx="11" hasCustomPrompt="1"/>
          </p:nvPr>
        </p:nvSpPr>
        <p:spPr>
          <a:xfrm>
            <a:off x="657862"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5" name="Picture Placeholder 74">
            <a:extLst>
              <a:ext uri="{FF2B5EF4-FFF2-40B4-BE49-F238E27FC236}">
                <a16:creationId xmlns:a16="http://schemas.microsoft.com/office/drawing/2014/main" id="{2FFB3B21-27E0-420B-93E9-5480D9BB26F7}"/>
              </a:ext>
            </a:extLst>
          </p:cNvPr>
          <p:cNvSpPr>
            <a:spLocks noGrp="1"/>
          </p:cNvSpPr>
          <p:nvPr>
            <p:ph type="pic" sz="quarter" idx="59" hasCustomPrompt="1"/>
          </p:nvPr>
        </p:nvSpPr>
        <p:spPr>
          <a:xfrm>
            <a:off x="2266633"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6" name="Freeform: Shape 75">
            <a:extLst>
              <a:ext uri="{FF2B5EF4-FFF2-40B4-BE49-F238E27FC236}">
                <a16:creationId xmlns:a16="http://schemas.microsoft.com/office/drawing/2014/main" id="{3D41B089-617F-4E27-9FD7-38FA8B7A4FDA}"/>
              </a:ext>
            </a:extLst>
          </p:cNvPr>
          <p:cNvSpPr/>
          <p:nvPr userDrawn="1"/>
        </p:nvSpPr>
        <p:spPr>
          <a:xfrm flipH="1">
            <a:off x="4298125"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7" name="Text Placeholder 48">
            <a:extLst>
              <a:ext uri="{FF2B5EF4-FFF2-40B4-BE49-F238E27FC236}">
                <a16:creationId xmlns:a16="http://schemas.microsoft.com/office/drawing/2014/main" id="{5CA431EE-DE37-4AE4-924E-3675A47F71F9}"/>
              </a:ext>
            </a:extLst>
          </p:cNvPr>
          <p:cNvSpPr>
            <a:spLocks noGrp="1"/>
          </p:cNvSpPr>
          <p:nvPr>
            <p:ph type="body" sz="quarter" idx="60" hasCustomPrompt="1"/>
          </p:nvPr>
        </p:nvSpPr>
        <p:spPr>
          <a:xfrm>
            <a:off x="4403538"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8" name="Picture Placeholder 77">
            <a:extLst>
              <a:ext uri="{FF2B5EF4-FFF2-40B4-BE49-F238E27FC236}">
                <a16:creationId xmlns:a16="http://schemas.microsoft.com/office/drawing/2014/main" id="{EFB78DDC-1C88-416B-9769-3A65B94A15D0}"/>
              </a:ext>
            </a:extLst>
          </p:cNvPr>
          <p:cNvSpPr>
            <a:spLocks noGrp="1"/>
          </p:cNvSpPr>
          <p:nvPr>
            <p:ph type="pic" sz="quarter" idx="61" hasCustomPrompt="1"/>
          </p:nvPr>
        </p:nvSpPr>
        <p:spPr>
          <a:xfrm>
            <a:off x="6012309"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9" name="Freeform: Shape 78">
            <a:extLst>
              <a:ext uri="{FF2B5EF4-FFF2-40B4-BE49-F238E27FC236}">
                <a16:creationId xmlns:a16="http://schemas.microsoft.com/office/drawing/2014/main" id="{A06F32B8-220A-4CC2-89FF-74178197C110}"/>
              </a:ext>
            </a:extLst>
          </p:cNvPr>
          <p:cNvSpPr/>
          <p:nvPr userDrawn="1"/>
        </p:nvSpPr>
        <p:spPr>
          <a:xfrm flipH="1">
            <a:off x="8043801"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0" name="Text Placeholder 48">
            <a:extLst>
              <a:ext uri="{FF2B5EF4-FFF2-40B4-BE49-F238E27FC236}">
                <a16:creationId xmlns:a16="http://schemas.microsoft.com/office/drawing/2014/main" id="{773E2874-C6B7-46CF-873B-D3441014368E}"/>
              </a:ext>
            </a:extLst>
          </p:cNvPr>
          <p:cNvSpPr>
            <a:spLocks noGrp="1"/>
          </p:cNvSpPr>
          <p:nvPr>
            <p:ph type="body" sz="quarter" idx="62" hasCustomPrompt="1"/>
          </p:nvPr>
        </p:nvSpPr>
        <p:spPr>
          <a:xfrm>
            <a:off x="8149214"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1" name="Picture Placeholder 80">
            <a:extLst>
              <a:ext uri="{FF2B5EF4-FFF2-40B4-BE49-F238E27FC236}">
                <a16:creationId xmlns:a16="http://schemas.microsoft.com/office/drawing/2014/main" id="{2084AE6F-A82C-4036-A06E-7AE9A3CAD1B1}"/>
              </a:ext>
            </a:extLst>
          </p:cNvPr>
          <p:cNvSpPr>
            <a:spLocks noGrp="1"/>
          </p:cNvSpPr>
          <p:nvPr>
            <p:ph type="pic" sz="quarter" idx="63" hasCustomPrompt="1"/>
          </p:nvPr>
        </p:nvSpPr>
        <p:spPr>
          <a:xfrm>
            <a:off x="9757985"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2" name="Freeform: Shape 81">
            <a:extLst>
              <a:ext uri="{FF2B5EF4-FFF2-40B4-BE49-F238E27FC236}">
                <a16:creationId xmlns:a16="http://schemas.microsoft.com/office/drawing/2014/main" id="{8D098917-081F-4354-8234-1C19086959A3}"/>
              </a:ext>
            </a:extLst>
          </p:cNvPr>
          <p:cNvSpPr/>
          <p:nvPr userDrawn="1"/>
        </p:nvSpPr>
        <p:spPr>
          <a:xfrm flipH="1">
            <a:off x="552449"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3" name="Text Placeholder 48">
            <a:extLst>
              <a:ext uri="{FF2B5EF4-FFF2-40B4-BE49-F238E27FC236}">
                <a16:creationId xmlns:a16="http://schemas.microsoft.com/office/drawing/2014/main" id="{81940A38-A938-41EA-ADF4-0322F50FDF49}"/>
              </a:ext>
            </a:extLst>
          </p:cNvPr>
          <p:cNvSpPr>
            <a:spLocks noGrp="1"/>
          </p:cNvSpPr>
          <p:nvPr>
            <p:ph type="body" sz="quarter" idx="64" hasCustomPrompt="1"/>
          </p:nvPr>
        </p:nvSpPr>
        <p:spPr>
          <a:xfrm>
            <a:off x="657862"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4" name="Picture Placeholder 83">
            <a:extLst>
              <a:ext uri="{FF2B5EF4-FFF2-40B4-BE49-F238E27FC236}">
                <a16:creationId xmlns:a16="http://schemas.microsoft.com/office/drawing/2014/main" id="{9B3A8624-B87E-4F26-A7E4-606C6FF2D149}"/>
              </a:ext>
            </a:extLst>
          </p:cNvPr>
          <p:cNvSpPr>
            <a:spLocks noGrp="1"/>
          </p:cNvSpPr>
          <p:nvPr>
            <p:ph type="pic" sz="quarter" idx="65" hasCustomPrompt="1"/>
          </p:nvPr>
        </p:nvSpPr>
        <p:spPr>
          <a:xfrm>
            <a:off x="2266633"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5" name="Freeform: Shape 84">
            <a:extLst>
              <a:ext uri="{FF2B5EF4-FFF2-40B4-BE49-F238E27FC236}">
                <a16:creationId xmlns:a16="http://schemas.microsoft.com/office/drawing/2014/main" id="{F88E3FA5-5485-40D0-887B-E9D4F282112F}"/>
              </a:ext>
            </a:extLst>
          </p:cNvPr>
          <p:cNvSpPr/>
          <p:nvPr userDrawn="1"/>
        </p:nvSpPr>
        <p:spPr>
          <a:xfrm flipH="1">
            <a:off x="4298125"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6" name="Text Placeholder 48">
            <a:extLst>
              <a:ext uri="{FF2B5EF4-FFF2-40B4-BE49-F238E27FC236}">
                <a16:creationId xmlns:a16="http://schemas.microsoft.com/office/drawing/2014/main" id="{BAB8058B-94CA-46A8-8177-3D23CC4B0B44}"/>
              </a:ext>
            </a:extLst>
          </p:cNvPr>
          <p:cNvSpPr>
            <a:spLocks noGrp="1"/>
          </p:cNvSpPr>
          <p:nvPr>
            <p:ph type="body" sz="quarter" idx="66" hasCustomPrompt="1"/>
          </p:nvPr>
        </p:nvSpPr>
        <p:spPr>
          <a:xfrm>
            <a:off x="4403538"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7" name="Picture Placeholder 86">
            <a:extLst>
              <a:ext uri="{FF2B5EF4-FFF2-40B4-BE49-F238E27FC236}">
                <a16:creationId xmlns:a16="http://schemas.microsoft.com/office/drawing/2014/main" id="{796B6A7E-ACE9-43C4-839F-D05405480001}"/>
              </a:ext>
            </a:extLst>
          </p:cNvPr>
          <p:cNvSpPr>
            <a:spLocks noGrp="1"/>
          </p:cNvSpPr>
          <p:nvPr>
            <p:ph type="pic" sz="quarter" idx="67" hasCustomPrompt="1"/>
          </p:nvPr>
        </p:nvSpPr>
        <p:spPr>
          <a:xfrm>
            <a:off x="6012309"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8" name="Freeform: Shape 87">
            <a:extLst>
              <a:ext uri="{FF2B5EF4-FFF2-40B4-BE49-F238E27FC236}">
                <a16:creationId xmlns:a16="http://schemas.microsoft.com/office/drawing/2014/main" id="{856CBE8E-B510-4763-B8C6-30593384778D}"/>
              </a:ext>
            </a:extLst>
          </p:cNvPr>
          <p:cNvSpPr/>
          <p:nvPr userDrawn="1"/>
        </p:nvSpPr>
        <p:spPr>
          <a:xfrm flipH="1">
            <a:off x="8043801"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9" name="Text Placeholder 48">
            <a:extLst>
              <a:ext uri="{FF2B5EF4-FFF2-40B4-BE49-F238E27FC236}">
                <a16:creationId xmlns:a16="http://schemas.microsoft.com/office/drawing/2014/main" id="{6F7756B7-32B9-4CB1-AFB8-9A2615BC521D}"/>
              </a:ext>
            </a:extLst>
          </p:cNvPr>
          <p:cNvSpPr>
            <a:spLocks noGrp="1"/>
          </p:cNvSpPr>
          <p:nvPr>
            <p:ph type="body" sz="quarter" idx="68" hasCustomPrompt="1"/>
          </p:nvPr>
        </p:nvSpPr>
        <p:spPr>
          <a:xfrm>
            <a:off x="8149214"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0" name="Picture Placeholder 89">
            <a:extLst>
              <a:ext uri="{FF2B5EF4-FFF2-40B4-BE49-F238E27FC236}">
                <a16:creationId xmlns:a16="http://schemas.microsoft.com/office/drawing/2014/main" id="{7DD1FCB5-20ED-4229-887E-F9A938FCDE4D}"/>
              </a:ext>
            </a:extLst>
          </p:cNvPr>
          <p:cNvSpPr>
            <a:spLocks noGrp="1"/>
          </p:cNvSpPr>
          <p:nvPr>
            <p:ph type="pic" sz="quarter" idx="69" hasCustomPrompt="1"/>
          </p:nvPr>
        </p:nvSpPr>
        <p:spPr>
          <a:xfrm>
            <a:off x="9757985"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1" name="Freeform: Shape 90">
            <a:extLst>
              <a:ext uri="{FF2B5EF4-FFF2-40B4-BE49-F238E27FC236}">
                <a16:creationId xmlns:a16="http://schemas.microsoft.com/office/drawing/2014/main" id="{4C398AA6-92F2-4F01-9B0F-E9BA2DC9B908}"/>
              </a:ext>
            </a:extLst>
          </p:cNvPr>
          <p:cNvSpPr/>
          <p:nvPr userDrawn="1"/>
        </p:nvSpPr>
        <p:spPr>
          <a:xfrm flipH="1">
            <a:off x="552449"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2" name="Text Placeholder 48">
            <a:extLst>
              <a:ext uri="{FF2B5EF4-FFF2-40B4-BE49-F238E27FC236}">
                <a16:creationId xmlns:a16="http://schemas.microsoft.com/office/drawing/2014/main" id="{96321074-E91D-46BD-B501-B9EBE993A34E}"/>
              </a:ext>
            </a:extLst>
          </p:cNvPr>
          <p:cNvSpPr>
            <a:spLocks noGrp="1"/>
          </p:cNvSpPr>
          <p:nvPr>
            <p:ph type="body" sz="quarter" idx="70" hasCustomPrompt="1"/>
          </p:nvPr>
        </p:nvSpPr>
        <p:spPr>
          <a:xfrm>
            <a:off x="657862"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3" name="Picture Placeholder 92">
            <a:extLst>
              <a:ext uri="{FF2B5EF4-FFF2-40B4-BE49-F238E27FC236}">
                <a16:creationId xmlns:a16="http://schemas.microsoft.com/office/drawing/2014/main" id="{31952B9D-3239-4612-9C0A-BD13019D8594}"/>
              </a:ext>
            </a:extLst>
          </p:cNvPr>
          <p:cNvSpPr>
            <a:spLocks noGrp="1"/>
          </p:cNvSpPr>
          <p:nvPr>
            <p:ph type="pic" sz="quarter" idx="71" hasCustomPrompt="1"/>
          </p:nvPr>
        </p:nvSpPr>
        <p:spPr>
          <a:xfrm>
            <a:off x="2266633"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4" name="Freeform: Shape 93">
            <a:extLst>
              <a:ext uri="{FF2B5EF4-FFF2-40B4-BE49-F238E27FC236}">
                <a16:creationId xmlns:a16="http://schemas.microsoft.com/office/drawing/2014/main" id="{84098359-8B78-436F-A4DE-56E597BC25A9}"/>
              </a:ext>
            </a:extLst>
          </p:cNvPr>
          <p:cNvSpPr/>
          <p:nvPr userDrawn="1"/>
        </p:nvSpPr>
        <p:spPr>
          <a:xfrm flipH="1">
            <a:off x="4298125"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5" name="Text Placeholder 48">
            <a:extLst>
              <a:ext uri="{FF2B5EF4-FFF2-40B4-BE49-F238E27FC236}">
                <a16:creationId xmlns:a16="http://schemas.microsoft.com/office/drawing/2014/main" id="{CC78ECDB-6352-42AC-9B98-9BE2B342FA9A}"/>
              </a:ext>
            </a:extLst>
          </p:cNvPr>
          <p:cNvSpPr>
            <a:spLocks noGrp="1"/>
          </p:cNvSpPr>
          <p:nvPr>
            <p:ph type="body" sz="quarter" idx="72" hasCustomPrompt="1"/>
          </p:nvPr>
        </p:nvSpPr>
        <p:spPr>
          <a:xfrm>
            <a:off x="4403538"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6" name="Picture Placeholder 95">
            <a:extLst>
              <a:ext uri="{FF2B5EF4-FFF2-40B4-BE49-F238E27FC236}">
                <a16:creationId xmlns:a16="http://schemas.microsoft.com/office/drawing/2014/main" id="{ABC80AA4-C739-45DF-AB5C-6B0FE9D62782}"/>
              </a:ext>
            </a:extLst>
          </p:cNvPr>
          <p:cNvSpPr>
            <a:spLocks noGrp="1"/>
          </p:cNvSpPr>
          <p:nvPr>
            <p:ph type="pic" sz="quarter" idx="73" hasCustomPrompt="1"/>
          </p:nvPr>
        </p:nvSpPr>
        <p:spPr>
          <a:xfrm>
            <a:off x="6012309"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7" name="Freeform: Shape 96">
            <a:extLst>
              <a:ext uri="{FF2B5EF4-FFF2-40B4-BE49-F238E27FC236}">
                <a16:creationId xmlns:a16="http://schemas.microsoft.com/office/drawing/2014/main" id="{50510BFB-3357-44D2-A994-1EE41361D32F}"/>
              </a:ext>
            </a:extLst>
          </p:cNvPr>
          <p:cNvSpPr/>
          <p:nvPr userDrawn="1"/>
        </p:nvSpPr>
        <p:spPr>
          <a:xfrm flipH="1">
            <a:off x="8043801"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8" name="Text Placeholder 48">
            <a:extLst>
              <a:ext uri="{FF2B5EF4-FFF2-40B4-BE49-F238E27FC236}">
                <a16:creationId xmlns:a16="http://schemas.microsoft.com/office/drawing/2014/main" id="{2FBD423A-D670-4284-9973-07AC75B45B70}"/>
              </a:ext>
            </a:extLst>
          </p:cNvPr>
          <p:cNvSpPr>
            <a:spLocks noGrp="1"/>
          </p:cNvSpPr>
          <p:nvPr>
            <p:ph type="body" sz="quarter" idx="74" hasCustomPrompt="1"/>
          </p:nvPr>
        </p:nvSpPr>
        <p:spPr>
          <a:xfrm>
            <a:off x="8149214"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9" name="Picture Placeholder 98">
            <a:extLst>
              <a:ext uri="{FF2B5EF4-FFF2-40B4-BE49-F238E27FC236}">
                <a16:creationId xmlns:a16="http://schemas.microsoft.com/office/drawing/2014/main" id="{5699DB29-6D21-4EE9-BBED-08501C255B23}"/>
              </a:ext>
            </a:extLst>
          </p:cNvPr>
          <p:cNvSpPr>
            <a:spLocks noGrp="1"/>
          </p:cNvSpPr>
          <p:nvPr>
            <p:ph type="pic" sz="quarter" idx="75" hasCustomPrompt="1"/>
          </p:nvPr>
        </p:nvSpPr>
        <p:spPr>
          <a:xfrm>
            <a:off x="9757985"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Tree>
    <p:extLst>
      <p:ext uri="{BB962C8B-B14F-4D97-AF65-F5344CB8AC3E}">
        <p14:creationId xmlns:p14="http://schemas.microsoft.com/office/powerpoint/2010/main" val="3493333138"/>
      </p:ext>
    </p:extLst>
  </p:cSld>
  <p:clrMapOvr>
    <a:masterClrMapping/>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Highlights of our work 3x4">
    <p:spTree>
      <p:nvGrpSpPr>
        <p:cNvPr id="1" name=""/>
        <p:cNvGrpSpPr/>
        <p:nvPr/>
      </p:nvGrpSpPr>
      <p:grpSpPr>
        <a:xfrm>
          <a:off x="0" y="0"/>
          <a:ext cx="0" cy="0"/>
          <a:chOff x="0" y="0"/>
          <a:chExt cx="0" cy="0"/>
        </a:xfrm>
      </p:grpSpPr>
      <p:sp>
        <p:nvSpPr>
          <p:cNvPr id="30" name="Freeform: Shape 29">
            <a:extLst>
              <a:ext uri="{FF2B5EF4-FFF2-40B4-BE49-F238E27FC236}">
                <a16:creationId xmlns:a16="http://schemas.microsoft.com/office/drawing/2014/main" id="{7BB0F999-44E3-4677-8792-25137588062F}"/>
              </a:ext>
            </a:extLst>
          </p:cNvPr>
          <p:cNvSpPr/>
          <p:nvPr userDrawn="1"/>
        </p:nvSpPr>
        <p:spPr>
          <a:xfrm flipH="1">
            <a:off x="552450"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1" name="Freeform: Shape 30">
            <a:extLst>
              <a:ext uri="{FF2B5EF4-FFF2-40B4-BE49-F238E27FC236}">
                <a16:creationId xmlns:a16="http://schemas.microsoft.com/office/drawing/2014/main" id="{9220D8EA-A011-425D-AFFE-DD3D2D48E0F2}"/>
              </a:ext>
            </a:extLst>
          </p:cNvPr>
          <p:cNvSpPr/>
          <p:nvPr userDrawn="1"/>
        </p:nvSpPr>
        <p:spPr>
          <a:xfrm flipH="1">
            <a:off x="552450"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2" name="Freeform: Shape 31">
            <a:extLst>
              <a:ext uri="{FF2B5EF4-FFF2-40B4-BE49-F238E27FC236}">
                <a16:creationId xmlns:a16="http://schemas.microsoft.com/office/drawing/2014/main" id="{7F8D45CE-40E0-4E37-A2E3-F96ABD4E3F90}"/>
              </a:ext>
            </a:extLst>
          </p:cNvPr>
          <p:cNvSpPr/>
          <p:nvPr userDrawn="1"/>
        </p:nvSpPr>
        <p:spPr>
          <a:xfrm flipH="1">
            <a:off x="552450"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3" name="Freeform: Shape 32">
            <a:extLst>
              <a:ext uri="{FF2B5EF4-FFF2-40B4-BE49-F238E27FC236}">
                <a16:creationId xmlns:a16="http://schemas.microsoft.com/office/drawing/2014/main" id="{DC3BC631-EF35-464C-8F3D-1A99DE2CA201}"/>
              </a:ext>
            </a:extLst>
          </p:cNvPr>
          <p:cNvSpPr/>
          <p:nvPr userDrawn="1"/>
        </p:nvSpPr>
        <p:spPr>
          <a:xfrm flipH="1">
            <a:off x="552450"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4" name="Freeform: Shape 33">
            <a:extLst>
              <a:ext uri="{FF2B5EF4-FFF2-40B4-BE49-F238E27FC236}">
                <a16:creationId xmlns:a16="http://schemas.microsoft.com/office/drawing/2014/main" id="{BEC69C82-236C-4107-AE79-D3FFB927E141}"/>
              </a:ext>
            </a:extLst>
          </p:cNvPr>
          <p:cNvSpPr/>
          <p:nvPr userDrawn="1"/>
        </p:nvSpPr>
        <p:spPr>
          <a:xfrm flipH="1">
            <a:off x="4297362"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spcBef>
                <a:spcPts val="600"/>
              </a:spcBef>
            </a:pPr>
            <a:endParaRPr lang="da-DK" sz="1400" dirty="0"/>
          </a:p>
        </p:txBody>
      </p:sp>
      <p:sp>
        <p:nvSpPr>
          <p:cNvPr id="35" name="Freeform: Shape 34">
            <a:extLst>
              <a:ext uri="{FF2B5EF4-FFF2-40B4-BE49-F238E27FC236}">
                <a16:creationId xmlns:a16="http://schemas.microsoft.com/office/drawing/2014/main" id="{5D4B8CDD-3496-4DFB-A77D-D317EF76594C}"/>
              </a:ext>
            </a:extLst>
          </p:cNvPr>
          <p:cNvSpPr/>
          <p:nvPr userDrawn="1"/>
        </p:nvSpPr>
        <p:spPr>
          <a:xfrm flipH="1">
            <a:off x="4297362"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6" name="Freeform: Shape 35">
            <a:extLst>
              <a:ext uri="{FF2B5EF4-FFF2-40B4-BE49-F238E27FC236}">
                <a16:creationId xmlns:a16="http://schemas.microsoft.com/office/drawing/2014/main" id="{C388A104-F84E-4855-B153-4E52A8D171BA}"/>
              </a:ext>
            </a:extLst>
          </p:cNvPr>
          <p:cNvSpPr/>
          <p:nvPr userDrawn="1"/>
        </p:nvSpPr>
        <p:spPr>
          <a:xfrm flipH="1">
            <a:off x="4297362"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7" name="Freeform: Shape 36">
            <a:extLst>
              <a:ext uri="{FF2B5EF4-FFF2-40B4-BE49-F238E27FC236}">
                <a16:creationId xmlns:a16="http://schemas.microsoft.com/office/drawing/2014/main" id="{6D52C844-E4AD-41FD-B26A-D793526C280B}"/>
              </a:ext>
            </a:extLst>
          </p:cNvPr>
          <p:cNvSpPr/>
          <p:nvPr userDrawn="1"/>
        </p:nvSpPr>
        <p:spPr>
          <a:xfrm flipH="1">
            <a:off x="4297362"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8" name="Freeform: Shape 37">
            <a:extLst>
              <a:ext uri="{FF2B5EF4-FFF2-40B4-BE49-F238E27FC236}">
                <a16:creationId xmlns:a16="http://schemas.microsoft.com/office/drawing/2014/main" id="{CB4BAAF0-F96A-46FE-9C19-7CAFE7AFC337}"/>
              </a:ext>
            </a:extLst>
          </p:cNvPr>
          <p:cNvSpPr/>
          <p:nvPr userDrawn="1"/>
        </p:nvSpPr>
        <p:spPr>
          <a:xfrm flipH="1">
            <a:off x="8042275"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9" name="Freeform: Shape 38">
            <a:extLst>
              <a:ext uri="{FF2B5EF4-FFF2-40B4-BE49-F238E27FC236}">
                <a16:creationId xmlns:a16="http://schemas.microsoft.com/office/drawing/2014/main" id="{8317A13E-12AD-4A55-BE9F-CD32DB0E7230}"/>
              </a:ext>
            </a:extLst>
          </p:cNvPr>
          <p:cNvSpPr/>
          <p:nvPr userDrawn="1"/>
        </p:nvSpPr>
        <p:spPr>
          <a:xfrm flipH="1">
            <a:off x="8042275"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0" name="Freeform: Shape 39">
            <a:extLst>
              <a:ext uri="{FF2B5EF4-FFF2-40B4-BE49-F238E27FC236}">
                <a16:creationId xmlns:a16="http://schemas.microsoft.com/office/drawing/2014/main" id="{953C3634-609F-4FBA-8701-B6AC5EB000F1}"/>
              </a:ext>
            </a:extLst>
          </p:cNvPr>
          <p:cNvSpPr/>
          <p:nvPr userDrawn="1"/>
        </p:nvSpPr>
        <p:spPr>
          <a:xfrm flipH="1">
            <a:off x="8042275"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1" name="Freeform: Shape 40">
            <a:extLst>
              <a:ext uri="{FF2B5EF4-FFF2-40B4-BE49-F238E27FC236}">
                <a16:creationId xmlns:a16="http://schemas.microsoft.com/office/drawing/2014/main" id="{D646ACF9-F679-4E16-85FF-F05C25919189}"/>
              </a:ext>
            </a:extLst>
          </p:cNvPr>
          <p:cNvSpPr/>
          <p:nvPr userDrawn="1"/>
        </p:nvSpPr>
        <p:spPr>
          <a:xfrm flipH="1">
            <a:off x="8042275"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2" name="Text Placeholder 48">
            <a:extLst>
              <a:ext uri="{FF2B5EF4-FFF2-40B4-BE49-F238E27FC236}">
                <a16:creationId xmlns:a16="http://schemas.microsoft.com/office/drawing/2014/main" id="{C694C9AC-720B-4294-AEED-F02B1C6EEA82}"/>
              </a:ext>
            </a:extLst>
          </p:cNvPr>
          <p:cNvSpPr>
            <a:spLocks noGrp="1"/>
          </p:cNvSpPr>
          <p:nvPr>
            <p:ph type="body" sz="quarter" idx="11" hasCustomPrompt="1"/>
          </p:nvPr>
        </p:nvSpPr>
        <p:spPr>
          <a:xfrm>
            <a:off x="657861"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3" name="Text Placeholder 48">
            <a:extLst>
              <a:ext uri="{FF2B5EF4-FFF2-40B4-BE49-F238E27FC236}">
                <a16:creationId xmlns:a16="http://schemas.microsoft.com/office/drawing/2014/main" id="{2A39AFED-FD08-417D-8341-972C69769E54}"/>
              </a:ext>
            </a:extLst>
          </p:cNvPr>
          <p:cNvSpPr>
            <a:spLocks noGrp="1"/>
          </p:cNvSpPr>
          <p:nvPr>
            <p:ph type="body" sz="quarter" idx="48" hasCustomPrompt="1"/>
          </p:nvPr>
        </p:nvSpPr>
        <p:spPr>
          <a:xfrm>
            <a:off x="657861"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4" name="Text Placeholder 48">
            <a:extLst>
              <a:ext uri="{FF2B5EF4-FFF2-40B4-BE49-F238E27FC236}">
                <a16:creationId xmlns:a16="http://schemas.microsoft.com/office/drawing/2014/main" id="{6776F793-4AE8-4989-A373-12D85C7215E0}"/>
              </a:ext>
            </a:extLst>
          </p:cNvPr>
          <p:cNvSpPr>
            <a:spLocks noGrp="1"/>
          </p:cNvSpPr>
          <p:nvPr>
            <p:ph type="body" sz="quarter" idx="49" hasCustomPrompt="1"/>
          </p:nvPr>
        </p:nvSpPr>
        <p:spPr>
          <a:xfrm>
            <a:off x="657861"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5" name="Text Placeholder 48">
            <a:extLst>
              <a:ext uri="{FF2B5EF4-FFF2-40B4-BE49-F238E27FC236}">
                <a16:creationId xmlns:a16="http://schemas.microsoft.com/office/drawing/2014/main" id="{863C801C-A938-413C-AE57-9A8DD0303AF5}"/>
              </a:ext>
            </a:extLst>
          </p:cNvPr>
          <p:cNvSpPr>
            <a:spLocks noGrp="1"/>
          </p:cNvSpPr>
          <p:nvPr>
            <p:ph type="body" sz="quarter" idx="50" hasCustomPrompt="1"/>
          </p:nvPr>
        </p:nvSpPr>
        <p:spPr>
          <a:xfrm>
            <a:off x="657861"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6" name="Text Placeholder 48">
            <a:extLst>
              <a:ext uri="{FF2B5EF4-FFF2-40B4-BE49-F238E27FC236}">
                <a16:creationId xmlns:a16="http://schemas.microsoft.com/office/drawing/2014/main" id="{BB685E08-E9D3-4999-B043-59FFD28951CB}"/>
              </a:ext>
            </a:extLst>
          </p:cNvPr>
          <p:cNvSpPr>
            <a:spLocks noGrp="1"/>
          </p:cNvSpPr>
          <p:nvPr>
            <p:ph type="body" sz="quarter" idx="51" hasCustomPrompt="1"/>
          </p:nvPr>
        </p:nvSpPr>
        <p:spPr>
          <a:xfrm>
            <a:off x="4402772"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smtClean="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8" name="Text Placeholder 48">
            <a:extLst>
              <a:ext uri="{FF2B5EF4-FFF2-40B4-BE49-F238E27FC236}">
                <a16:creationId xmlns:a16="http://schemas.microsoft.com/office/drawing/2014/main" id="{9D411624-ED38-4910-95CB-99063F83EE84}"/>
              </a:ext>
            </a:extLst>
          </p:cNvPr>
          <p:cNvSpPr>
            <a:spLocks noGrp="1"/>
          </p:cNvSpPr>
          <p:nvPr>
            <p:ph type="body" sz="quarter" idx="52" hasCustomPrompt="1"/>
          </p:nvPr>
        </p:nvSpPr>
        <p:spPr>
          <a:xfrm>
            <a:off x="4402772"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4" name="Text Placeholder 48">
            <a:extLst>
              <a:ext uri="{FF2B5EF4-FFF2-40B4-BE49-F238E27FC236}">
                <a16:creationId xmlns:a16="http://schemas.microsoft.com/office/drawing/2014/main" id="{1D94EC25-AB9E-4747-99A4-13F43A3BD242}"/>
              </a:ext>
            </a:extLst>
          </p:cNvPr>
          <p:cNvSpPr>
            <a:spLocks noGrp="1"/>
          </p:cNvSpPr>
          <p:nvPr>
            <p:ph type="body" sz="quarter" idx="53" hasCustomPrompt="1"/>
          </p:nvPr>
        </p:nvSpPr>
        <p:spPr>
          <a:xfrm>
            <a:off x="4402772"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5" name="Text Placeholder 48">
            <a:extLst>
              <a:ext uri="{FF2B5EF4-FFF2-40B4-BE49-F238E27FC236}">
                <a16:creationId xmlns:a16="http://schemas.microsoft.com/office/drawing/2014/main" id="{1C6AEF0A-A580-4FBA-8A22-B7F4C0BA1C9F}"/>
              </a:ext>
            </a:extLst>
          </p:cNvPr>
          <p:cNvSpPr>
            <a:spLocks noGrp="1"/>
          </p:cNvSpPr>
          <p:nvPr>
            <p:ph type="body" sz="quarter" idx="54" hasCustomPrompt="1"/>
          </p:nvPr>
        </p:nvSpPr>
        <p:spPr>
          <a:xfrm>
            <a:off x="4402772"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8" name="Text Placeholder 48">
            <a:extLst>
              <a:ext uri="{FF2B5EF4-FFF2-40B4-BE49-F238E27FC236}">
                <a16:creationId xmlns:a16="http://schemas.microsoft.com/office/drawing/2014/main" id="{48F76E9D-5E76-4A6A-AF5F-8B5210E22264}"/>
              </a:ext>
            </a:extLst>
          </p:cNvPr>
          <p:cNvSpPr>
            <a:spLocks noGrp="1"/>
          </p:cNvSpPr>
          <p:nvPr>
            <p:ph type="body" sz="quarter" idx="55" hasCustomPrompt="1"/>
          </p:nvPr>
        </p:nvSpPr>
        <p:spPr>
          <a:xfrm>
            <a:off x="8147336"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9" name="Text Placeholder 48">
            <a:extLst>
              <a:ext uri="{FF2B5EF4-FFF2-40B4-BE49-F238E27FC236}">
                <a16:creationId xmlns:a16="http://schemas.microsoft.com/office/drawing/2014/main" id="{EFBB5A88-C2C7-4245-A367-358A914277EA}"/>
              </a:ext>
            </a:extLst>
          </p:cNvPr>
          <p:cNvSpPr>
            <a:spLocks noGrp="1"/>
          </p:cNvSpPr>
          <p:nvPr>
            <p:ph type="body" sz="quarter" idx="56" hasCustomPrompt="1"/>
          </p:nvPr>
        </p:nvSpPr>
        <p:spPr>
          <a:xfrm>
            <a:off x="8147336"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6" name="Text Placeholder 48">
            <a:extLst>
              <a:ext uri="{FF2B5EF4-FFF2-40B4-BE49-F238E27FC236}">
                <a16:creationId xmlns:a16="http://schemas.microsoft.com/office/drawing/2014/main" id="{D5209452-F3AF-4277-8DE6-B0D0C868C28D}"/>
              </a:ext>
            </a:extLst>
          </p:cNvPr>
          <p:cNvSpPr>
            <a:spLocks noGrp="1"/>
          </p:cNvSpPr>
          <p:nvPr>
            <p:ph type="body" sz="quarter" idx="57" hasCustomPrompt="1"/>
          </p:nvPr>
        </p:nvSpPr>
        <p:spPr>
          <a:xfrm>
            <a:off x="8147336"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7" name="Text Placeholder 48">
            <a:extLst>
              <a:ext uri="{FF2B5EF4-FFF2-40B4-BE49-F238E27FC236}">
                <a16:creationId xmlns:a16="http://schemas.microsoft.com/office/drawing/2014/main" id="{055E9208-F99E-4C2B-9121-EA07BB9DBD61}"/>
              </a:ext>
            </a:extLst>
          </p:cNvPr>
          <p:cNvSpPr>
            <a:spLocks noGrp="1"/>
          </p:cNvSpPr>
          <p:nvPr>
            <p:ph type="body" sz="quarter" idx="58" hasCustomPrompt="1"/>
          </p:nvPr>
        </p:nvSpPr>
        <p:spPr>
          <a:xfrm>
            <a:off x="8147336"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8" name="Picture Placeholder 94">
            <a:extLst>
              <a:ext uri="{FF2B5EF4-FFF2-40B4-BE49-F238E27FC236}">
                <a16:creationId xmlns:a16="http://schemas.microsoft.com/office/drawing/2014/main" id="{3937B1CB-EA79-487D-A0B5-541E4F137045}"/>
              </a:ext>
            </a:extLst>
          </p:cNvPr>
          <p:cNvSpPr>
            <a:spLocks noGrp="1"/>
          </p:cNvSpPr>
          <p:nvPr>
            <p:ph type="pic" sz="quarter" idx="59" hasCustomPrompt="1"/>
          </p:nvPr>
        </p:nvSpPr>
        <p:spPr>
          <a:xfrm>
            <a:off x="2594610"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9" name="Picture Placeholder 95">
            <a:extLst>
              <a:ext uri="{FF2B5EF4-FFF2-40B4-BE49-F238E27FC236}">
                <a16:creationId xmlns:a16="http://schemas.microsoft.com/office/drawing/2014/main" id="{F434DAE9-F644-48BF-BE05-57F5405AB165}"/>
              </a:ext>
            </a:extLst>
          </p:cNvPr>
          <p:cNvSpPr>
            <a:spLocks noGrp="1"/>
          </p:cNvSpPr>
          <p:nvPr>
            <p:ph type="pic" sz="quarter" idx="60" hasCustomPrompt="1"/>
          </p:nvPr>
        </p:nvSpPr>
        <p:spPr>
          <a:xfrm>
            <a:off x="2594610"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0" name="Picture Placeholder 96">
            <a:extLst>
              <a:ext uri="{FF2B5EF4-FFF2-40B4-BE49-F238E27FC236}">
                <a16:creationId xmlns:a16="http://schemas.microsoft.com/office/drawing/2014/main" id="{8C383E28-D584-47C0-8629-4C1D71871F8A}"/>
              </a:ext>
            </a:extLst>
          </p:cNvPr>
          <p:cNvSpPr>
            <a:spLocks noGrp="1"/>
          </p:cNvSpPr>
          <p:nvPr>
            <p:ph type="pic" sz="quarter" idx="61" hasCustomPrompt="1"/>
          </p:nvPr>
        </p:nvSpPr>
        <p:spPr>
          <a:xfrm>
            <a:off x="2594610"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1" name="Picture Placeholder 97">
            <a:extLst>
              <a:ext uri="{FF2B5EF4-FFF2-40B4-BE49-F238E27FC236}">
                <a16:creationId xmlns:a16="http://schemas.microsoft.com/office/drawing/2014/main" id="{E275C947-7B09-40FE-AC42-1C74BB93BC23}"/>
              </a:ext>
            </a:extLst>
          </p:cNvPr>
          <p:cNvSpPr>
            <a:spLocks noGrp="1"/>
          </p:cNvSpPr>
          <p:nvPr>
            <p:ph type="pic" sz="quarter" idx="62" hasCustomPrompt="1"/>
          </p:nvPr>
        </p:nvSpPr>
        <p:spPr>
          <a:xfrm>
            <a:off x="2594610"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2" name="Picture Placeholder 98">
            <a:extLst>
              <a:ext uri="{FF2B5EF4-FFF2-40B4-BE49-F238E27FC236}">
                <a16:creationId xmlns:a16="http://schemas.microsoft.com/office/drawing/2014/main" id="{83575FEB-E035-4977-B85B-B5A9D2D2D9D1}"/>
              </a:ext>
            </a:extLst>
          </p:cNvPr>
          <p:cNvSpPr>
            <a:spLocks noGrp="1"/>
          </p:cNvSpPr>
          <p:nvPr>
            <p:ph type="pic" sz="quarter" idx="63" hasCustomPrompt="1"/>
          </p:nvPr>
        </p:nvSpPr>
        <p:spPr>
          <a:xfrm>
            <a:off x="6339523"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3" name="Picture Placeholder 99">
            <a:extLst>
              <a:ext uri="{FF2B5EF4-FFF2-40B4-BE49-F238E27FC236}">
                <a16:creationId xmlns:a16="http://schemas.microsoft.com/office/drawing/2014/main" id="{D83CA983-5FDC-4FA4-B3D4-97CC82F38999}"/>
              </a:ext>
            </a:extLst>
          </p:cNvPr>
          <p:cNvSpPr>
            <a:spLocks noGrp="1"/>
          </p:cNvSpPr>
          <p:nvPr>
            <p:ph type="pic" sz="quarter" idx="64" hasCustomPrompt="1"/>
          </p:nvPr>
        </p:nvSpPr>
        <p:spPr>
          <a:xfrm>
            <a:off x="6339523"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4" name="Picture Placeholder 100">
            <a:extLst>
              <a:ext uri="{FF2B5EF4-FFF2-40B4-BE49-F238E27FC236}">
                <a16:creationId xmlns:a16="http://schemas.microsoft.com/office/drawing/2014/main" id="{D655CC6D-8C2C-4D99-B17F-C82E1E2D14D8}"/>
              </a:ext>
            </a:extLst>
          </p:cNvPr>
          <p:cNvSpPr>
            <a:spLocks noGrp="1"/>
          </p:cNvSpPr>
          <p:nvPr>
            <p:ph type="pic" sz="quarter" idx="65" hasCustomPrompt="1"/>
          </p:nvPr>
        </p:nvSpPr>
        <p:spPr>
          <a:xfrm>
            <a:off x="6339523"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5" name="Picture Placeholder 101">
            <a:extLst>
              <a:ext uri="{FF2B5EF4-FFF2-40B4-BE49-F238E27FC236}">
                <a16:creationId xmlns:a16="http://schemas.microsoft.com/office/drawing/2014/main" id="{C3B8A75F-3756-4446-8BF5-A453A529E99C}"/>
              </a:ext>
            </a:extLst>
          </p:cNvPr>
          <p:cNvSpPr>
            <a:spLocks noGrp="1"/>
          </p:cNvSpPr>
          <p:nvPr>
            <p:ph type="pic" sz="quarter" idx="66" hasCustomPrompt="1"/>
          </p:nvPr>
        </p:nvSpPr>
        <p:spPr>
          <a:xfrm>
            <a:off x="6339523"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6" name="Picture Placeholder 102">
            <a:extLst>
              <a:ext uri="{FF2B5EF4-FFF2-40B4-BE49-F238E27FC236}">
                <a16:creationId xmlns:a16="http://schemas.microsoft.com/office/drawing/2014/main" id="{14B4BCD0-5953-454C-B55B-4B7976D7B461}"/>
              </a:ext>
            </a:extLst>
          </p:cNvPr>
          <p:cNvSpPr>
            <a:spLocks noGrp="1"/>
          </p:cNvSpPr>
          <p:nvPr>
            <p:ph type="pic" sz="quarter" idx="67" hasCustomPrompt="1"/>
          </p:nvPr>
        </p:nvSpPr>
        <p:spPr>
          <a:xfrm>
            <a:off x="10084435"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7" name="Picture Placeholder 103">
            <a:extLst>
              <a:ext uri="{FF2B5EF4-FFF2-40B4-BE49-F238E27FC236}">
                <a16:creationId xmlns:a16="http://schemas.microsoft.com/office/drawing/2014/main" id="{739059EF-6DBF-437C-A608-518A2E0BBEDB}"/>
              </a:ext>
            </a:extLst>
          </p:cNvPr>
          <p:cNvSpPr>
            <a:spLocks noGrp="1"/>
          </p:cNvSpPr>
          <p:nvPr>
            <p:ph type="pic" sz="quarter" idx="68" hasCustomPrompt="1"/>
          </p:nvPr>
        </p:nvSpPr>
        <p:spPr>
          <a:xfrm>
            <a:off x="10084435"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8" name="Picture Placeholder 104">
            <a:extLst>
              <a:ext uri="{FF2B5EF4-FFF2-40B4-BE49-F238E27FC236}">
                <a16:creationId xmlns:a16="http://schemas.microsoft.com/office/drawing/2014/main" id="{E9EA5020-8026-4135-9F2C-6A5D9B09546A}"/>
              </a:ext>
            </a:extLst>
          </p:cNvPr>
          <p:cNvSpPr>
            <a:spLocks noGrp="1"/>
          </p:cNvSpPr>
          <p:nvPr>
            <p:ph type="pic" sz="quarter" idx="69" hasCustomPrompt="1"/>
          </p:nvPr>
        </p:nvSpPr>
        <p:spPr>
          <a:xfrm>
            <a:off x="10084435"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9" name="Picture Placeholder 105">
            <a:extLst>
              <a:ext uri="{FF2B5EF4-FFF2-40B4-BE49-F238E27FC236}">
                <a16:creationId xmlns:a16="http://schemas.microsoft.com/office/drawing/2014/main" id="{4545BC6B-EF35-4E9E-B8ED-EFA8CEB53FAA}"/>
              </a:ext>
            </a:extLst>
          </p:cNvPr>
          <p:cNvSpPr>
            <a:spLocks noGrp="1"/>
          </p:cNvSpPr>
          <p:nvPr>
            <p:ph type="pic" sz="quarter" idx="70" hasCustomPrompt="1"/>
          </p:nvPr>
        </p:nvSpPr>
        <p:spPr>
          <a:xfrm>
            <a:off x="10084435"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0" name="Title 1">
            <a:extLst>
              <a:ext uri="{FF2B5EF4-FFF2-40B4-BE49-F238E27FC236}">
                <a16:creationId xmlns:a16="http://schemas.microsoft.com/office/drawing/2014/main" id="{D78D2DC3-D22C-41D1-B4C1-E06B02478103}"/>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91" name="Straight Connector 90">
            <a:extLst>
              <a:ext uri="{FF2B5EF4-FFF2-40B4-BE49-F238E27FC236}">
                <a16:creationId xmlns:a16="http://schemas.microsoft.com/office/drawing/2014/main" id="{714C3C27-FB38-4C6C-89BB-C0DD5344B46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91749598"/>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Highlights of our work 3x4 - Dark">
    <p:spTree>
      <p:nvGrpSpPr>
        <p:cNvPr id="1" name=""/>
        <p:cNvGrpSpPr/>
        <p:nvPr/>
      </p:nvGrpSpPr>
      <p:grpSpPr>
        <a:xfrm>
          <a:off x="0" y="0"/>
          <a:ext cx="0" cy="0"/>
          <a:chOff x="0" y="0"/>
          <a:chExt cx="0" cy="0"/>
        </a:xfrm>
      </p:grpSpPr>
      <p:sp>
        <p:nvSpPr>
          <p:cNvPr id="30" name="Freeform: Shape 29">
            <a:extLst>
              <a:ext uri="{FF2B5EF4-FFF2-40B4-BE49-F238E27FC236}">
                <a16:creationId xmlns:a16="http://schemas.microsoft.com/office/drawing/2014/main" id="{7BB0F999-44E3-4677-8792-25137588062F}"/>
              </a:ext>
            </a:extLst>
          </p:cNvPr>
          <p:cNvSpPr/>
          <p:nvPr userDrawn="1"/>
        </p:nvSpPr>
        <p:spPr>
          <a:xfrm flipH="1">
            <a:off x="552450"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1" name="Freeform: Shape 30">
            <a:extLst>
              <a:ext uri="{FF2B5EF4-FFF2-40B4-BE49-F238E27FC236}">
                <a16:creationId xmlns:a16="http://schemas.microsoft.com/office/drawing/2014/main" id="{9220D8EA-A011-425D-AFFE-DD3D2D48E0F2}"/>
              </a:ext>
            </a:extLst>
          </p:cNvPr>
          <p:cNvSpPr/>
          <p:nvPr userDrawn="1"/>
        </p:nvSpPr>
        <p:spPr>
          <a:xfrm flipH="1">
            <a:off x="552450"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2" name="Freeform: Shape 31">
            <a:extLst>
              <a:ext uri="{FF2B5EF4-FFF2-40B4-BE49-F238E27FC236}">
                <a16:creationId xmlns:a16="http://schemas.microsoft.com/office/drawing/2014/main" id="{7F8D45CE-40E0-4E37-A2E3-F96ABD4E3F90}"/>
              </a:ext>
            </a:extLst>
          </p:cNvPr>
          <p:cNvSpPr/>
          <p:nvPr userDrawn="1"/>
        </p:nvSpPr>
        <p:spPr>
          <a:xfrm flipH="1">
            <a:off x="552450"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3" name="Freeform: Shape 32">
            <a:extLst>
              <a:ext uri="{FF2B5EF4-FFF2-40B4-BE49-F238E27FC236}">
                <a16:creationId xmlns:a16="http://schemas.microsoft.com/office/drawing/2014/main" id="{DC3BC631-EF35-464C-8F3D-1A99DE2CA201}"/>
              </a:ext>
            </a:extLst>
          </p:cNvPr>
          <p:cNvSpPr/>
          <p:nvPr userDrawn="1"/>
        </p:nvSpPr>
        <p:spPr>
          <a:xfrm flipH="1">
            <a:off x="552450"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4" name="Freeform: Shape 33">
            <a:extLst>
              <a:ext uri="{FF2B5EF4-FFF2-40B4-BE49-F238E27FC236}">
                <a16:creationId xmlns:a16="http://schemas.microsoft.com/office/drawing/2014/main" id="{BEC69C82-236C-4107-AE79-D3FFB927E141}"/>
              </a:ext>
            </a:extLst>
          </p:cNvPr>
          <p:cNvSpPr/>
          <p:nvPr userDrawn="1"/>
        </p:nvSpPr>
        <p:spPr>
          <a:xfrm flipH="1">
            <a:off x="4297362"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spcBef>
                <a:spcPts val="600"/>
              </a:spcBef>
            </a:pPr>
            <a:endParaRPr lang="da-DK" sz="1400" dirty="0"/>
          </a:p>
        </p:txBody>
      </p:sp>
      <p:sp>
        <p:nvSpPr>
          <p:cNvPr id="35" name="Freeform: Shape 34">
            <a:extLst>
              <a:ext uri="{FF2B5EF4-FFF2-40B4-BE49-F238E27FC236}">
                <a16:creationId xmlns:a16="http://schemas.microsoft.com/office/drawing/2014/main" id="{5D4B8CDD-3496-4DFB-A77D-D317EF76594C}"/>
              </a:ext>
            </a:extLst>
          </p:cNvPr>
          <p:cNvSpPr/>
          <p:nvPr userDrawn="1"/>
        </p:nvSpPr>
        <p:spPr>
          <a:xfrm flipH="1">
            <a:off x="4297362"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6" name="Freeform: Shape 35">
            <a:extLst>
              <a:ext uri="{FF2B5EF4-FFF2-40B4-BE49-F238E27FC236}">
                <a16:creationId xmlns:a16="http://schemas.microsoft.com/office/drawing/2014/main" id="{C388A104-F84E-4855-B153-4E52A8D171BA}"/>
              </a:ext>
            </a:extLst>
          </p:cNvPr>
          <p:cNvSpPr/>
          <p:nvPr userDrawn="1"/>
        </p:nvSpPr>
        <p:spPr>
          <a:xfrm flipH="1">
            <a:off x="4297362"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7" name="Freeform: Shape 36">
            <a:extLst>
              <a:ext uri="{FF2B5EF4-FFF2-40B4-BE49-F238E27FC236}">
                <a16:creationId xmlns:a16="http://schemas.microsoft.com/office/drawing/2014/main" id="{6D52C844-E4AD-41FD-B26A-D793526C280B}"/>
              </a:ext>
            </a:extLst>
          </p:cNvPr>
          <p:cNvSpPr/>
          <p:nvPr userDrawn="1"/>
        </p:nvSpPr>
        <p:spPr>
          <a:xfrm flipH="1">
            <a:off x="4297362"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8" name="Freeform: Shape 37">
            <a:extLst>
              <a:ext uri="{FF2B5EF4-FFF2-40B4-BE49-F238E27FC236}">
                <a16:creationId xmlns:a16="http://schemas.microsoft.com/office/drawing/2014/main" id="{CB4BAAF0-F96A-46FE-9C19-7CAFE7AFC337}"/>
              </a:ext>
            </a:extLst>
          </p:cNvPr>
          <p:cNvSpPr/>
          <p:nvPr userDrawn="1"/>
        </p:nvSpPr>
        <p:spPr>
          <a:xfrm flipH="1">
            <a:off x="8042275"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9" name="Freeform: Shape 38">
            <a:extLst>
              <a:ext uri="{FF2B5EF4-FFF2-40B4-BE49-F238E27FC236}">
                <a16:creationId xmlns:a16="http://schemas.microsoft.com/office/drawing/2014/main" id="{8317A13E-12AD-4A55-BE9F-CD32DB0E7230}"/>
              </a:ext>
            </a:extLst>
          </p:cNvPr>
          <p:cNvSpPr/>
          <p:nvPr userDrawn="1"/>
        </p:nvSpPr>
        <p:spPr>
          <a:xfrm flipH="1">
            <a:off x="8042275"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0" name="Freeform: Shape 39">
            <a:extLst>
              <a:ext uri="{FF2B5EF4-FFF2-40B4-BE49-F238E27FC236}">
                <a16:creationId xmlns:a16="http://schemas.microsoft.com/office/drawing/2014/main" id="{953C3634-609F-4FBA-8701-B6AC5EB000F1}"/>
              </a:ext>
            </a:extLst>
          </p:cNvPr>
          <p:cNvSpPr/>
          <p:nvPr userDrawn="1"/>
        </p:nvSpPr>
        <p:spPr>
          <a:xfrm flipH="1">
            <a:off x="8042275"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1" name="Freeform: Shape 40">
            <a:extLst>
              <a:ext uri="{FF2B5EF4-FFF2-40B4-BE49-F238E27FC236}">
                <a16:creationId xmlns:a16="http://schemas.microsoft.com/office/drawing/2014/main" id="{D646ACF9-F679-4E16-85FF-F05C25919189}"/>
              </a:ext>
            </a:extLst>
          </p:cNvPr>
          <p:cNvSpPr/>
          <p:nvPr userDrawn="1"/>
        </p:nvSpPr>
        <p:spPr>
          <a:xfrm flipH="1">
            <a:off x="8042275"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2" name="Text Placeholder 48">
            <a:extLst>
              <a:ext uri="{FF2B5EF4-FFF2-40B4-BE49-F238E27FC236}">
                <a16:creationId xmlns:a16="http://schemas.microsoft.com/office/drawing/2014/main" id="{C694C9AC-720B-4294-AEED-F02B1C6EEA82}"/>
              </a:ext>
            </a:extLst>
          </p:cNvPr>
          <p:cNvSpPr>
            <a:spLocks noGrp="1"/>
          </p:cNvSpPr>
          <p:nvPr>
            <p:ph type="body" sz="quarter" idx="11" hasCustomPrompt="1"/>
          </p:nvPr>
        </p:nvSpPr>
        <p:spPr>
          <a:xfrm>
            <a:off x="657861"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3" name="Text Placeholder 48">
            <a:extLst>
              <a:ext uri="{FF2B5EF4-FFF2-40B4-BE49-F238E27FC236}">
                <a16:creationId xmlns:a16="http://schemas.microsoft.com/office/drawing/2014/main" id="{2A39AFED-FD08-417D-8341-972C69769E54}"/>
              </a:ext>
            </a:extLst>
          </p:cNvPr>
          <p:cNvSpPr>
            <a:spLocks noGrp="1"/>
          </p:cNvSpPr>
          <p:nvPr>
            <p:ph type="body" sz="quarter" idx="48" hasCustomPrompt="1"/>
          </p:nvPr>
        </p:nvSpPr>
        <p:spPr>
          <a:xfrm>
            <a:off x="657861"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4" name="Text Placeholder 48">
            <a:extLst>
              <a:ext uri="{FF2B5EF4-FFF2-40B4-BE49-F238E27FC236}">
                <a16:creationId xmlns:a16="http://schemas.microsoft.com/office/drawing/2014/main" id="{6776F793-4AE8-4989-A373-12D85C7215E0}"/>
              </a:ext>
            </a:extLst>
          </p:cNvPr>
          <p:cNvSpPr>
            <a:spLocks noGrp="1"/>
          </p:cNvSpPr>
          <p:nvPr>
            <p:ph type="body" sz="quarter" idx="49" hasCustomPrompt="1"/>
          </p:nvPr>
        </p:nvSpPr>
        <p:spPr>
          <a:xfrm>
            <a:off x="657861"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5" name="Text Placeholder 48">
            <a:extLst>
              <a:ext uri="{FF2B5EF4-FFF2-40B4-BE49-F238E27FC236}">
                <a16:creationId xmlns:a16="http://schemas.microsoft.com/office/drawing/2014/main" id="{863C801C-A938-413C-AE57-9A8DD0303AF5}"/>
              </a:ext>
            </a:extLst>
          </p:cNvPr>
          <p:cNvSpPr>
            <a:spLocks noGrp="1"/>
          </p:cNvSpPr>
          <p:nvPr>
            <p:ph type="body" sz="quarter" idx="50" hasCustomPrompt="1"/>
          </p:nvPr>
        </p:nvSpPr>
        <p:spPr>
          <a:xfrm>
            <a:off x="657861"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6" name="Text Placeholder 48">
            <a:extLst>
              <a:ext uri="{FF2B5EF4-FFF2-40B4-BE49-F238E27FC236}">
                <a16:creationId xmlns:a16="http://schemas.microsoft.com/office/drawing/2014/main" id="{BB685E08-E9D3-4999-B043-59FFD28951CB}"/>
              </a:ext>
            </a:extLst>
          </p:cNvPr>
          <p:cNvSpPr>
            <a:spLocks noGrp="1"/>
          </p:cNvSpPr>
          <p:nvPr>
            <p:ph type="body" sz="quarter" idx="51" hasCustomPrompt="1"/>
          </p:nvPr>
        </p:nvSpPr>
        <p:spPr>
          <a:xfrm>
            <a:off x="4402772"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smtClean="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8" name="Text Placeholder 48">
            <a:extLst>
              <a:ext uri="{FF2B5EF4-FFF2-40B4-BE49-F238E27FC236}">
                <a16:creationId xmlns:a16="http://schemas.microsoft.com/office/drawing/2014/main" id="{9D411624-ED38-4910-95CB-99063F83EE84}"/>
              </a:ext>
            </a:extLst>
          </p:cNvPr>
          <p:cNvSpPr>
            <a:spLocks noGrp="1"/>
          </p:cNvSpPr>
          <p:nvPr>
            <p:ph type="body" sz="quarter" idx="52" hasCustomPrompt="1"/>
          </p:nvPr>
        </p:nvSpPr>
        <p:spPr>
          <a:xfrm>
            <a:off x="4402772"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4" name="Text Placeholder 48">
            <a:extLst>
              <a:ext uri="{FF2B5EF4-FFF2-40B4-BE49-F238E27FC236}">
                <a16:creationId xmlns:a16="http://schemas.microsoft.com/office/drawing/2014/main" id="{1D94EC25-AB9E-4747-99A4-13F43A3BD242}"/>
              </a:ext>
            </a:extLst>
          </p:cNvPr>
          <p:cNvSpPr>
            <a:spLocks noGrp="1"/>
          </p:cNvSpPr>
          <p:nvPr>
            <p:ph type="body" sz="quarter" idx="53" hasCustomPrompt="1"/>
          </p:nvPr>
        </p:nvSpPr>
        <p:spPr>
          <a:xfrm>
            <a:off x="4402772"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5" name="Text Placeholder 48">
            <a:extLst>
              <a:ext uri="{FF2B5EF4-FFF2-40B4-BE49-F238E27FC236}">
                <a16:creationId xmlns:a16="http://schemas.microsoft.com/office/drawing/2014/main" id="{1C6AEF0A-A580-4FBA-8A22-B7F4C0BA1C9F}"/>
              </a:ext>
            </a:extLst>
          </p:cNvPr>
          <p:cNvSpPr>
            <a:spLocks noGrp="1"/>
          </p:cNvSpPr>
          <p:nvPr>
            <p:ph type="body" sz="quarter" idx="54" hasCustomPrompt="1"/>
          </p:nvPr>
        </p:nvSpPr>
        <p:spPr>
          <a:xfrm>
            <a:off x="4402772"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8" name="Text Placeholder 48">
            <a:extLst>
              <a:ext uri="{FF2B5EF4-FFF2-40B4-BE49-F238E27FC236}">
                <a16:creationId xmlns:a16="http://schemas.microsoft.com/office/drawing/2014/main" id="{48F76E9D-5E76-4A6A-AF5F-8B5210E22264}"/>
              </a:ext>
            </a:extLst>
          </p:cNvPr>
          <p:cNvSpPr>
            <a:spLocks noGrp="1"/>
          </p:cNvSpPr>
          <p:nvPr>
            <p:ph type="body" sz="quarter" idx="55" hasCustomPrompt="1"/>
          </p:nvPr>
        </p:nvSpPr>
        <p:spPr>
          <a:xfrm>
            <a:off x="8147336"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9" name="Text Placeholder 48">
            <a:extLst>
              <a:ext uri="{FF2B5EF4-FFF2-40B4-BE49-F238E27FC236}">
                <a16:creationId xmlns:a16="http://schemas.microsoft.com/office/drawing/2014/main" id="{EFBB5A88-C2C7-4245-A367-358A914277EA}"/>
              </a:ext>
            </a:extLst>
          </p:cNvPr>
          <p:cNvSpPr>
            <a:spLocks noGrp="1"/>
          </p:cNvSpPr>
          <p:nvPr>
            <p:ph type="body" sz="quarter" idx="56" hasCustomPrompt="1"/>
          </p:nvPr>
        </p:nvSpPr>
        <p:spPr>
          <a:xfrm>
            <a:off x="8147336"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6" name="Text Placeholder 48">
            <a:extLst>
              <a:ext uri="{FF2B5EF4-FFF2-40B4-BE49-F238E27FC236}">
                <a16:creationId xmlns:a16="http://schemas.microsoft.com/office/drawing/2014/main" id="{D5209452-F3AF-4277-8DE6-B0D0C868C28D}"/>
              </a:ext>
            </a:extLst>
          </p:cNvPr>
          <p:cNvSpPr>
            <a:spLocks noGrp="1"/>
          </p:cNvSpPr>
          <p:nvPr>
            <p:ph type="body" sz="quarter" idx="57" hasCustomPrompt="1"/>
          </p:nvPr>
        </p:nvSpPr>
        <p:spPr>
          <a:xfrm>
            <a:off x="8147336"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7" name="Text Placeholder 48">
            <a:extLst>
              <a:ext uri="{FF2B5EF4-FFF2-40B4-BE49-F238E27FC236}">
                <a16:creationId xmlns:a16="http://schemas.microsoft.com/office/drawing/2014/main" id="{055E9208-F99E-4C2B-9121-EA07BB9DBD61}"/>
              </a:ext>
            </a:extLst>
          </p:cNvPr>
          <p:cNvSpPr>
            <a:spLocks noGrp="1"/>
          </p:cNvSpPr>
          <p:nvPr>
            <p:ph type="body" sz="quarter" idx="58" hasCustomPrompt="1"/>
          </p:nvPr>
        </p:nvSpPr>
        <p:spPr>
          <a:xfrm>
            <a:off x="8147336"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8" name="Picture Placeholder 94">
            <a:extLst>
              <a:ext uri="{FF2B5EF4-FFF2-40B4-BE49-F238E27FC236}">
                <a16:creationId xmlns:a16="http://schemas.microsoft.com/office/drawing/2014/main" id="{3937B1CB-EA79-487D-A0B5-541E4F137045}"/>
              </a:ext>
            </a:extLst>
          </p:cNvPr>
          <p:cNvSpPr>
            <a:spLocks noGrp="1"/>
          </p:cNvSpPr>
          <p:nvPr>
            <p:ph type="pic" sz="quarter" idx="59" hasCustomPrompt="1"/>
          </p:nvPr>
        </p:nvSpPr>
        <p:spPr>
          <a:xfrm>
            <a:off x="2594610"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9" name="Picture Placeholder 95">
            <a:extLst>
              <a:ext uri="{FF2B5EF4-FFF2-40B4-BE49-F238E27FC236}">
                <a16:creationId xmlns:a16="http://schemas.microsoft.com/office/drawing/2014/main" id="{F434DAE9-F644-48BF-BE05-57F5405AB165}"/>
              </a:ext>
            </a:extLst>
          </p:cNvPr>
          <p:cNvSpPr>
            <a:spLocks noGrp="1"/>
          </p:cNvSpPr>
          <p:nvPr>
            <p:ph type="pic" sz="quarter" idx="60" hasCustomPrompt="1"/>
          </p:nvPr>
        </p:nvSpPr>
        <p:spPr>
          <a:xfrm>
            <a:off x="2594610"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0" name="Picture Placeholder 96">
            <a:extLst>
              <a:ext uri="{FF2B5EF4-FFF2-40B4-BE49-F238E27FC236}">
                <a16:creationId xmlns:a16="http://schemas.microsoft.com/office/drawing/2014/main" id="{8C383E28-D584-47C0-8629-4C1D71871F8A}"/>
              </a:ext>
            </a:extLst>
          </p:cNvPr>
          <p:cNvSpPr>
            <a:spLocks noGrp="1"/>
          </p:cNvSpPr>
          <p:nvPr>
            <p:ph type="pic" sz="quarter" idx="61" hasCustomPrompt="1"/>
          </p:nvPr>
        </p:nvSpPr>
        <p:spPr>
          <a:xfrm>
            <a:off x="2594610"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1" name="Picture Placeholder 97">
            <a:extLst>
              <a:ext uri="{FF2B5EF4-FFF2-40B4-BE49-F238E27FC236}">
                <a16:creationId xmlns:a16="http://schemas.microsoft.com/office/drawing/2014/main" id="{E275C947-7B09-40FE-AC42-1C74BB93BC23}"/>
              </a:ext>
            </a:extLst>
          </p:cNvPr>
          <p:cNvSpPr>
            <a:spLocks noGrp="1"/>
          </p:cNvSpPr>
          <p:nvPr>
            <p:ph type="pic" sz="quarter" idx="62" hasCustomPrompt="1"/>
          </p:nvPr>
        </p:nvSpPr>
        <p:spPr>
          <a:xfrm>
            <a:off x="2594610"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2" name="Picture Placeholder 98">
            <a:extLst>
              <a:ext uri="{FF2B5EF4-FFF2-40B4-BE49-F238E27FC236}">
                <a16:creationId xmlns:a16="http://schemas.microsoft.com/office/drawing/2014/main" id="{83575FEB-E035-4977-B85B-B5A9D2D2D9D1}"/>
              </a:ext>
            </a:extLst>
          </p:cNvPr>
          <p:cNvSpPr>
            <a:spLocks noGrp="1"/>
          </p:cNvSpPr>
          <p:nvPr>
            <p:ph type="pic" sz="quarter" idx="63" hasCustomPrompt="1"/>
          </p:nvPr>
        </p:nvSpPr>
        <p:spPr>
          <a:xfrm>
            <a:off x="6339523"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3" name="Picture Placeholder 99">
            <a:extLst>
              <a:ext uri="{FF2B5EF4-FFF2-40B4-BE49-F238E27FC236}">
                <a16:creationId xmlns:a16="http://schemas.microsoft.com/office/drawing/2014/main" id="{D83CA983-5FDC-4FA4-B3D4-97CC82F38999}"/>
              </a:ext>
            </a:extLst>
          </p:cNvPr>
          <p:cNvSpPr>
            <a:spLocks noGrp="1"/>
          </p:cNvSpPr>
          <p:nvPr>
            <p:ph type="pic" sz="quarter" idx="64" hasCustomPrompt="1"/>
          </p:nvPr>
        </p:nvSpPr>
        <p:spPr>
          <a:xfrm>
            <a:off x="6339523"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4" name="Picture Placeholder 100">
            <a:extLst>
              <a:ext uri="{FF2B5EF4-FFF2-40B4-BE49-F238E27FC236}">
                <a16:creationId xmlns:a16="http://schemas.microsoft.com/office/drawing/2014/main" id="{D655CC6D-8C2C-4D99-B17F-C82E1E2D14D8}"/>
              </a:ext>
            </a:extLst>
          </p:cNvPr>
          <p:cNvSpPr>
            <a:spLocks noGrp="1"/>
          </p:cNvSpPr>
          <p:nvPr>
            <p:ph type="pic" sz="quarter" idx="65" hasCustomPrompt="1"/>
          </p:nvPr>
        </p:nvSpPr>
        <p:spPr>
          <a:xfrm>
            <a:off x="6339523"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5" name="Picture Placeholder 101">
            <a:extLst>
              <a:ext uri="{FF2B5EF4-FFF2-40B4-BE49-F238E27FC236}">
                <a16:creationId xmlns:a16="http://schemas.microsoft.com/office/drawing/2014/main" id="{C3B8A75F-3756-4446-8BF5-A453A529E99C}"/>
              </a:ext>
            </a:extLst>
          </p:cNvPr>
          <p:cNvSpPr>
            <a:spLocks noGrp="1"/>
          </p:cNvSpPr>
          <p:nvPr>
            <p:ph type="pic" sz="quarter" idx="66" hasCustomPrompt="1"/>
          </p:nvPr>
        </p:nvSpPr>
        <p:spPr>
          <a:xfrm>
            <a:off x="6339523"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6" name="Picture Placeholder 102">
            <a:extLst>
              <a:ext uri="{FF2B5EF4-FFF2-40B4-BE49-F238E27FC236}">
                <a16:creationId xmlns:a16="http://schemas.microsoft.com/office/drawing/2014/main" id="{14B4BCD0-5953-454C-B55B-4B7976D7B461}"/>
              </a:ext>
            </a:extLst>
          </p:cNvPr>
          <p:cNvSpPr>
            <a:spLocks noGrp="1"/>
          </p:cNvSpPr>
          <p:nvPr>
            <p:ph type="pic" sz="quarter" idx="67" hasCustomPrompt="1"/>
          </p:nvPr>
        </p:nvSpPr>
        <p:spPr>
          <a:xfrm>
            <a:off x="10084435"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7" name="Picture Placeholder 103">
            <a:extLst>
              <a:ext uri="{FF2B5EF4-FFF2-40B4-BE49-F238E27FC236}">
                <a16:creationId xmlns:a16="http://schemas.microsoft.com/office/drawing/2014/main" id="{739059EF-6DBF-437C-A608-518A2E0BBEDB}"/>
              </a:ext>
            </a:extLst>
          </p:cNvPr>
          <p:cNvSpPr>
            <a:spLocks noGrp="1"/>
          </p:cNvSpPr>
          <p:nvPr>
            <p:ph type="pic" sz="quarter" idx="68" hasCustomPrompt="1"/>
          </p:nvPr>
        </p:nvSpPr>
        <p:spPr>
          <a:xfrm>
            <a:off x="10084435"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8" name="Picture Placeholder 104">
            <a:extLst>
              <a:ext uri="{FF2B5EF4-FFF2-40B4-BE49-F238E27FC236}">
                <a16:creationId xmlns:a16="http://schemas.microsoft.com/office/drawing/2014/main" id="{E9EA5020-8026-4135-9F2C-6A5D9B09546A}"/>
              </a:ext>
            </a:extLst>
          </p:cNvPr>
          <p:cNvSpPr>
            <a:spLocks noGrp="1"/>
          </p:cNvSpPr>
          <p:nvPr>
            <p:ph type="pic" sz="quarter" idx="69" hasCustomPrompt="1"/>
          </p:nvPr>
        </p:nvSpPr>
        <p:spPr>
          <a:xfrm>
            <a:off x="10084435"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9" name="Picture Placeholder 105">
            <a:extLst>
              <a:ext uri="{FF2B5EF4-FFF2-40B4-BE49-F238E27FC236}">
                <a16:creationId xmlns:a16="http://schemas.microsoft.com/office/drawing/2014/main" id="{4545BC6B-EF35-4E9E-B8ED-EFA8CEB53FAA}"/>
              </a:ext>
            </a:extLst>
          </p:cNvPr>
          <p:cNvSpPr>
            <a:spLocks noGrp="1"/>
          </p:cNvSpPr>
          <p:nvPr>
            <p:ph type="pic" sz="quarter" idx="70" hasCustomPrompt="1"/>
          </p:nvPr>
        </p:nvSpPr>
        <p:spPr>
          <a:xfrm>
            <a:off x="10084435"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0" name="Title 1">
            <a:extLst>
              <a:ext uri="{FF2B5EF4-FFF2-40B4-BE49-F238E27FC236}">
                <a16:creationId xmlns:a16="http://schemas.microsoft.com/office/drawing/2014/main" id="{D78D2DC3-D22C-41D1-B4C1-E06B02478103}"/>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91" name="Straight Connector 90">
            <a:extLst>
              <a:ext uri="{FF2B5EF4-FFF2-40B4-BE49-F238E27FC236}">
                <a16:creationId xmlns:a16="http://schemas.microsoft.com/office/drawing/2014/main" id="{714C3C27-FB38-4C6C-89BB-C0DD5344B46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89613326"/>
      </p:ext>
    </p:extLst>
  </p:cSld>
  <p:clrMapOvr>
    <a:masterClrMapping/>
  </p:clrMapOvr>
  <p:transition>
    <p:fade/>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showMasterSp="0" preserve="1" userDrawn="1">
  <p:cSld name="Case Study Content">
    <p:spTree>
      <p:nvGrpSpPr>
        <p:cNvPr id="1" name=""/>
        <p:cNvGrpSpPr/>
        <p:nvPr/>
      </p:nvGrpSpPr>
      <p:grpSpPr>
        <a:xfrm>
          <a:off x="0" y="0"/>
          <a:ext cx="0" cy="0"/>
          <a:chOff x="0" y="0"/>
          <a:chExt cx="0" cy="0"/>
        </a:xfrm>
      </p:grpSpPr>
      <p:sp>
        <p:nvSpPr>
          <p:cNvPr id="31" name="Picture Placeholder 33">
            <a:extLst>
              <a:ext uri="{FF2B5EF4-FFF2-40B4-BE49-F238E27FC236}">
                <a16:creationId xmlns:a16="http://schemas.microsoft.com/office/drawing/2014/main" id="{30232972-23B7-4FFB-9F35-2CA3FBA857FC}"/>
              </a:ext>
            </a:extLst>
          </p:cNvPr>
          <p:cNvSpPr>
            <a:spLocks noGrp="1"/>
          </p:cNvSpPr>
          <p:nvPr>
            <p:ph type="pic" sz="quarter" idx="21"/>
          </p:nvPr>
        </p:nvSpPr>
        <p:spPr>
          <a:xfrm>
            <a:off x="0" y="0"/>
            <a:ext cx="4152900" cy="6859588"/>
          </a:xfrm>
          <a:custGeom>
            <a:avLst/>
            <a:gdLst>
              <a:gd name="connsiteX0" fmla="*/ 0 w 9906001"/>
              <a:gd name="connsiteY0" fmla="*/ 0 h 2736157"/>
              <a:gd name="connsiteX1" fmla="*/ 7715250 w 9906001"/>
              <a:gd name="connsiteY1" fmla="*/ 0 h 2736157"/>
              <a:gd name="connsiteX2" fmla="*/ 7715250 w 9906001"/>
              <a:gd name="connsiteY2" fmla="*/ 1 h 2736157"/>
              <a:gd name="connsiteX3" fmla="*/ 9906000 w 9906001"/>
              <a:gd name="connsiteY3" fmla="*/ 1 h 2736157"/>
              <a:gd name="connsiteX4" fmla="*/ 9906000 w 9906001"/>
              <a:gd name="connsiteY4" fmla="*/ 47626 h 2736157"/>
              <a:gd name="connsiteX5" fmla="*/ 9906001 w 9906001"/>
              <a:gd name="connsiteY5" fmla="*/ 47626 h 2736157"/>
              <a:gd name="connsiteX6" fmla="*/ 9906001 w 9906001"/>
              <a:gd name="connsiteY6" fmla="*/ 2181404 h 2736157"/>
              <a:gd name="connsiteX7" fmla="*/ 9906000 w 9906001"/>
              <a:gd name="connsiteY7" fmla="*/ 2181404 h 2736157"/>
              <a:gd name="connsiteX8" fmla="*/ 9906000 w 9906001"/>
              <a:gd name="connsiteY8" fmla="*/ 2400301 h 2736157"/>
              <a:gd name="connsiteX9" fmla="*/ 9906000 w 9906001"/>
              <a:gd name="connsiteY9" fmla="*/ 2719389 h 2736157"/>
              <a:gd name="connsiteX10" fmla="*/ 9906000 w 9906001"/>
              <a:gd name="connsiteY10" fmla="*/ 2736157 h 2736157"/>
              <a:gd name="connsiteX11" fmla="*/ 0 w 9906001"/>
              <a:gd name="connsiteY11" fmla="*/ 2736157 h 2736157"/>
              <a:gd name="connsiteX12" fmla="*/ 0 w 9906001"/>
              <a:gd name="connsiteY12" fmla="*/ 2719389 h 2736157"/>
              <a:gd name="connsiteX13" fmla="*/ 0 w 9906001"/>
              <a:gd name="connsiteY13" fmla="*/ 2400301 h 2736157"/>
              <a:gd name="connsiteX14" fmla="*/ 0 w 9906001"/>
              <a:gd name="connsiteY14" fmla="*/ 2152651 h 2736157"/>
              <a:gd name="connsiteX15" fmla="*/ 0 w 9906001"/>
              <a:gd name="connsiteY15" fmla="*/ 2028826 h 2736157"/>
              <a:gd name="connsiteX16" fmla="*/ 0 w 9906001"/>
              <a:gd name="connsiteY16" fmla="*/ 1862668 h 2736157"/>
              <a:gd name="connsiteX17" fmla="*/ 0 w 9906001"/>
              <a:gd name="connsiteY17" fmla="*/ 1200151 h 27361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9906001" h="2736157">
                <a:moveTo>
                  <a:pt x="0" y="0"/>
                </a:moveTo>
                <a:lnTo>
                  <a:pt x="7715250" y="0"/>
                </a:lnTo>
                <a:lnTo>
                  <a:pt x="7715250" y="1"/>
                </a:lnTo>
                <a:lnTo>
                  <a:pt x="9906000" y="1"/>
                </a:lnTo>
                <a:lnTo>
                  <a:pt x="9906000" y="47626"/>
                </a:lnTo>
                <a:lnTo>
                  <a:pt x="9906001" y="47626"/>
                </a:lnTo>
                <a:lnTo>
                  <a:pt x="9906001" y="2181404"/>
                </a:lnTo>
                <a:lnTo>
                  <a:pt x="9906000" y="2181404"/>
                </a:lnTo>
                <a:lnTo>
                  <a:pt x="9906000" y="2400301"/>
                </a:lnTo>
                <a:lnTo>
                  <a:pt x="9906000" y="2719389"/>
                </a:lnTo>
                <a:lnTo>
                  <a:pt x="9906000" y="2736157"/>
                </a:lnTo>
                <a:lnTo>
                  <a:pt x="0" y="2736157"/>
                </a:lnTo>
                <a:lnTo>
                  <a:pt x="0" y="2719389"/>
                </a:lnTo>
                <a:lnTo>
                  <a:pt x="0" y="2400301"/>
                </a:lnTo>
                <a:lnTo>
                  <a:pt x="0" y="2152651"/>
                </a:lnTo>
                <a:lnTo>
                  <a:pt x="0" y="2028826"/>
                </a:lnTo>
                <a:lnTo>
                  <a:pt x="0" y="1862668"/>
                </a:lnTo>
                <a:lnTo>
                  <a:pt x="0" y="1200151"/>
                </a:lnTo>
                <a:close/>
              </a:path>
            </a:pathLst>
          </a:custGeom>
          <a:solidFill>
            <a:schemeClr val="accent6"/>
          </a:solidFill>
        </p:spPr>
        <p:txBody>
          <a:bodyPr wrap="square" anchor="ctr">
            <a:noAutofit/>
          </a:bodyPr>
          <a:lstStyle>
            <a:lvl1pPr algn="ctr">
              <a:defRPr>
                <a:solidFill>
                  <a:schemeClr val="accent4"/>
                </a:solidFill>
              </a:defRPr>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
        <p:nvSpPr>
          <p:cNvPr id="32" name="Text Placeholder 10">
            <a:extLst>
              <a:ext uri="{FF2B5EF4-FFF2-40B4-BE49-F238E27FC236}">
                <a16:creationId xmlns:a16="http://schemas.microsoft.com/office/drawing/2014/main" id="{37325AF0-D5FF-4A49-A2AF-8D800AEABD58}"/>
              </a:ext>
            </a:extLst>
          </p:cNvPr>
          <p:cNvSpPr>
            <a:spLocks noGrp="1"/>
          </p:cNvSpPr>
          <p:nvPr>
            <p:ph type="body" sz="quarter" idx="20"/>
          </p:nvPr>
        </p:nvSpPr>
        <p:spPr>
          <a:xfrm>
            <a:off x="4300239" y="2565403"/>
            <a:ext cx="7342486" cy="3206747"/>
          </a:xfrm>
          <a:prstGeom prst="rect">
            <a:avLst/>
          </a:prstGeom>
          <a:solidFill>
            <a:schemeClr val="bg1"/>
          </a:solidFill>
          <a:ln>
            <a:noFill/>
          </a:ln>
        </p:spPr>
        <p:txBody>
          <a:bodyPr lIns="0" tIns="0" rIns="0" bIns="0" numCol="2" spcCol="180000">
            <a:noAutofit/>
          </a:bodyPr>
          <a:lstStyle>
            <a:lvl1pPr>
              <a:lnSpc>
                <a:spcPct val="100000"/>
              </a:lnSpc>
              <a:spcAft>
                <a:spcPts val="600"/>
              </a:spcAft>
              <a:defRPr sz="1000" b="0">
                <a:solidFill>
                  <a:schemeClr val="accent1"/>
                </a:solidFill>
              </a:defRPr>
            </a:lvl1pPr>
            <a:lvl2pPr marL="90488" indent="-90488">
              <a:lnSpc>
                <a:spcPct val="100000"/>
              </a:lnSpc>
              <a:spcAft>
                <a:spcPts val="600"/>
              </a:spcAft>
              <a:buClr>
                <a:srgbClr val="EE2F66"/>
              </a:buClr>
              <a:buFont typeface="Arial" panose="020B0604020202020204" pitchFamily="34" charset="0"/>
              <a:buChar char="•"/>
              <a:defRPr sz="1000" b="0" cap="none" baseline="0">
                <a:solidFill>
                  <a:schemeClr val="accent1"/>
                </a:solidFill>
              </a:defRPr>
            </a:lvl2pPr>
            <a:lvl3pPr>
              <a:lnSpc>
                <a:spcPct val="100000"/>
              </a:lnSpc>
              <a:defRPr sz="800">
                <a:solidFill>
                  <a:schemeClr val="accent1"/>
                </a:solidFill>
              </a:defRPr>
            </a:lvl3pPr>
            <a:lvl4pPr marL="0" indent="0">
              <a:spcBef>
                <a:spcPts val="0"/>
              </a:spcBef>
              <a:spcAft>
                <a:spcPts val="800"/>
              </a:spcAft>
              <a:buNone/>
              <a:defRPr sz="1100"/>
            </a:lvl4pPr>
            <a:lvl5pPr marL="0" indent="0">
              <a:spcBef>
                <a:spcPts val="0"/>
              </a:spcBef>
              <a:spcAft>
                <a:spcPts val="800"/>
              </a:spcAft>
              <a:buFont typeface="Arial" panose="020B0604020202020204" pitchFamily="34" charset="0"/>
              <a:buNone/>
              <a:defRPr sz="1100"/>
            </a:lvl5pPr>
            <a:lvl6pPr marL="0" indent="0">
              <a:lnSpc>
                <a:spcPct val="100000"/>
              </a:lnSpc>
              <a:spcBef>
                <a:spcPts val="0"/>
              </a:spcBef>
              <a:spcAft>
                <a:spcPts val="800"/>
              </a:spcAft>
              <a:buNone/>
              <a:defRPr/>
            </a:lvl6pPr>
            <a:lvl7pPr marL="0" indent="0">
              <a:lnSpc>
                <a:spcPct val="100000"/>
              </a:lnSpc>
              <a:spcBef>
                <a:spcPts val="0"/>
              </a:spcBef>
              <a:spcAft>
                <a:spcPts val="800"/>
              </a:spcAft>
              <a:buNone/>
              <a:defRPr sz="1100"/>
            </a:lvl7pPr>
            <a:lvl8pPr marL="0" indent="0">
              <a:lnSpc>
                <a:spcPct val="100000"/>
              </a:lnSpc>
              <a:spcBef>
                <a:spcPts val="0"/>
              </a:spcBef>
              <a:spcAft>
                <a:spcPts val="800"/>
              </a:spcAft>
              <a:buNone/>
              <a:defRPr sz="1100"/>
            </a:lvl8pPr>
            <a:lvl9pPr marL="0" indent="0">
              <a:lnSpc>
                <a:spcPct val="100000"/>
              </a:lnSpc>
              <a:spcBef>
                <a:spcPts val="0"/>
              </a:spcBef>
              <a:spcAft>
                <a:spcPts val="800"/>
              </a:spcAft>
              <a:buNone/>
              <a:defRPr sz="11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2</a:t>
            </a:r>
          </a:p>
          <a:p>
            <a:pPr lvl="2"/>
            <a:r>
              <a:rPr lang="da-DK" dirty="0" err="1"/>
              <a:t>Footnote</a:t>
            </a:r>
            <a:endParaRPr lang="da-DK" dirty="0"/>
          </a:p>
        </p:txBody>
      </p:sp>
      <p:sp>
        <p:nvSpPr>
          <p:cNvPr id="36" name="Text Placeholder 7">
            <a:extLst>
              <a:ext uri="{FF2B5EF4-FFF2-40B4-BE49-F238E27FC236}">
                <a16:creationId xmlns:a16="http://schemas.microsoft.com/office/drawing/2014/main" id="{BAAAE8C1-22F0-4587-9D97-9936CCBFA8EE}"/>
              </a:ext>
            </a:extLst>
          </p:cNvPr>
          <p:cNvSpPr>
            <a:spLocks noGrp="1"/>
          </p:cNvSpPr>
          <p:nvPr>
            <p:ph type="body" sz="quarter" idx="16" hasCustomPrompt="1"/>
          </p:nvPr>
        </p:nvSpPr>
        <p:spPr>
          <a:xfrm>
            <a:off x="4300239" y="512762"/>
            <a:ext cx="6437611" cy="973137"/>
          </a:xfrm>
          <a:prstGeom prst="rect">
            <a:avLst/>
          </a:prstGeom>
        </p:spPr>
        <p:txBody>
          <a:bodyPr rIns="0" anchor="b">
            <a:noAutofit/>
          </a:bodyPr>
          <a:lstStyle>
            <a:lvl1pPr marL="0" algn="l" defTabSz="1039307" rtl="0" eaLnBrk="1" latinLnBrk="0" hangingPunct="1">
              <a:lnSpc>
                <a:spcPct val="100000"/>
              </a:lnSpc>
              <a:spcBef>
                <a:spcPct val="0"/>
              </a:spcBef>
              <a:spcAft>
                <a:spcPts val="0"/>
              </a:spcAft>
              <a:buNone/>
              <a:tabLst>
                <a:tab pos="0" algn="l"/>
                <a:tab pos="2874963" algn="l"/>
              </a:tabLst>
              <a:defRPr lang="en-GB" sz="2800" b="0" kern="1200" cap="none" spc="0" baseline="0" dirty="0">
                <a:solidFill>
                  <a:schemeClr val="accent1"/>
                </a:solidFill>
                <a:latin typeface="+mj-lt"/>
                <a:ea typeface="+mj-ea"/>
                <a:cs typeface="+mj-cs"/>
              </a:defRPr>
            </a:lvl1pPr>
            <a:lvl2pPr>
              <a:lnSpc>
                <a:spcPct val="80000"/>
              </a:lnSpc>
              <a:spcBef>
                <a:spcPts val="0"/>
              </a:spcBef>
              <a:defRPr sz="5000" spc="-15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endParaRPr lang="da-DK" dirty="0"/>
          </a:p>
        </p:txBody>
      </p:sp>
      <p:sp>
        <p:nvSpPr>
          <p:cNvPr id="37" name="Text Placeholder 22">
            <a:extLst>
              <a:ext uri="{FF2B5EF4-FFF2-40B4-BE49-F238E27FC236}">
                <a16:creationId xmlns:a16="http://schemas.microsoft.com/office/drawing/2014/main" id="{B9A974BD-255E-42CE-9FD8-962803BF4B34}"/>
              </a:ext>
            </a:extLst>
          </p:cNvPr>
          <p:cNvSpPr>
            <a:spLocks noGrp="1"/>
          </p:cNvSpPr>
          <p:nvPr>
            <p:ph type="body" sz="quarter" idx="18" hasCustomPrompt="1"/>
          </p:nvPr>
        </p:nvSpPr>
        <p:spPr>
          <a:xfrm>
            <a:off x="4300239" y="1773913"/>
            <a:ext cx="7342486" cy="647005"/>
          </a:xfrm>
          <a:prstGeom prst="rect">
            <a:avLst/>
          </a:prstGeom>
        </p:spPr>
        <p:txBody>
          <a:bodyPr lIns="0" tIns="0" rIns="0" bIns="0" anchor="t">
            <a:noAutofit/>
          </a:bodyPr>
          <a:lstStyle>
            <a:lvl1pPr>
              <a:lnSpc>
                <a:spcPct val="100000"/>
              </a:lnSpc>
              <a:spcBef>
                <a:spcPts val="0"/>
              </a:spcBef>
              <a:spcAft>
                <a:spcPts val="0"/>
              </a:spcAft>
              <a:defRPr lang="en-GB" sz="1600" b="0" kern="1200" cap="none" baseline="0" dirty="0">
                <a:solidFill>
                  <a:srgbClr val="64778A"/>
                </a:solidFill>
                <a:latin typeface="+mn-lt"/>
                <a:ea typeface="+mn-ea"/>
                <a:cs typeface="+mn-cs"/>
              </a:defRPr>
            </a:lvl1pPr>
          </a:lstStyle>
          <a:p>
            <a:pPr marL="0" lvl="0" indent="0" algn="l" defTabSz="203892" rtl="0" eaLnBrk="1" latinLnBrk="0" hangingPunct="1">
              <a:lnSpc>
                <a:spcPct val="100000"/>
              </a:lnSpc>
              <a:spcBef>
                <a:spcPts val="0"/>
              </a:spcBef>
              <a:spcAft>
                <a:spcPts val="0"/>
              </a:spcAft>
              <a:buClrTx/>
              <a:buFont typeface="Arial" panose="020B0604020202020204" pitchFamily="34" charset="0"/>
              <a:buNone/>
            </a:pPr>
            <a:r>
              <a:rPr lang="da-DK" dirty="0" err="1"/>
              <a:t>Click</a:t>
            </a:r>
            <a:r>
              <a:rPr lang="da-DK" dirty="0"/>
              <a:t> to </a:t>
            </a:r>
            <a:r>
              <a:rPr lang="da-DK" dirty="0" err="1"/>
              <a:t>edit</a:t>
            </a:r>
            <a:r>
              <a:rPr lang="da-DK" dirty="0"/>
              <a:t> </a:t>
            </a:r>
            <a:r>
              <a:rPr lang="da-DK" dirty="0" err="1"/>
              <a:t>subtitle</a:t>
            </a:r>
            <a:endParaRPr lang="da-DK" dirty="0"/>
          </a:p>
        </p:txBody>
      </p:sp>
      <p:cxnSp>
        <p:nvCxnSpPr>
          <p:cNvPr id="15" name="Straight Connector 14">
            <a:extLst>
              <a:ext uri="{FF2B5EF4-FFF2-40B4-BE49-F238E27FC236}">
                <a16:creationId xmlns:a16="http://schemas.microsoft.com/office/drawing/2014/main" id="{B11524BB-F4BC-4AEB-94A0-BB503C2C4FA8}"/>
              </a:ext>
            </a:extLst>
          </p:cNvPr>
          <p:cNvCxnSpPr>
            <a:cxnSpLocks/>
          </p:cNvCxnSpPr>
          <p:nvPr userDrawn="1"/>
        </p:nvCxnSpPr>
        <p:spPr>
          <a:xfrm>
            <a:off x="4300239" y="1630363"/>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pic>
        <p:nvPicPr>
          <p:cNvPr id="16" name="Picture 24">
            <a:extLst>
              <a:ext uri="{FF2B5EF4-FFF2-40B4-BE49-F238E27FC236}">
                <a16:creationId xmlns:a16="http://schemas.microsoft.com/office/drawing/2014/main" id="{35BB38C2-63E4-4A16-81BD-B427A3040BC7}"/>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975167" y="512763"/>
            <a:ext cx="648139" cy="572088"/>
          </a:xfrm>
          <a:prstGeom prst="rect">
            <a:avLst/>
          </a:prstGeom>
        </p:spPr>
      </p:pic>
      <p:cxnSp>
        <p:nvCxnSpPr>
          <p:cNvPr id="17" name="Straight Connector 16">
            <a:extLst>
              <a:ext uri="{FF2B5EF4-FFF2-40B4-BE49-F238E27FC236}">
                <a16:creationId xmlns:a16="http://schemas.microsoft.com/office/drawing/2014/main" id="{6F6302C9-0C6D-4FA3-9AD4-CCD74ACB75B6}"/>
              </a:ext>
            </a:extLst>
          </p:cNvPr>
          <p:cNvCxnSpPr>
            <a:cxnSpLocks/>
          </p:cNvCxnSpPr>
          <p:nvPr userDrawn="1"/>
        </p:nvCxnSpPr>
        <p:spPr>
          <a:xfrm>
            <a:off x="4300239" y="5915700"/>
            <a:ext cx="7342486" cy="0"/>
          </a:xfrm>
          <a:prstGeom prst="line">
            <a:avLst/>
          </a:prstGeom>
          <a:ln>
            <a:solidFill>
              <a:srgbClr val="A2B3C9"/>
            </a:solidFill>
          </a:ln>
        </p:spPr>
        <p:style>
          <a:lnRef idx="1">
            <a:schemeClr val="accent1"/>
          </a:lnRef>
          <a:fillRef idx="0">
            <a:schemeClr val="accent1"/>
          </a:fillRef>
          <a:effectRef idx="0">
            <a:schemeClr val="accent1"/>
          </a:effectRef>
          <a:fontRef idx="minor">
            <a:schemeClr val="tx1"/>
          </a:fontRef>
        </p:style>
      </p:cxnSp>
      <p:sp>
        <p:nvSpPr>
          <p:cNvPr id="20" name="txtFooter">
            <a:extLst>
              <a:ext uri="{FF2B5EF4-FFF2-40B4-BE49-F238E27FC236}">
                <a16:creationId xmlns:a16="http://schemas.microsoft.com/office/drawing/2014/main" id="{5F8AD539-E423-45B2-A905-228146744851}"/>
              </a:ext>
            </a:extLst>
          </p:cNvPr>
          <p:cNvSpPr txBox="1"/>
          <p:nvPr userDrawn="1"/>
        </p:nvSpPr>
        <p:spPr>
          <a:xfrm>
            <a:off x="4300239"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5"/>
                </a:solidFill>
              </a:rPr>
              <a:t>© PA Knowledge Limited  |     </a:t>
            </a:r>
            <a:endParaRPr lang="da-DK" dirty="0"/>
          </a:p>
        </p:txBody>
      </p:sp>
      <p:sp>
        <p:nvSpPr>
          <p:cNvPr id="21" name="Rectangle 20" descr="{&quot;templafy&quot;:{&quot;id&quot;:&quot;53e7cf80-3dae-4815-8828-c3cadcba1c5c&quot;}}">
            <a:extLst>
              <a:ext uri="{FF2B5EF4-FFF2-40B4-BE49-F238E27FC236}">
                <a16:creationId xmlns:a16="http://schemas.microsoft.com/office/drawing/2014/main" id="{F20CF9DC-5B12-4927-98D5-BD3DBD780223}"/>
              </a:ext>
            </a:extLst>
          </p:cNvPr>
          <p:cNvSpPr/>
          <p:nvPr userDrawn="1"/>
        </p:nvSpPr>
        <p:spPr>
          <a:xfrm>
            <a:off x="5550307"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rgbClr val="9AB1C5"/>
              </a:solidFill>
            </a:endParaRPr>
          </a:p>
        </p:txBody>
      </p:sp>
      <p:pic>
        <p:nvPicPr>
          <p:cNvPr id="3" name="Graphic 2">
            <a:extLst>
              <a:ext uri="{FF2B5EF4-FFF2-40B4-BE49-F238E27FC236}">
                <a16:creationId xmlns:a16="http://schemas.microsoft.com/office/drawing/2014/main" id="{3DC6DE4B-62F5-4C88-9A00-7FB96E9FB80E}"/>
              </a:ext>
            </a:extLst>
          </p:cNvPr>
          <p:cNvPicPr>
            <a:picLocks noChangeAspect="1"/>
          </p:cNvPicPr>
          <p:nvPr userDrawn="1"/>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311332" y="6056947"/>
            <a:ext cx="1872000" cy="324000"/>
          </a:xfrm>
          <a:prstGeom prst="rect">
            <a:avLst/>
          </a:prstGeom>
        </p:spPr>
      </p:pic>
    </p:spTree>
    <p:extLst>
      <p:ext uri="{BB962C8B-B14F-4D97-AF65-F5344CB8AC3E}">
        <p14:creationId xmlns:p14="http://schemas.microsoft.com/office/powerpoint/2010/main" val="555341100"/>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Slide C [TOC Source]">
    <p:bg>
      <p:bgPr>
        <a:solidFill>
          <a:schemeClr val="accent1"/>
        </a:solidFill>
        <a:effectLst/>
      </p:bgPr>
    </p:bg>
    <p:spTree>
      <p:nvGrpSpPr>
        <p:cNvPr id="1" name=""/>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A76F78DF-1E3F-4F25-8273-DCD1EE32DC67}"/>
              </a:ext>
            </a:extLst>
          </p:cNvPr>
          <p:cNvSpPr>
            <a:spLocks noGrp="1"/>
          </p:cNvSpPr>
          <p:nvPr>
            <p:ph type="pic" sz="quarter" idx="24"/>
          </p:nvPr>
        </p:nvSpPr>
        <p:spPr>
          <a:xfrm>
            <a:off x="4297362" y="0"/>
            <a:ext cx="7897812" cy="6859588"/>
          </a:xfrm>
          <a:custGeom>
            <a:avLst/>
            <a:gdLst>
              <a:gd name="connsiteX0" fmla="*/ 103786 w 7897812"/>
              <a:gd name="connsiteY0" fmla="*/ 0 h 6859588"/>
              <a:gd name="connsiteX1" fmla="*/ 7897812 w 7897812"/>
              <a:gd name="connsiteY1" fmla="*/ 0 h 6859588"/>
              <a:gd name="connsiteX2" fmla="*/ 7897812 w 7897812"/>
              <a:gd name="connsiteY2" fmla="*/ 6859588 h 6859588"/>
              <a:gd name="connsiteX3" fmla="*/ 103786 w 7897812"/>
              <a:gd name="connsiteY3" fmla="*/ 6859588 h 6859588"/>
              <a:gd name="connsiteX4" fmla="*/ 0 w 7897812"/>
              <a:gd name="connsiteY4" fmla="*/ 6755802 h 6859588"/>
              <a:gd name="connsiteX5" fmla="*/ 0 w 7897812"/>
              <a:gd name="connsiteY5" fmla="*/ 103786 h 6859588"/>
              <a:gd name="connsiteX6" fmla="*/ 103786 w 7897812"/>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897812" h="6859588">
                <a:moveTo>
                  <a:pt x="103786" y="0"/>
                </a:moveTo>
                <a:lnTo>
                  <a:pt x="7897812" y="0"/>
                </a:lnTo>
                <a:lnTo>
                  <a:pt x="7897812"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sp>
        <p:nvSpPr>
          <p:cNvPr id="10" name="plcSectionNumber">
            <a:extLst>
              <a:ext uri="{FF2B5EF4-FFF2-40B4-BE49-F238E27FC236}">
                <a16:creationId xmlns:a16="http://schemas.microsoft.com/office/drawing/2014/main" id="{7CB557C8-32D2-47BF-983C-E96EE794946D}"/>
              </a:ext>
            </a:extLst>
          </p:cNvPr>
          <p:cNvSpPr>
            <a:spLocks noGrp="1"/>
          </p:cNvSpPr>
          <p:nvPr>
            <p:ph type="body" sz="quarter" idx="23" hasCustomPrompt="1"/>
          </p:nvPr>
        </p:nvSpPr>
        <p:spPr>
          <a:xfrm>
            <a:off x="558546" y="958467"/>
            <a:ext cx="3488164" cy="2399096"/>
          </a:xfrm>
          <a:prstGeom prst="rect">
            <a:avLst/>
          </a:prstGeom>
          <a:noFill/>
        </p:spPr>
        <p:txBody>
          <a:bodyPr wrap="square" lIns="0" rIns="0" anchor="b">
            <a:noAutofit/>
          </a:bodyPr>
          <a:lstStyle>
            <a:lvl1pPr algn="l">
              <a:spcAft>
                <a:spcPts val="0"/>
              </a:spcAft>
              <a:defRPr sz="11500" b="0">
                <a:solidFill>
                  <a:schemeClr val="accent5"/>
                </a:solidFill>
                <a:latin typeface="+mj-lt"/>
              </a:defRPr>
            </a:lvl1pPr>
            <a:lvl2pPr>
              <a:defRPr sz="2400"/>
            </a:lvl2pPr>
            <a:lvl3pPr>
              <a:defRPr sz="2000"/>
            </a:lvl3pPr>
            <a:lvl4pPr>
              <a:defRPr sz="2000"/>
            </a:lvl4pPr>
            <a:lvl5pPr>
              <a:defRPr sz="2000"/>
            </a:lvl5pPr>
          </a:lstStyle>
          <a:p>
            <a:pPr lvl="0"/>
            <a:r>
              <a:rPr lang="da-DK" dirty="0"/>
              <a:t>##</a:t>
            </a:r>
          </a:p>
        </p:txBody>
      </p:sp>
      <p:sp>
        <p:nvSpPr>
          <p:cNvPr id="14" name="plcSectionTitle">
            <a:extLst>
              <a:ext uri="{FF2B5EF4-FFF2-40B4-BE49-F238E27FC236}">
                <a16:creationId xmlns:a16="http://schemas.microsoft.com/office/drawing/2014/main" id="{0FEC81F5-7067-4927-80AA-EFEBE52A9A3C}"/>
              </a:ext>
            </a:extLst>
          </p:cNvPr>
          <p:cNvSpPr>
            <a:spLocks noGrp="1"/>
          </p:cNvSpPr>
          <p:nvPr>
            <p:ph type="body" sz="quarter" idx="13" hasCustomPrompt="1"/>
          </p:nvPr>
        </p:nvSpPr>
        <p:spPr>
          <a:xfrm>
            <a:off x="55854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bg1"/>
                </a:solidFill>
              </a:defRPr>
            </a:lvl1pPr>
            <a:lvl2pPr>
              <a:lnSpc>
                <a:spcPct val="100000"/>
              </a:lnSpc>
              <a:spcBef>
                <a:spcPts val="600"/>
              </a:spcBef>
              <a:spcAft>
                <a:spcPts val="0"/>
              </a:spcAft>
              <a:defRPr sz="1800" b="0" cap="none" spc="0">
                <a:solidFill>
                  <a:schemeClr val="bg1"/>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da-DK" dirty="0"/>
              <a:t>Divider </a:t>
            </a:r>
            <a:r>
              <a:rPr lang="da-DK" dirty="0" err="1"/>
              <a:t>title</a:t>
            </a:r>
            <a:r>
              <a:rPr lang="da-DK" dirty="0"/>
              <a:t>  </a:t>
            </a:r>
          </a:p>
          <a:p>
            <a:pPr lvl="1"/>
            <a:r>
              <a:rPr lang="da-DK" dirty="0"/>
              <a:t>Second </a:t>
            </a:r>
            <a:r>
              <a:rPr lang="da-DK" dirty="0" err="1"/>
              <a:t>level</a:t>
            </a:r>
            <a:endParaRPr lang="da-DK" dirty="0"/>
          </a:p>
        </p:txBody>
      </p:sp>
      <p:sp>
        <p:nvSpPr>
          <p:cNvPr id="9" name="txtSecureMarker2" hidden="1"/>
          <p:cNvSpPr txBox="1"/>
          <p:nvPr userDrawn="1"/>
        </p:nvSpPr>
        <p:spPr>
          <a:xfrm>
            <a:off x="3762235" y="653622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7" name="txtSecureMarker1" hidden="1"/>
          <p:cNvSpPr txBox="1"/>
          <p:nvPr userDrawn="1"/>
        </p:nvSpPr>
        <p:spPr>
          <a:xfrm>
            <a:off x="3762235" y="55401"/>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cxnSp>
        <p:nvCxnSpPr>
          <p:cNvPr id="8" name="Straight Connector 7">
            <a:extLst>
              <a:ext uri="{FF2B5EF4-FFF2-40B4-BE49-F238E27FC236}">
                <a16:creationId xmlns:a16="http://schemas.microsoft.com/office/drawing/2014/main" id="{EC30B62E-1DFB-484D-8577-26794A047849}"/>
              </a:ext>
            </a:extLst>
          </p:cNvPr>
          <p:cNvCxnSpPr>
            <a:cxnSpLocks/>
          </p:cNvCxnSpPr>
          <p:nvPr userDrawn="1"/>
        </p:nvCxnSpPr>
        <p:spPr>
          <a:xfrm>
            <a:off x="55854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61958442"/>
      </p:ext>
    </p:extLst>
  </p:cSld>
  <p:clrMapOvr>
    <a:masterClrMapping/>
  </p:clrMapOvr>
  <p:transition>
    <p:fade/>
  </p:transition>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Image + Text A">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D469278E-0127-48E4-B124-96B0AEF055BD}"/>
              </a:ext>
            </a:extLst>
          </p:cNvPr>
          <p:cNvSpPr>
            <a:spLocks noGrp="1"/>
          </p:cNvSpPr>
          <p:nvPr>
            <p:ph type="pic" sz="quarter" idx="27"/>
          </p:nvPr>
        </p:nvSpPr>
        <p:spPr>
          <a:xfrm>
            <a:off x="3360737" y="0"/>
            <a:ext cx="8834436" cy="6859588"/>
          </a:xfrm>
          <a:prstGeom prst="rect">
            <a:avLst/>
          </a:prstGeom>
          <a:solidFill>
            <a:schemeClr val="accent6"/>
          </a:solidFill>
        </p:spPr>
        <p:txBody>
          <a:bodyPr wrap="square" anchor="ctr">
            <a:noAutofit/>
          </a:bodyPr>
          <a:lstStyle>
            <a:lvl1pPr algn="ctr">
              <a:defRPr/>
            </a:lvl1pPr>
          </a:lstStyle>
          <a:p>
            <a:endParaRPr lang="da-DK"/>
          </a:p>
        </p:txBody>
      </p:sp>
      <p:sp>
        <p:nvSpPr>
          <p:cNvPr id="2" name="Title 1">
            <a:extLst>
              <a:ext uri="{FF2B5EF4-FFF2-40B4-BE49-F238E27FC236}">
                <a16:creationId xmlns:a16="http://schemas.microsoft.com/office/drawing/2014/main" id="{C4998444-3E2E-49E6-BAB5-492E71C48939}"/>
              </a:ext>
            </a:extLst>
          </p:cNvPr>
          <p:cNvSpPr>
            <a:spLocks noGrp="1"/>
          </p:cNvSpPr>
          <p:nvPr>
            <p:ph type="title"/>
          </p:nvPr>
        </p:nvSpPr>
        <p:spPr>
          <a:xfrm>
            <a:off x="554356" y="512763"/>
            <a:ext cx="2663508" cy="792465"/>
          </a:xfrm>
        </p:spPr>
        <p:txBody>
          <a:bodyPr/>
          <a:lstStyle>
            <a:lvl1pPr>
              <a:defRPr sz="2400"/>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6" name="Straight Connector 5">
            <a:extLst>
              <a:ext uri="{FF2B5EF4-FFF2-40B4-BE49-F238E27FC236}">
                <a16:creationId xmlns:a16="http://schemas.microsoft.com/office/drawing/2014/main" id="{C907166C-BF46-4A42-88C8-4A809512797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7" name="Content Placeholder 2">
            <a:extLst>
              <a:ext uri="{FF2B5EF4-FFF2-40B4-BE49-F238E27FC236}">
                <a16:creationId xmlns:a16="http://schemas.microsoft.com/office/drawing/2014/main" id="{0D96F6BD-24B8-4BD2-A834-883957701F03}"/>
              </a:ext>
            </a:extLst>
          </p:cNvPr>
          <p:cNvSpPr>
            <a:spLocks noGrp="1"/>
          </p:cNvSpPr>
          <p:nvPr>
            <p:ph idx="1"/>
          </p:nvPr>
        </p:nvSpPr>
        <p:spPr>
          <a:xfrm>
            <a:off x="556260" y="1634935"/>
            <a:ext cx="2661603"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1" name="Rectangle 10" descr="{&quot;templafy&quot;:{&quot;id&quot;:&quot;8a7fe8e8-2679-4a58-921b-bb07151f8b6d&quot;}}">
            <a:extLst>
              <a:ext uri="{FF2B5EF4-FFF2-40B4-BE49-F238E27FC236}">
                <a16:creationId xmlns:a16="http://schemas.microsoft.com/office/drawing/2014/main" id="{E85933CF-2E07-4D4E-9911-F315F4A8C593}"/>
              </a:ext>
            </a:extLst>
          </p:cNvPr>
          <p:cNvSpPr/>
          <p:nvPr userDrawn="1"/>
        </p:nvSpPr>
        <p:spPr>
          <a:xfrm>
            <a:off x="554354" y="6288287"/>
            <a:ext cx="2661603" cy="2154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rgbClr val="9AB1C5"/>
              </a:solidFill>
            </a:endParaRPr>
          </a:p>
        </p:txBody>
      </p:sp>
      <p:sp>
        <p:nvSpPr>
          <p:cNvPr id="12" name="txtFooter">
            <a:extLst>
              <a:ext uri="{FF2B5EF4-FFF2-40B4-BE49-F238E27FC236}">
                <a16:creationId xmlns:a16="http://schemas.microsoft.com/office/drawing/2014/main" id="{DAF82FC6-854A-4F64-8369-1D067ABB701E}"/>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5"/>
                </a:solidFill>
              </a:rPr>
              <a:t>© PA Knowledge Limited  |     </a:t>
            </a:r>
            <a:endParaRPr lang="da-DK" dirty="0"/>
          </a:p>
        </p:txBody>
      </p:sp>
    </p:spTree>
    <p:extLst>
      <p:ext uri="{BB962C8B-B14F-4D97-AF65-F5344CB8AC3E}">
        <p14:creationId xmlns:p14="http://schemas.microsoft.com/office/powerpoint/2010/main" val="31490356"/>
      </p:ext>
    </p:extLst>
  </p:cSld>
  <p:clrMapOvr>
    <a:masterClrMapping/>
  </p:clrMapOvr>
  <p:transition>
    <p:fade/>
  </p:transition>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userDrawn="1">
  <p:cSld name="Image + Text B">
    <p:bg>
      <p:bgPr>
        <a:solidFill>
          <a:schemeClr val="accent1"/>
        </a:solidFill>
        <a:effectLst/>
      </p:bgPr>
    </p:b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D469278E-0127-48E4-B124-96B0AEF055BD}"/>
              </a:ext>
            </a:extLst>
          </p:cNvPr>
          <p:cNvSpPr>
            <a:spLocks noGrp="1"/>
          </p:cNvSpPr>
          <p:nvPr>
            <p:ph type="pic" sz="quarter" idx="27"/>
          </p:nvPr>
        </p:nvSpPr>
        <p:spPr>
          <a:xfrm>
            <a:off x="3360737" y="0"/>
            <a:ext cx="8834436" cy="6859588"/>
          </a:xfrm>
          <a:prstGeom prst="rect">
            <a:avLst/>
          </a:prstGeom>
          <a:solidFill>
            <a:schemeClr val="accent6"/>
          </a:solidFill>
        </p:spPr>
        <p:txBody>
          <a:bodyPr wrap="square" anchor="ctr">
            <a:noAutofit/>
          </a:bodyPr>
          <a:lstStyle>
            <a:lvl1pPr algn="ctr">
              <a:defRPr/>
            </a:lvl1pPr>
          </a:lstStyle>
          <a:p>
            <a:endParaRPr lang="da-DK"/>
          </a:p>
        </p:txBody>
      </p:sp>
      <p:sp>
        <p:nvSpPr>
          <p:cNvPr id="2" name="Title 1">
            <a:extLst>
              <a:ext uri="{FF2B5EF4-FFF2-40B4-BE49-F238E27FC236}">
                <a16:creationId xmlns:a16="http://schemas.microsoft.com/office/drawing/2014/main" id="{C4998444-3E2E-49E6-BAB5-492E71C48939}"/>
              </a:ext>
            </a:extLst>
          </p:cNvPr>
          <p:cNvSpPr>
            <a:spLocks noGrp="1"/>
          </p:cNvSpPr>
          <p:nvPr>
            <p:ph type="title"/>
          </p:nvPr>
        </p:nvSpPr>
        <p:spPr>
          <a:xfrm>
            <a:off x="554356" y="512763"/>
            <a:ext cx="2663508" cy="792465"/>
          </a:xfrm>
        </p:spPr>
        <p:txBody>
          <a:bodyPr/>
          <a:lstStyle>
            <a:lvl1pPr>
              <a:defRPr sz="2400">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6" name="Straight Connector 5">
            <a:extLst>
              <a:ext uri="{FF2B5EF4-FFF2-40B4-BE49-F238E27FC236}">
                <a16:creationId xmlns:a16="http://schemas.microsoft.com/office/drawing/2014/main" id="{C907166C-BF46-4A42-88C8-4A809512797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7" name="Content Placeholder 2">
            <a:extLst>
              <a:ext uri="{FF2B5EF4-FFF2-40B4-BE49-F238E27FC236}">
                <a16:creationId xmlns:a16="http://schemas.microsoft.com/office/drawing/2014/main" id="{0D96F6BD-24B8-4BD2-A834-883957701F03}"/>
              </a:ext>
            </a:extLst>
          </p:cNvPr>
          <p:cNvSpPr>
            <a:spLocks noGrp="1"/>
          </p:cNvSpPr>
          <p:nvPr>
            <p:ph idx="1"/>
          </p:nvPr>
        </p:nvSpPr>
        <p:spPr>
          <a:xfrm>
            <a:off x="556260" y="1634935"/>
            <a:ext cx="2661603" cy="4535487"/>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baseline="0">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1" name="Rectangle 10" descr="{&quot;templafy&quot;:{&quot;id&quot;:&quot;8fd1bd2f-ec5c-46e8-aa00-740acd93a648&quot;}}">
            <a:extLst>
              <a:ext uri="{FF2B5EF4-FFF2-40B4-BE49-F238E27FC236}">
                <a16:creationId xmlns:a16="http://schemas.microsoft.com/office/drawing/2014/main" id="{9BA48053-1A5D-4A47-AE95-11FBDA3C42CE}"/>
              </a:ext>
            </a:extLst>
          </p:cNvPr>
          <p:cNvSpPr/>
          <p:nvPr userDrawn="1"/>
        </p:nvSpPr>
        <p:spPr>
          <a:xfrm>
            <a:off x="554354" y="6288287"/>
            <a:ext cx="2661603" cy="2154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rgbClr val="9AB1C5"/>
              </a:solidFill>
            </a:endParaRPr>
          </a:p>
        </p:txBody>
      </p:sp>
      <p:sp>
        <p:nvSpPr>
          <p:cNvPr id="12" name="txtFooter">
            <a:extLst>
              <a:ext uri="{FF2B5EF4-FFF2-40B4-BE49-F238E27FC236}">
                <a16:creationId xmlns:a16="http://schemas.microsoft.com/office/drawing/2014/main" id="{1FF39E47-53E5-4AB9-B168-678733F8FD7F}"/>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5"/>
                </a:solidFill>
              </a:rPr>
              <a:t>© PA Knowledge Limited  |     </a:t>
            </a:r>
            <a:endParaRPr lang="da-DK" dirty="0"/>
          </a:p>
        </p:txBody>
      </p:sp>
    </p:spTree>
    <p:extLst>
      <p:ext uri="{BB962C8B-B14F-4D97-AF65-F5344CB8AC3E}">
        <p14:creationId xmlns:p14="http://schemas.microsoft.com/office/powerpoint/2010/main" val="2403087012"/>
      </p:ext>
    </p:extLst>
  </p:cSld>
  <p:clrMapOvr>
    <a:masterClrMapping/>
  </p:clrMapOvr>
  <p:transition>
    <p:fade/>
  </p:transition>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Image + Text C">
    <p:spTree>
      <p:nvGrpSpPr>
        <p:cNvPr id="1" name=""/>
        <p:cNvGrpSpPr/>
        <p:nvPr/>
      </p:nvGrpSpPr>
      <p:grpSpPr>
        <a:xfrm>
          <a:off x="0" y="0"/>
          <a:ext cx="0" cy="0"/>
          <a:chOff x="0" y="0"/>
          <a:chExt cx="0" cy="0"/>
        </a:xfrm>
      </p:grpSpPr>
      <p:sp>
        <p:nvSpPr>
          <p:cNvPr id="3" name="Rectangle: Rounded Corners 2">
            <a:extLst>
              <a:ext uri="{FF2B5EF4-FFF2-40B4-BE49-F238E27FC236}">
                <a16:creationId xmlns:a16="http://schemas.microsoft.com/office/drawing/2014/main" id="{792FC57C-6C3E-4567-9A08-B612CC955A17}"/>
              </a:ext>
            </a:extLst>
          </p:cNvPr>
          <p:cNvSpPr/>
          <p:nvPr userDrawn="1"/>
        </p:nvSpPr>
        <p:spPr>
          <a:xfrm>
            <a:off x="552450" y="693738"/>
            <a:ext cx="11090275" cy="5472112"/>
          </a:xfrm>
          <a:prstGeom prst="roundRect">
            <a:avLst>
              <a:gd name="adj" fmla="val 1405"/>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10" name="plcSlideNumber">
            <a:extLst>
              <a:ext uri="{FF2B5EF4-FFF2-40B4-BE49-F238E27FC236}">
                <a16:creationId xmlns:a16="http://schemas.microsoft.com/office/drawing/2014/main" id="{9FA52A4F-B311-4C3E-9D9A-670BEFBE303C}"/>
              </a:ext>
            </a:extLst>
          </p:cNvPr>
          <p:cNvSpPr>
            <a:spLocks noGrp="1"/>
          </p:cNvSpPr>
          <p:nvPr userDrawn="1"/>
        </p:nvSpPr>
        <p:spPr>
          <a:xfrm>
            <a:off x="5668698" y="6554864"/>
            <a:ext cx="857778"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accent5"/>
                </a:solidFill>
              </a:rPr>
              <a:pPr algn="ctr"/>
              <a:t>‹#›</a:t>
            </a:fld>
            <a:endParaRPr lang="da-DK" sz="800" dirty="0">
              <a:solidFill>
                <a:schemeClr val="accent5"/>
              </a:solidFill>
            </a:endParaRPr>
          </a:p>
        </p:txBody>
      </p:sp>
      <p:sp>
        <p:nvSpPr>
          <p:cNvPr id="12" name="Picture Placeholder 11">
            <a:extLst>
              <a:ext uri="{FF2B5EF4-FFF2-40B4-BE49-F238E27FC236}">
                <a16:creationId xmlns:a16="http://schemas.microsoft.com/office/drawing/2014/main" id="{A249E0E7-0F3D-441A-BCEF-D742D32F9410}"/>
              </a:ext>
            </a:extLst>
          </p:cNvPr>
          <p:cNvSpPr>
            <a:spLocks noGrp="1"/>
          </p:cNvSpPr>
          <p:nvPr>
            <p:ph type="pic" sz="quarter" idx="27"/>
          </p:nvPr>
        </p:nvSpPr>
        <p:spPr>
          <a:xfrm>
            <a:off x="3360737" y="693738"/>
            <a:ext cx="8281988" cy="5472112"/>
          </a:xfrm>
          <a:custGeom>
            <a:avLst/>
            <a:gdLst>
              <a:gd name="connsiteX0" fmla="*/ 0 w 8281988"/>
              <a:gd name="connsiteY0" fmla="*/ 0 h 5472112"/>
              <a:gd name="connsiteX1" fmla="*/ 8205105 w 8281988"/>
              <a:gd name="connsiteY1" fmla="*/ 0 h 5472112"/>
              <a:gd name="connsiteX2" fmla="*/ 8281988 w 8281988"/>
              <a:gd name="connsiteY2" fmla="*/ 76883 h 5472112"/>
              <a:gd name="connsiteX3" fmla="*/ 8281988 w 8281988"/>
              <a:gd name="connsiteY3" fmla="*/ 5395229 h 5472112"/>
              <a:gd name="connsiteX4" fmla="*/ 8205105 w 8281988"/>
              <a:gd name="connsiteY4" fmla="*/ 5472112 h 5472112"/>
              <a:gd name="connsiteX5" fmla="*/ 0 w 8281988"/>
              <a:gd name="connsiteY5" fmla="*/ 5472112 h 54721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281988" h="5472112">
                <a:moveTo>
                  <a:pt x="0" y="0"/>
                </a:moveTo>
                <a:lnTo>
                  <a:pt x="8205105" y="0"/>
                </a:lnTo>
                <a:cubicBezTo>
                  <a:pt x="8247566" y="0"/>
                  <a:pt x="8281988" y="34422"/>
                  <a:pt x="8281988" y="76883"/>
                </a:cubicBezTo>
                <a:lnTo>
                  <a:pt x="8281988" y="5395229"/>
                </a:lnTo>
                <a:cubicBezTo>
                  <a:pt x="8281988" y="5437690"/>
                  <a:pt x="8247566" y="5472112"/>
                  <a:pt x="8205105" y="5472112"/>
                </a:cubicBezTo>
                <a:lnTo>
                  <a:pt x="0" y="5472112"/>
                </a:lnTo>
                <a:close/>
              </a:path>
            </a:pathLst>
          </a:custGeom>
          <a:solidFill>
            <a:schemeClr val="accent6"/>
          </a:solidFill>
        </p:spPr>
        <p:txBody>
          <a:bodyPr wrap="square" anchor="ctr">
            <a:noAutofit/>
          </a:bodyPr>
          <a:lstStyle>
            <a:lvl1pPr algn="ctr">
              <a:defRPr/>
            </a:lvl1pPr>
          </a:lstStyle>
          <a:p>
            <a:endParaRPr lang="da-DK"/>
          </a:p>
        </p:txBody>
      </p:sp>
      <p:sp>
        <p:nvSpPr>
          <p:cNvPr id="13" name="Title 1">
            <a:extLst>
              <a:ext uri="{FF2B5EF4-FFF2-40B4-BE49-F238E27FC236}">
                <a16:creationId xmlns:a16="http://schemas.microsoft.com/office/drawing/2014/main" id="{F51C6C8C-C286-4F88-AB7F-D3B0B7A93F6A}"/>
              </a:ext>
            </a:extLst>
          </p:cNvPr>
          <p:cNvSpPr>
            <a:spLocks noGrp="1"/>
          </p:cNvSpPr>
          <p:nvPr>
            <p:ph type="title"/>
          </p:nvPr>
        </p:nvSpPr>
        <p:spPr>
          <a:xfrm>
            <a:off x="773812" y="897205"/>
            <a:ext cx="2444051" cy="792465"/>
          </a:xfrm>
        </p:spPr>
        <p:txBody>
          <a:bodyPr/>
          <a:lstStyle>
            <a:lvl1pPr>
              <a:defRPr sz="2000">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4" name="Straight Connector 13">
            <a:extLst>
              <a:ext uri="{FF2B5EF4-FFF2-40B4-BE49-F238E27FC236}">
                <a16:creationId xmlns:a16="http://schemas.microsoft.com/office/drawing/2014/main" id="{0C50824C-0ADC-4AFB-8811-11F2D443B63C}"/>
              </a:ext>
            </a:extLst>
          </p:cNvPr>
          <p:cNvCxnSpPr>
            <a:cxnSpLocks/>
          </p:cNvCxnSpPr>
          <p:nvPr userDrawn="1"/>
        </p:nvCxnSpPr>
        <p:spPr>
          <a:xfrm>
            <a:off x="773810" y="185970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5" name="Content Placeholder 2">
            <a:extLst>
              <a:ext uri="{FF2B5EF4-FFF2-40B4-BE49-F238E27FC236}">
                <a16:creationId xmlns:a16="http://schemas.microsoft.com/office/drawing/2014/main" id="{FB06C9CD-3287-4D22-ABE7-8CB7607A7AF4}"/>
              </a:ext>
            </a:extLst>
          </p:cNvPr>
          <p:cNvSpPr>
            <a:spLocks noGrp="1"/>
          </p:cNvSpPr>
          <p:nvPr>
            <p:ph idx="1"/>
          </p:nvPr>
        </p:nvSpPr>
        <p:spPr>
          <a:xfrm>
            <a:off x="775716" y="2019378"/>
            <a:ext cx="2442147" cy="3943006"/>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baseline="0">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Tree>
    <p:extLst>
      <p:ext uri="{BB962C8B-B14F-4D97-AF65-F5344CB8AC3E}">
        <p14:creationId xmlns:p14="http://schemas.microsoft.com/office/powerpoint/2010/main" val="2249248910"/>
      </p:ext>
    </p:extLst>
  </p:cSld>
  <p:clrMapOvr>
    <a:masterClrMapping/>
  </p:clrMapOvr>
  <p:transition>
    <p:fade/>
  </p:transition>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14872" y="1513190"/>
            <a:ext cx="11223851" cy="369418"/>
            <a:chOff x="1797664" y="2085631"/>
            <a:chExt cx="11220928" cy="369332"/>
          </a:xfrm>
        </p:grpSpPr>
        <p:sp>
          <p:nvSpPr>
            <p:cNvPr id="20" name="Section Title" hidden="1"/>
            <p:cNvSpPr txBox="1">
              <a:spLocks/>
            </p:cNvSpPr>
            <p:nvPr userDrawn="1"/>
          </p:nvSpPr>
          <p:spPr>
            <a:xfrm>
              <a:off x="2267220" y="2085631"/>
              <a:ext cx="3843347" cy="369332"/>
            </a:xfrm>
            <a:prstGeom prst="rect">
              <a:avLst/>
            </a:prstGeom>
            <a:noFill/>
          </p:spPr>
          <p:txBody>
            <a:bodyPr wrap="square" rtlCol="0" anchor="ctr">
              <a:normAutofit/>
            </a:bodyPr>
            <a:lstStyle/>
            <a:p>
              <a:pPr defTabSz="9336134">
                <a:tabLst>
                  <a:tab pos="9513964" algn="l"/>
                </a:tabLst>
              </a:pPr>
              <a:r>
                <a:rPr lang="da-DK" sz="1400"/>
                <a:t>&lt;TEXT&gt;</a:t>
              </a:r>
              <a:endParaRPr lang="da-DK"/>
            </a:p>
          </p:txBody>
        </p:sp>
        <p:sp>
          <p:nvSpPr>
            <p:cNvPr id="21" name="Section Number" hidden="1"/>
            <p:cNvSpPr txBox="1">
              <a:spLocks/>
            </p:cNvSpPr>
            <p:nvPr userDrawn="1"/>
          </p:nvSpPr>
          <p:spPr>
            <a:xfrm>
              <a:off x="1797664" y="2085631"/>
              <a:ext cx="379556" cy="369332"/>
            </a:xfrm>
            <a:prstGeom prst="rect">
              <a:avLst/>
            </a:prstGeom>
            <a:noFill/>
          </p:spPr>
          <p:txBody>
            <a:bodyPr wrap="none" rtlCol="0" anchor="ctr">
              <a:noAutofit/>
            </a:bodyPr>
            <a:lstStyle/>
            <a:p>
              <a:pPr algn="ctr"/>
              <a:r>
                <a:rPr lang="da-DK" sz="1400"/>
                <a:t>&lt;N&gt;</a:t>
              </a:r>
              <a:endParaRPr lang="da-DK"/>
            </a:p>
          </p:txBody>
        </p:sp>
        <p:sp>
          <p:nvSpPr>
            <p:cNvPr id="22" name="Slide Number" hidden="1"/>
            <p:cNvSpPr txBox="1">
              <a:spLocks/>
            </p:cNvSpPr>
            <p:nvPr userDrawn="1"/>
          </p:nvSpPr>
          <p:spPr>
            <a:xfrm>
              <a:off x="12381598" y="2085631"/>
              <a:ext cx="636994" cy="369332"/>
            </a:xfrm>
            <a:prstGeom prst="rect">
              <a:avLst/>
            </a:prstGeom>
            <a:noFill/>
          </p:spPr>
          <p:txBody>
            <a:bodyPr wrap="none" rtlCol="0" anchor="ctr">
              <a:noAutofit/>
            </a:bodyPr>
            <a:lstStyle/>
            <a:p>
              <a:pPr algn="r"/>
              <a:r>
                <a:rPr lang="da-DK" sz="1400"/>
                <a:t>&lt;P&gt;</a:t>
              </a:r>
              <a:endParaRPr lang="da-DK"/>
            </a:p>
          </p:txBody>
        </p:sp>
        <p:sp>
          <p:nvSpPr>
            <p:cNvPr id="24" name="Timeslot" hidden="1"/>
            <p:cNvSpPr txBox="1">
              <a:spLocks/>
            </p:cNvSpPr>
            <p:nvPr userDrawn="1"/>
          </p:nvSpPr>
          <p:spPr>
            <a:xfrm>
              <a:off x="9186141" y="2085631"/>
              <a:ext cx="1257061" cy="369332"/>
            </a:xfrm>
            <a:prstGeom prst="rect">
              <a:avLst/>
            </a:prstGeom>
            <a:noFill/>
          </p:spPr>
          <p:txBody>
            <a:bodyPr wrap="none" rtlCol="0" anchor="ctr">
              <a:noAutofit/>
            </a:bodyPr>
            <a:lstStyle/>
            <a:p>
              <a:pPr algn="l"/>
              <a:r>
                <a:rPr lang="da-DK" sz="1400"/>
                <a:t>&lt;TIMESLOT&gt;</a:t>
              </a:r>
              <a:endParaRPr lang="da-DK"/>
            </a:p>
          </p:txBody>
        </p:sp>
        <p:sp>
          <p:nvSpPr>
            <p:cNvPr id="28" name="Responsible" hidden="1"/>
            <p:cNvSpPr txBox="1">
              <a:spLocks/>
            </p:cNvSpPr>
            <p:nvPr userDrawn="1"/>
          </p:nvSpPr>
          <p:spPr>
            <a:xfrm>
              <a:off x="6209330" y="2085631"/>
              <a:ext cx="1388067" cy="369332"/>
            </a:xfrm>
            <a:prstGeom prst="rect">
              <a:avLst/>
            </a:prstGeom>
            <a:noFill/>
          </p:spPr>
          <p:txBody>
            <a:bodyPr wrap="none" rtlCol="0" anchor="ctr">
              <a:noAutofit/>
            </a:bodyPr>
            <a:lstStyle/>
            <a:p>
              <a:pPr algn="l"/>
              <a:r>
                <a:rPr lang="da-DK" sz="1400"/>
                <a:t>&lt;RESPONSIBLE&gt;</a:t>
              </a:r>
              <a:endParaRPr lang="da-DK"/>
            </a:p>
          </p:txBody>
        </p:sp>
        <p:sp>
          <p:nvSpPr>
            <p:cNvPr id="29" name="Duration" hidden="1"/>
            <p:cNvSpPr txBox="1">
              <a:spLocks/>
            </p:cNvSpPr>
            <p:nvPr userDrawn="1"/>
          </p:nvSpPr>
          <p:spPr>
            <a:xfrm>
              <a:off x="11049857" y="2085631"/>
              <a:ext cx="684723" cy="369332"/>
            </a:xfrm>
            <a:prstGeom prst="rect">
              <a:avLst/>
            </a:prstGeom>
            <a:noFill/>
          </p:spPr>
          <p:txBody>
            <a:bodyPr wrap="none" rtlCol="0" anchor="ctr">
              <a:noAutofit/>
            </a:bodyPr>
            <a:lstStyle/>
            <a:p>
              <a:pPr algn="l"/>
              <a:r>
                <a:rPr lang="da-DK" sz="1400"/>
                <a:t>&lt;DURATION&gt;</a:t>
              </a:r>
              <a:endParaRPr lang="da-DK"/>
            </a:p>
          </p:txBody>
        </p:sp>
      </p:grpSp>
      <p:grpSp>
        <p:nvGrpSpPr>
          <p:cNvPr id="4" name="SP Agenda Section Highlight" hidden="1"/>
          <p:cNvGrpSpPr>
            <a:grpSpLocks/>
          </p:cNvGrpSpPr>
          <p:nvPr userDrawn="1"/>
        </p:nvGrpSpPr>
        <p:grpSpPr>
          <a:xfrm>
            <a:off x="514871" y="2044645"/>
            <a:ext cx="11223851" cy="369418"/>
            <a:chOff x="1797664" y="2616963"/>
            <a:chExt cx="11220930" cy="369332"/>
          </a:xfrm>
          <a:solidFill>
            <a:schemeClr val="accent1">
              <a:lumMod val="60000"/>
              <a:lumOff val="40000"/>
            </a:schemeClr>
          </a:solidFill>
        </p:grpSpPr>
        <p:sp>
          <p:nvSpPr>
            <p:cNvPr id="32" name="Section Title" hidden="1"/>
            <p:cNvSpPr txBox="1">
              <a:spLocks/>
            </p:cNvSpPr>
            <p:nvPr userDrawn="1"/>
          </p:nvSpPr>
          <p:spPr>
            <a:xfrm>
              <a:off x="2267220" y="2616963"/>
              <a:ext cx="3843347" cy="369332"/>
            </a:xfrm>
            <a:prstGeom prst="rect">
              <a:avLst/>
            </a:prstGeom>
            <a:grpFill/>
          </p:spPr>
          <p:txBody>
            <a:bodyPr wrap="square" rtlCol="0" anchor="ctr">
              <a:normAutofit/>
            </a:bodyPr>
            <a:lstStyle/>
            <a:p>
              <a:pPr defTabSz="9336134">
                <a:tabLst>
                  <a:tab pos="9513964" algn="l"/>
                </a:tabLst>
              </a:pPr>
              <a:r>
                <a:rPr lang="da-DK" sz="1400" b="1"/>
                <a:t>&lt;TEXT&gt;</a:t>
              </a:r>
              <a:endParaRPr lang="da-DK"/>
            </a:p>
          </p:txBody>
        </p:sp>
        <p:sp>
          <p:nvSpPr>
            <p:cNvPr id="33" name="Section Number" hidden="1"/>
            <p:cNvSpPr txBox="1">
              <a:spLocks/>
            </p:cNvSpPr>
            <p:nvPr userDrawn="1"/>
          </p:nvSpPr>
          <p:spPr>
            <a:xfrm>
              <a:off x="1797664" y="2616963"/>
              <a:ext cx="379556" cy="369332"/>
            </a:xfrm>
            <a:prstGeom prst="rect">
              <a:avLst/>
            </a:prstGeom>
            <a:grpFill/>
          </p:spPr>
          <p:txBody>
            <a:bodyPr wrap="none" rtlCol="0" anchor="ctr">
              <a:noAutofit/>
            </a:bodyPr>
            <a:lstStyle/>
            <a:p>
              <a:pPr algn="ctr"/>
              <a:r>
                <a:rPr lang="da-DK" sz="1400" b="1"/>
                <a:t>&lt;N&gt;</a:t>
              </a:r>
              <a:endParaRPr lang="da-DK"/>
            </a:p>
          </p:txBody>
        </p:sp>
        <p:sp>
          <p:nvSpPr>
            <p:cNvPr id="34" name="Slide Number" hidden="1"/>
            <p:cNvSpPr txBox="1">
              <a:spLocks/>
            </p:cNvSpPr>
            <p:nvPr userDrawn="1"/>
          </p:nvSpPr>
          <p:spPr>
            <a:xfrm>
              <a:off x="12381600" y="2616963"/>
              <a:ext cx="636994" cy="369332"/>
            </a:xfrm>
            <a:prstGeom prst="rect">
              <a:avLst/>
            </a:prstGeom>
            <a:grpFill/>
          </p:spPr>
          <p:txBody>
            <a:bodyPr wrap="none" rtlCol="0" anchor="ctr">
              <a:noAutofit/>
            </a:bodyPr>
            <a:lstStyle/>
            <a:p>
              <a:pPr algn="r"/>
              <a:r>
                <a:rPr lang="da-DK" sz="1400" b="1"/>
                <a:t>&lt;P&gt;</a:t>
              </a:r>
              <a:endParaRPr lang="da-DK"/>
            </a:p>
          </p:txBody>
        </p:sp>
        <p:sp>
          <p:nvSpPr>
            <p:cNvPr id="35" name="Timeslot" hidden="1"/>
            <p:cNvSpPr txBox="1">
              <a:spLocks/>
            </p:cNvSpPr>
            <p:nvPr userDrawn="1"/>
          </p:nvSpPr>
          <p:spPr>
            <a:xfrm>
              <a:off x="9178685" y="2616963"/>
              <a:ext cx="1257061" cy="369332"/>
            </a:xfrm>
            <a:prstGeom prst="rect">
              <a:avLst/>
            </a:prstGeom>
            <a:grpFill/>
          </p:spPr>
          <p:txBody>
            <a:bodyPr wrap="none" rtlCol="0" anchor="ctr">
              <a:noAutofit/>
            </a:bodyPr>
            <a:lstStyle/>
            <a:p>
              <a:pPr algn="l"/>
              <a:r>
                <a:rPr lang="da-DK" sz="1400" b="1"/>
                <a:t>&lt;TIMESLOT&gt;</a:t>
              </a:r>
              <a:endParaRPr lang="da-DK"/>
            </a:p>
          </p:txBody>
        </p:sp>
        <p:sp>
          <p:nvSpPr>
            <p:cNvPr id="36" name="Responsible" hidden="1"/>
            <p:cNvSpPr txBox="1">
              <a:spLocks/>
            </p:cNvSpPr>
            <p:nvPr userDrawn="1"/>
          </p:nvSpPr>
          <p:spPr>
            <a:xfrm>
              <a:off x="6209330" y="2616963"/>
              <a:ext cx="1388067" cy="369332"/>
            </a:xfrm>
            <a:prstGeom prst="rect">
              <a:avLst/>
            </a:prstGeom>
            <a:grpFill/>
          </p:spPr>
          <p:txBody>
            <a:bodyPr wrap="none" rtlCol="0" anchor="ctr">
              <a:noAutofit/>
            </a:bodyPr>
            <a:lstStyle/>
            <a:p>
              <a:pPr algn="l"/>
              <a:r>
                <a:rPr lang="da-DK" sz="1400" b="1"/>
                <a:t>&lt;RESPONSIBLE&gt;</a:t>
              </a:r>
              <a:endParaRPr lang="da-DK"/>
            </a:p>
          </p:txBody>
        </p:sp>
        <p:sp>
          <p:nvSpPr>
            <p:cNvPr id="37" name="Duration" hidden="1"/>
            <p:cNvSpPr txBox="1">
              <a:spLocks/>
            </p:cNvSpPr>
            <p:nvPr userDrawn="1"/>
          </p:nvSpPr>
          <p:spPr>
            <a:xfrm>
              <a:off x="11049859" y="2616963"/>
              <a:ext cx="684723" cy="369332"/>
            </a:xfrm>
            <a:prstGeom prst="rect">
              <a:avLst/>
            </a:prstGeom>
            <a:grpFill/>
          </p:spPr>
          <p:txBody>
            <a:bodyPr wrap="none" rtlCol="0" anchor="ctr">
              <a:noAutofit/>
            </a:bodyPr>
            <a:lstStyle/>
            <a:p>
              <a:pPr algn="l"/>
              <a:r>
                <a:rPr lang="da-DK" sz="1400" b="1"/>
                <a:t>&lt;DURATION&gt;</a:t>
              </a:r>
              <a:endParaRPr lang="da-DK"/>
            </a:p>
          </p:txBody>
        </p:sp>
      </p:grpSp>
      <p:grpSp>
        <p:nvGrpSpPr>
          <p:cNvPr id="8" name="SP Agenda Subsection" hidden="1"/>
          <p:cNvGrpSpPr>
            <a:grpSpLocks/>
          </p:cNvGrpSpPr>
          <p:nvPr userDrawn="1"/>
        </p:nvGrpSpPr>
        <p:grpSpPr>
          <a:xfrm>
            <a:off x="983134" y="2576100"/>
            <a:ext cx="10755588" cy="369418"/>
            <a:chOff x="2265804" y="3155687"/>
            <a:chExt cx="10752786" cy="369332"/>
          </a:xfrm>
        </p:grpSpPr>
        <p:sp>
          <p:nvSpPr>
            <p:cNvPr id="39" name="Section Title" hidden="1"/>
            <p:cNvSpPr txBox="1">
              <a:spLocks/>
            </p:cNvSpPr>
            <p:nvPr userDrawn="1"/>
          </p:nvSpPr>
          <p:spPr>
            <a:xfrm>
              <a:off x="2744123" y="3155687"/>
              <a:ext cx="3366444" cy="369332"/>
            </a:xfrm>
            <a:prstGeom prst="rect">
              <a:avLst/>
            </a:prstGeom>
            <a:noFill/>
          </p:spPr>
          <p:txBody>
            <a:bodyPr wrap="square" rtlCol="0" anchor="ctr">
              <a:normAutofit/>
            </a:bodyPr>
            <a:lstStyle/>
            <a:p>
              <a:pPr defTabSz="9336134">
                <a:tabLst>
                  <a:tab pos="9513964" algn="l"/>
                </a:tabLst>
              </a:pPr>
              <a:r>
                <a:rPr lang="da-DK" sz="1400"/>
                <a:t>&lt;TEXT&gt;</a:t>
              </a:r>
              <a:endParaRPr lang="da-DK"/>
            </a:p>
          </p:txBody>
        </p:sp>
        <p:sp>
          <p:nvSpPr>
            <p:cNvPr id="40" name="Section Number" hidden="1"/>
            <p:cNvSpPr txBox="1">
              <a:spLocks/>
            </p:cNvSpPr>
            <p:nvPr userDrawn="1"/>
          </p:nvSpPr>
          <p:spPr>
            <a:xfrm>
              <a:off x="2265804" y="3155687"/>
              <a:ext cx="379556" cy="369332"/>
            </a:xfrm>
            <a:prstGeom prst="rect">
              <a:avLst/>
            </a:prstGeom>
            <a:noFill/>
          </p:spPr>
          <p:txBody>
            <a:bodyPr wrap="none" rtlCol="0" anchor="ctr">
              <a:noAutofit/>
            </a:bodyPr>
            <a:lstStyle/>
            <a:p>
              <a:pPr algn="ctr"/>
              <a:r>
                <a:rPr lang="da-DK" sz="1400"/>
                <a:t>&lt;N&gt;</a:t>
              </a:r>
              <a:endParaRPr lang="da-DK"/>
            </a:p>
          </p:txBody>
        </p:sp>
        <p:sp>
          <p:nvSpPr>
            <p:cNvPr id="41" name="Slide Number" hidden="1"/>
            <p:cNvSpPr txBox="1">
              <a:spLocks/>
            </p:cNvSpPr>
            <p:nvPr userDrawn="1"/>
          </p:nvSpPr>
          <p:spPr>
            <a:xfrm>
              <a:off x="12381596" y="3155687"/>
              <a:ext cx="636994" cy="369332"/>
            </a:xfrm>
            <a:prstGeom prst="rect">
              <a:avLst/>
            </a:prstGeom>
            <a:noFill/>
          </p:spPr>
          <p:txBody>
            <a:bodyPr wrap="none" rtlCol="0" anchor="ctr">
              <a:noAutofit/>
            </a:bodyPr>
            <a:lstStyle/>
            <a:p>
              <a:pPr algn="r"/>
              <a:r>
                <a:rPr lang="da-DK" sz="1400"/>
                <a:t>&lt;P&gt;</a:t>
              </a:r>
              <a:endParaRPr lang="da-DK"/>
            </a:p>
          </p:txBody>
        </p:sp>
        <p:sp>
          <p:nvSpPr>
            <p:cNvPr id="42" name="Timeslot" hidden="1"/>
            <p:cNvSpPr txBox="1">
              <a:spLocks/>
            </p:cNvSpPr>
            <p:nvPr userDrawn="1"/>
          </p:nvSpPr>
          <p:spPr>
            <a:xfrm>
              <a:off x="9186141" y="3155687"/>
              <a:ext cx="1257061" cy="369332"/>
            </a:xfrm>
            <a:prstGeom prst="rect">
              <a:avLst/>
            </a:prstGeom>
            <a:noFill/>
          </p:spPr>
          <p:txBody>
            <a:bodyPr wrap="none" rtlCol="0" anchor="ctr">
              <a:noAutofit/>
            </a:bodyPr>
            <a:lstStyle/>
            <a:p>
              <a:pPr algn="l"/>
              <a:r>
                <a:rPr lang="da-DK" sz="1400"/>
                <a:t>&lt;TIMESLOT&gt;</a:t>
              </a:r>
              <a:endParaRPr lang="da-DK"/>
            </a:p>
          </p:txBody>
        </p:sp>
        <p:sp>
          <p:nvSpPr>
            <p:cNvPr id="43" name="Responsible" hidden="1"/>
            <p:cNvSpPr txBox="1">
              <a:spLocks/>
            </p:cNvSpPr>
            <p:nvPr userDrawn="1"/>
          </p:nvSpPr>
          <p:spPr>
            <a:xfrm>
              <a:off x="6209330" y="3155687"/>
              <a:ext cx="1388067" cy="369332"/>
            </a:xfrm>
            <a:prstGeom prst="rect">
              <a:avLst/>
            </a:prstGeom>
            <a:noFill/>
          </p:spPr>
          <p:txBody>
            <a:bodyPr wrap="none" rtlCol="0" anchor="ctr">
              <a:noAutofit/>
            </a:bodyPr>
            <a:lstStyle/>
            <a:p>
              <a:pPr algn="l"/>
              <a:r>
                <a:rPr lang="da-DK" sz="1400"/>
                <a:t>&lt;RESPONSIBLE&gt;</a:t>
              </a:r>
              <a:endParaRPr lang="da-DK"/>
            </a:p>
          </p:txBody>
        </p:sp>
        <p:sp>
          <p:nvSpPr>
            <p:cNvPr id="44" name="Duration" hidden="1"/>
            <p:cNvSpPr txBox="1">
              <a:spLocks/>
            </p:cNvSpPr>
            <p:nvPr userDrawn="1"/>
          </p:nvSpPr>
          <p:spPr>
            <a:xfrm>
              <a:off x="11049855" y="3155687"/>
              <a:ext cx="684723" cy="369332"/>
            </a:xfrm>
            <a:prstGeom prst="rect">
              <a:avLst/>
            </a:prstGeom>
            <a:noFill/>
          </p:spPr>
          <p:txBody>
            <a:bodyPr wrap="none" rtlCol="0" anchor="ctr">
              <a:noAutofit/>
            </a:bodyPr>
            <a:lstStyle/>
            <a:p>
              <a:pPr algn="l"/>
              <a:r>
                <a:rPr lang="da-DK" sz="1400"/>
                <a:t>&lt;DURATION&gt;</a:t>
              </a:r>
              <a:endParaRPr lang="da-DK"/>
            </a:p>
          </p:txBody>
        </p:sp>
      </p:grpSp>
      <p:grpSp>
        <p:nvGrpSpPr>
          <p:cNvPr id="9" name="SP Agenda Subsection Highlight" hidden="1"/>
          <p:cNvGrpSpPr>
            <a:grpSpLocks/>
          </p:cNvGrpSpPr>
          <p:nvPr userDrawn="1"/>
        </p:nvGrpSpPr>
        <p:grpSpPr>
          <a:xfrm>
            <a:off x="983133" y="3107555"/>
            <a:ext cx="10755589" cy="369418"/>
            <a:chOff x="2265804" y="3694411"/>
            <a:chExt cx="10752789" cy="369332"/>
          </a:xfrm>
          <a:solidFill>
            <a:schemeClr val="accent1">
              <a:lumMod val="60000"/>
              <a:lumOff val="40000"/>
            </a:schemeClr>
          </a:solidFill>
        </p:grpSpPr>
        <p:sp>
          <p:nvSpPr>
            <p:cNvPr id="46" name="Section Title" hidden="1"/>
            <p:cNvSpPr txBox="1">
              <a:spLocks/>
            </p:cNvSpPr>
            <p:nvPr userDrawn="1"/>
          </p:nvSpPr>
          <p:spPr>
            <a:xfrm>
              <a:off x="2744123" y="3694411"/>
              <a:ext cx="3366444" cy="369332"/>
            </a:xfrm>
            <a:prstGeom prst="rect">
              <a:avLst/>
            </a:prstGeom>
            <a:grpFill/>
          </p:spPr>
          <p:txBody>
            <a:bodyPr wrap="square" rtlCol="0" anchor="ctr">
              <a:normAutofit/>
            </a:bodyPr>
            <a:lstStyle/>
            <a:p>
              <a:pPr defTabSz="9336134">
                <a:tabLst>
                  <a:tab pos="9513964" algn="l"/>
                </a:tabLst>
              </a:pPr>
              <a:r>
                <a:rPr lang="da-DK" sz="1400" b="1"/>
                <a:t>&lt;TEXT&gt;</a:t>
              </a:r>
              <a:endParaRPr lang="da-DK"/>
            </a:p>
          </p:txBody>
        </p:sp>
        <p:sp>
          <p:nvSpPr>
            <p:cNvPr id="47" name="Section Number" hidden="1"/>
            <p:cNvSpPr txBox="1">
              <a:spLocks/>
            </p:cNvSpPr>
            <p:nvPr userDrawn="1"/>
          </p:nvSpPr>
          <p:spPr>
            <a:xfrm>
              <a:off x="2265804" y="3694411"/>
              <a:ext cx="379556" cy="369332"/>
            </a:xfrm>
            <a:prstGeom prst="rect">
              <a:avLst/>
            </a:prstGeom>
            <a:grpFill/>
          </p:spPr>
          <p:txBody>
            <a:bodyPr wrap="none" rtlCol="0" anchor="ctr">
              <a:noAutofit/>
            </a:bodyPr>
            <a:lstStyle/>
            <a:p>
              <a:pPr algn="ctr"/>
              <a:r>
                <a:rPr lang="da-DK" sz="1400" b="1"/>
                <a:t>&lt;N&gt;</a:t>
              </a:r>
              <a:endParaRPr lang="da-DK"/>
            </a:p>
          </p:txBody>
        </p:sp>
        <p:sp>
          <p:nvSpPr>
            <p:cNvPr id="48" name="Slide Number" hidden="1"/>
            <p:cNvSpPr txBox="1">
              <a:spLocks/>
            </p:cNvSpPr>
            <p:nvPr userDrawn="1"/>
          </p:nvSpPr>
          <p:spPr>
            <a:xfrm>
              <a:off x="12381599" y="3694411"/>
              <a:ext cx="636994" cy="369332"/>
            </a:xfrm>
            <a:prstGeom prst="rect">
              <a:avLst/>
            </a:prstGeom>
            <a:grpFill/>
          </p:spPr>
          <p:txBody>
            <a:bodyPr wrap="none" rtlCol="0" anchor="ctr">
              <a:noAutofit/>
            </a:bodyPr>
            <a:lstStyle/>
            <a:p>
              <a:pPr algn="r"/>
              <a:r>
                <a:rPr lang="da-DK" sz="1400" b="1"/>
                <a:t>&lt;P&gt;</a:t>
              </a:r>
              <a:endParaRPr lang="da-DK"/>
            </a:p>
          </p:txBody>
        </p:sp>
        <p:sp>
          <p:nvSpPr>
            <p:cNvPr id="49" name="Timeslot" hidden="1"/>
            <p:cNvSpPr txBox="1">
              <a:spLocks/>
            </p:cNvSpPr>
            <p:nvPr userDrawn="1"/>
          </p:nvSpPr>
          <p:spPr>
            <a:xfrm>
              <a:off x="9186143" y="3694411"/>
              <a:ext cx="1257061" cy="369332"/>
            </a:xfrm>
            <a:prstGeom prst="rect">
              <a:avLst/>
            </a:prstGeom>
            <a:grpFill/>
          </p:spPr>
          <p:txBody>
            <a:bodyPr wrap="none" rtlCol="0" anchor="ctr">
              <a:noAutofit/>
            </a:bodyPr>
            <a:lstStyle/>
            <a:p>
              <a:pPr algn="l"/>
              <a:r>
                <a:rPr lang="da-DK" sz="1400" b="1"/>
                <a:t>&lt;TIMESLOT&gt;</a:t>
              </a:r>
              <a:endParaRPr lang="da-DK"/>
            </a:p>
          </p:txBody>
        </p:sp>
        <p:sp>
          <p:nvSpPr>
            <p:cNvPr id="50" name="Responsible" hidden="1"/>
            <p:cNvSpPr txBox="1">
              <a:spLocks/>
            </p:cNvSpPr>
            <p:nvPr userDrawn="1"/>
          </p:nvSpPr>
          <p:spPr>
            <a:xfrm>
              <a:off x="6209330" y="3694411"/>
              <a:ext cx="1388067" cy="369332"/>
            </a:xfrm>
            <a:prstGeom prst="rect">
              <a:avLst/>
            </a:prstGeom>
            <a:grpFill/>
          </p:spPr>
          <p:txBody>
            <a:bodyPr wrap="none" rtlCol="0" anchor="ctr">
              <a:noAutofit/>
            </a:bodyPr>
            <a:lstStyle/>
            <a:p>
              <a:pPr algn="l"/>
              <a:r>
                <a:rPr lang="da-DK" sz="1400" b="1"/>
                <a:t>&lt;RESPONSIBLE&gt;</a:t>
              </a:r>
              <a:endParaRPr lang="da-DK"/>
            </a:p>
          </p:txBody>
        </p:sp>
        <p:sp>
          <p:nvSpPr>
            <p:cNvPr id="51" name="Duration" hidden="1"/>
            <p:cNvSpPr txBox="1">
              <a:spLocks/>
            </p:cNvSpPr>
            <p:nvPr userDrawn="1"/>
          </p:nvSpPr>
          <p:spPr>
            <a:xfrm>
              <a:off x="11059559" y="3694411"/>
              <a:ext cx="684723" cy="369332"/>
            </a:xfrm>
            <a:prstGeom prst="rect">
              <a:avLst/>
            </a:prstGeom>
            <a:grpFill/>
          </p:spPr>
          <p:txBody>
            <a:bodyPr wrap="none" rtlCol="0" anchor="ctr">
              <a:noAutofit/>
            </a:bodyPr>
            <a:lstStyle/>
            <a:p>
              <a:pPr algn="l"/>
              <a:r>
                <a:rPr lang="da-DK" sz="1400" b="1"/>
                <a:t>&lt;DURATION&gt;</a:t>
              </a:r>
              <a:endParaRPr lang="da-DK"/>
            </a:p>
          </p:txBody>
        </p:sp>
      </p:grpSp>
      <p:sp>
        <p:nvSpPr>
          <p:cNvPr id="2" name="Title 1">
            <a:extLst>
              <a:ext uri="{FF2B5EF4-FFF2-40B4-BE49-F238E27FC236}">
                <a16:creationId xmlns:a16="http://schemas.microsoft.com/office/drawing/2014/main" id="{F9E98EAC-E0D3-2C7E-275E-00A94D6C0A80}"/>
              </a:ext>
            </a:extLst>
          </p:cNvPr>
          <p:cNvSpPr>
            <a:spLocks noGrp="1"/>
          </p:cNvSpPr>
          <p:nvPr>
            <p:ph type="title" idx="10" hasCustomPrompt="1"/>
          </p:nvPr>
        </p:nvSpPr>
        <p:spPr/>
        <p:txBody>
          <a:bodyPr/>
          <a:lstStyle/>
          <a:p>
            <a:r>
              <a:rPr lang="da-DK"/>
              <a:t>Agenda</a:t>
            </a:r>
          </a:p>
        </p:txBody>
      </p:sp>
      <p:cxnSp>
        <p:nvCxnSpPr>
          <p:cNvPr id="5" name="Straight Connector 4">
            <a:extLst>
              <a:ext uri="{FF2B5EF4-FFF2-40B4-BE49-F238E27FC236}">
                <a16:creationId xmlns:a16="http://schemas.microsoft.com/office/drawing/2014/main" id="{602A5387-A2F9-BBCA-06A0-814F3EC9A10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65308275"/>
      </p:ext>
    </p:extLst>
  </p:cSld>
  <p:clrMapOvr>
    <a:masterClrMapping/>
  </p:clrMapOvr>
  <p:transition>
    <p:fade/>
  </p:transition>
  <p:extLst>
    <p:ext uri="{DCECCB84-F9BA-43D5-87BE-67443E8EF086}">
      <p15:sldGuideLst xmlns:p15="http://schemas.microsoft.com/office/powerpoint/2012/main">
        <p15:guide id="2" pos="1164">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userDrawn="1">
  <p:cSld name="SP Divider 1">
    <p:spTree>
      <p:nvGrpSpPr>
        <p:cNvPr id="1" name=""/>
        <p:cNvGrpSpPr/>
        <p:nvPr/>
      </p:nvGrpSpPr>
      <p:grpSpPr>
        <a:xfrm>
          <a:off x="0" y="0"/>
          <a:ext cx="0" cy="0"/>
          <a:chOff x="0" y="0"/>
          <a:chExt cx="0" cy="0"/>
        </a:xfrm>
      </p:grpSpPr>
      <p:sp>
        <p:nvSpPr>
          <p:cNvPr id="2" name="Picture Placeholder 12">
            <a:extLst>
              <a:ext uri="{FF2B5EF4-FFF2-40B4-BE49-F238E27FC236}">
                <a16:creationId xmlns:a16="http://schemas.microsoft.com/office/drawing/2014/main" id="{7EABE088-8B6D-39F3-4945-480CC48B91B6}"/>
              </a:ext>
            </a:extLst>
          </p:cNvPr>
          <p:cNvSpPr>
            <a:spLocks noGrp="1"/>
          </p:cNvSpPr>
          <p:nvPr>
            <p:ph type="pic" sz="quarter" idx="24"/>
          </p:nvPr>
        </p:nvSpPr>
        <p:spPr>
          <a:xfrm>
            <a:off x="4372880" y="1"/>
            <a:ext cx="7822294" cy="6859588"/>
          </a:xfrm>
          <a:custGeom>
            <a:avLst/>
            <a:gdLst>
              <a:gd name="connsiteX0" fmla="*/ 103786 w 7897812"/>
              <a:gd name="connsiteY0" fmla="*/ 0 h 6859588"/>
              <a:gd name="connsiteX1" fmla="*/ 7897812 w 7897812"/>
              <a:gd name="connsiteY1" fmla="*/ 0 h 6859588"/>
              <a:gd name="connsiteX2" fmla="*/ 7897812 w 7897812"/>
              <a:gd name="connsiteY2" fmla="*/ 6859588 h 6859588"/>
              <a:gd name="connsiteX3" fmla="*/ 103786 w 7897812"/>
              <a:gd name="connsiteY3" fmla="*/ 6859588 h 6859588"/>
              <a:gd name="connsiteX4" fmla="*/ 0 w 7897812"/>
              <a:gd name="connsiteY4" fmla="*/ 6755802 h 6859588"/>
              <a:gd name="connsiteX5" fmla="*/ 0 w 7897812"/>
              <a:gd name="connsiteY5" fmla="*/ 103786 h 6859588"/>
              <a:gd name="connsiteX6" fmla="*/ 103786 w 7897812"/>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897812" h="6859588">
                <a:moveTo>
                  <a:pt x="103786" y="0"/>
                </a:moveTo>
                <a:lnTo>
                  <a:pt x="7897812" y="0"/>
                </a:lnTo>
                <a:lnTo>
                  <a:pt x="7897812"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grpSp>
        <p:nvGrpSpPr>
          <p:cNvPr id="18" name="SP Agenda Subsection" hidden="1">
            <a:extLst>
              <a:ext uri="{FF2B5EF4-FFF2-40B4-BE49-F238E27FC236}">
                <a16:creationId xmlns:a16="http://schemas.microsoft.com/office/drawing/2014/main" id="{91D61CFA-1A29-4B89-8F49-1E216E25DD2B}"/>
              </a:ext>
            </a:extLst>
          </p:cNvPr>
          <p:cNvGrpSpPr>
            <a:grpSpLocks/>
          </p:cNvGrpSpPr>
          <p:nvPr userDrawn="1"/>
        </p:nvGrpSpPr>
        <p:grpSpPr>
          <a:xfrm>
            <a:off x="507879" y="1139088"/>
            <a:ext cx="9206897" cy="4581412"/>
            <a:chOff x="1487502" y="-1420184"/>
            <a:chExt cx="5424761" cy="4580353"/>
          </a:xfrm>
        </p:grpSpPr>
        <p:sp>
          <p:nvSpPr>
            <p:cNvPr id="26" name="Section Title" hidden="1">
              <a:extLst>
                <a:ext uri="{FF2B5EF4-FFF2-40B4-BE49-F238E27FC236}">
                  <a16:creationId xmlns:a16="http://schemas.microsoft.com/office/drawing/2014/main" id="{8BF45C0E-D24F-4800-98B2-20E0A3AC8C3F}"/>
                </a:ext>
              </a:extLst>
            </p:cNvPr>
            <p:cNvSpPr txBox="1">
              <a:spLocks/>
            </p:cNvSpPr>
            <p:nvPr userDrawn="1"/>
          </p:nvSpPr>
          <p:spPr>
            <a:xfrm>
              <a:off x="1502265" y="1133876"/>
              <a:ext cx="2032418" cy="2026293"/>
            </a:xfrm>
            <a:prstGeom prst="rect">
              <a:avLst/>
            </a:prstGeom>
            <a:noFill/>
          </p:spPr>
          <p:txBody>
            <a:bodyPr wrap="square" lIns="0" tIns="0" rIns="0" bIns="0" rtlCol="0" anchor="t" anchorCtr="0">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defTabSz="6784181">
                <a:tabLst>
                  <a:tab pos="6913403" algn="l"/>
                </a:tabLst>
              </a:pPr>
              <a:r>
                <a:rPr lang="da-DK" sz="2320" b="0">
                  <a:solidFill>
                    <a:schemeClr val="tx1"/>
                  </a:solidFill>
                </a:rPr>
                <a:t>&lt;Text&gt;</a:t>
              </a:r>
              <a:endParaRPr lang="da-DK"/>
            </a:p>
          </p:txBody>
        </p:sp>
        <p:sp>
          <p:nvSpPr>
            <p:cNvPr id="27" name="Section Number" hidden="1">
              <a:extLst>
                <a:ext uri="{FF2B5EF4-FFF2-40B4-BE49-F238E27FC236}">
                  <a16:creationId xmlns:a16="http://schemas.microsoft.com/office/drawing/2014/main" id="{B36140C3-09D5-4D3F-906D-270C63E34027}"/>
                </a:ext>
              </a:extLst>
            </p:cNvPr>
            <p:cNvSpPr txBox="1">
              <a:spLocks/>
            </p:cNvSpPr>
            <p:nvPr userDrawn="1"/>
          </p:nvSpPr>
          <p:spPr>
            <a:xfrm>
              <a:off x="1487502" y="-1420184"/>
              <a:ext cx="2564793" cy="1769306"/>
            </a:xfrm>
            <a:prstGeom prst="rect">
              <a:avLst/>
            </a:prstGeom>
            <a:noFill/>
          </p:spPr>
          <p:txBody>
            <a:bodyPr wrap="square" lIns="0" tIns="0" rIns="0" bIns="0" rtlCol="0" anchor="t" anchorCtr="0">
              <a:sp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11500" b="0">
                  <a:solidFill>
                    <a:schemeClr val="accent4"/>
                  </a:solidFill>
                </a:rPr>
                <a:t>&lt;N&gt;</a:t>
              </a:r>
              <a:endParaRPr lang="da-DK"/>
            </a:p>
          </p:txBody>
        </p:sp>
        <p:sp>
          <p:nvSpPr>
            <p:cNvPr id="28" name="Slide Number"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r"/>
              <a:r>
                <a:rPr lang="da-DK" sz="727">
                  <a:solidFill>
                    <a:srgbClr val="000000">
                      <a:alpha val="0"/>
                    </a:srgbClr>
                  </a:solidFill>
                </a:rPr>
                <a:t>&lt;P&gt;</a:t>
              </a:r>
              <a:endParaRPr lang="da-DK"/>
            </a:p>
          </p:txBody>
        </p:sp>
        <p:sp>
          <p:nvSpPr>
            <p:cNvPr id="29" name="Timeslot"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TIMESLOT&gt;</a:t>
              </a:r>
              <a:endParaRPr lang="da-DK"/>
            </a:p>
          </p:txBody>
        </p:sp>
        <p:sp>
          <p:nvSpPr>
            <p:cNvPr id="30" name="Responsible"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RESPONSIBLE&gt;</a:t>
              </a:r>
              <a:endParaRPr lang="da-DK"/>
            </a:p>
          </p:txBody>
        </p:sp>
        <p:sp>
          <p:nvSpPr>
            <p:cNvPr id="31" name="Duration"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DURATION&gt;</a:t>
              </a:r>
              <a:endParaRPr lang="da-DK"/>
            </a:p>
          </p:txBody>
        </p:sp>
      </p:grpSp>
      <p:grpSp>
        <p:nvGrpSpPr>
          <p:cNvPr id="19" name="SP Agenda Section" hidden="1">
            <a:extLst>
              <a:ext uri="{FF2B5EF4-FFF2-40B4-BE49-F238E27FC236}">
                <a16:creationId xmlns:a16="http://schemas.microsoft.com/office/drawing/2014/main" id="{06FD337F-F2F8-CE43-2082-ABBCBC3DC644}"/>
              </a:ext>
            </a:extLst>
          </p:cNvPr>
          <p:cNvGrpSpPr>
            <a:grpSpLocks/>
          </p:cNvGrpSpPr>
          <p:nvPr userDrawn="1"/>
        </p:nvGrpSpPr>
        <p:grpSpPr>
          <a:xfrm>
            <a:off x="507879" y="1139088"/>
            <a:ext cx="9206897" cy="4581412"/>
            <a:chOff x="1487502" y="-1420184"/>
            <a:chExt cx="5424761" cy="4580353"/>
          </a:xfrm>
        </p:grpSpPr>
        <p:sp>
          <p:nvSpPr>
            <p:cNvPr id="20" name="Section Title" hidden="1">
              <a:extLst>
                <a:ext uri="{FF2B5EF4-FFF2-40B4-BE49-F238E27FC236}">
                  <a16:creationId xmlns:a16="http://schemas.microsoft.com/office/drawing/2014/main" id="{4EC433BD-6D26-6BAF-8276-87E53C19383B}"/>
                </a:ext>
              </a:extLst>
            </p:cNvPr>
            <p:cNvSpPr txBox="1">
              <a:spLocks/>
            </p:cNvSpPr>
            <p:nvPr userDrawn="1"/>
          </p:nvSpPr>
          <p:spPr>
            <a:xfrm>
              <a:off x="1502265" y="1133876"/>
              <a:ext cx="2032418" cy="2026293"/>
            </a:xfrm>
            <a:prstGeom prst="rect">
              <a:avLst/>
            </a:prstGeom>
            <a:noFill/>
          </p:spPr>
          <p:txBody>
            <a:bodyPr wrap="square" lIns="0" tIns="0" rIns="0" bIns="0" rtlCol="0" anchor="t" anchorCtr="0">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defTabSz="6784181">
                <a:tabLst>
                  <a:tab pos="6913403" algn="l"/>
                </a:tabLst>
              </a:pPr>
              <a:r>
                <a:rPr lang="da-DK" sz="2320" b="0">
                  <a:solidFill>
                    <a:schemeClr val="tx1"/>
                  </a:solidFill>
                </a:rPr>
                <a:t>&lt;Text&gt;</a:t>
              </a:r>
              <a:endParaRPr lang="da-DK"/>
            </a:p>
          </p:txBody>
        </p:sp>
        <p:sp>
          <p:nvSpPr>
            <p:cNvPr id="21" name="Section Number" hidden="1">
              <a:extLst>
                <a:ext uri="{FF2B5EF4-FFF2-40B4-BE49-F238E27FC236}">
                  <a16:creationId xmlns:a16="http://schemas.microsoft.com/office/drawing/2014/main" id="{609A0FE4-3D90-F7F1-5430-7472A19B4084}"/>
                </a:ext>
              </a:extLst>
            </p:cNvPr>
            <p:cNvSpPr txBox="1">
              <a:spLocks/>
            </p:cNvSpPr>
            <p:nvPr userDrawn="1"/>
          </p:nvSpPr>
          <p:spPr>
            <a:xfrm>
              <a:off x="1487502" y="-1420184"/>
              <a:ext cx="2564793" cy="1769306"/>
            </a:xfrm>
            <a:prstGeom prst="rect">
              <a:avLst/>
            </a:prstGeom>
            <a:noFill/>
          </p:spPr>
          <p:txBody>
            <a:bodyPr wrap="square" lIns="0" tIns="0" rIns="0" bIns="0" rtlCol="0" anchor="t" anchorCtr="0">
              <a:sp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11500" b="0">
                  <a:solidFill>
                    <a:schemeClr val="accent4"/>
                  </a:solidFill>
                </a:rPr>
                <a:t>&lt;N&gt;</a:t>
              </a:r>
              <a:endParaRPr lang="da-DK"/>
            </a:p>
          </p:txBody>
        </p:sp>
        <p:sp>
          <p:nvSpPr>
            <p:cNvPr id="22" name="Slide Number" hidden="1">
              <a:extLst>
                <a:ext uri="{FF2B5EF4-FFF2-40B4-BE49-F238E27FC236}">
                  <a16:creationId xmlns:a16="http://schemas.microsoft.com/office/drawing/2014/main" id="{FD0D5BD8-DB57-52AF-55D0-EC7D489625AA}"/>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r"/>
              <a:r>
                <a:rPr lang="da-DK" sz="727">
                  <a:solidFill>
                    <a:srgbClr val="000000">
                      <a:alpha val="0"/>
                    </a:srgbClr>
                  </a:solidFill>
                </a:rPr>
                <a:t>&lt;P&gt;</a:t>
              </a:r>
              <a:endParaRPr lang="da-DK"/>
            </a:p>
          </p:txBody>
        </p:sp>
        <p:sp>
          <p:nvSpPr>
            <p:cNvPr id="23" name="Timeslot" hidden="1">
              <a:extLst>
                <a:ext uri="{FF2B5EF4-FFF2-40B4-BE49-F238E27FC236}">
                  <a16:creationId xmlns:a16="http://schemas.microsoft.com/office/drawing/2014/main" id="{3049E68B-D225-1F22-8C8A-E13EF6CA4DF2}"/>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TIMESLOT&gt;</a:t>
              </a:r>
              <a:endParaRPr lang="da-DK"/>
            </a:p>
          </p:txBody>
        </p:sp>
        <p:sp>
          <p:nvSpPr>
            <p:cNvPr id="24" name="Responsible" hidden="1">
              <a:extLst>
                <a:ext uri="{FF2B5EF4-FFF2-40B4-BE49-F238E27FC236}">
                  <a16:creationId xmlns:a16="http://schemas.microsoft.com/office/drawing/2014/main" id="{96D2C55E-A7FE-CF69-589A-22E70EA33D15}"/>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RESPONSIBLE&gt;</a:t>
              </a:r>
              <a:endParaRPr lang="da-DK"/>
            </a:p>
          </p:txBody>
        </p:sp>
        <p:sp>
          <p:nvSpPr>
            <p:cNvPr id="25" name="Duration" hidden="1">
              <a:extLst>
                <a:ext uri="{FF2B5EF4-FFF2-40B4-BE49-F238E27FC236}">
                  <a16:creationId xmlns:a16="http://schemas.microsoft.com/office/drawing/2014/main" id="{BC95E34A-2CD3-8A60-060C-7201E34FB8BB}"/>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DURATION&gt;</a:t>
              </a:r>
              <a:endParaRPr lang="da-DK"/>
            </a:p>
          </p:txBody>
        </p:sp>
      </p:grpSp>
      <p:cxnSp>
        <p:nvCxnSpPr>
          <p:cNvPr id="3" name="Straight Connector 2">
            <a:extLst>
              <a:ext uri="{FF2B5EF4-FFF2-40B4-BE49-F238E27FC236}">
                <a16:creationId xmlns:a16="http://schemas.microsoft.com/office/drawing/2014/main" id="{03651545-213D-0CB2-E591-80FE84BFF906}"/>
              </a:ext>
            </a:extLst>
          </p:cNvPr>
          <p:cNvCxnSpPr>
            <a:cxnSpLocks/>
          </p:cNvCxnSpPr>
          <p:nvPr userDrawn="1"/>
        </p:nvCxnSpPr>
        <p:spPr>
          <a:xfrm>
            <a:off x="55854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61403028"/>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Divider Slide D [TOC Source]">
    <p:bg>
      <p:bgPr>
        <a:solidFill>
          <a:schemeClr val="accent1"/>
        </a:solidFill>
        <a:effectLst/>
      </p:bgPr>
    </p:bg>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C39D4800-5483-4D31-891A-72FB25AAE053}"/>
              </a:ext>
            </a:extLst>
          </p:cNvPr>
          <p:cNvSpPr>
            <a:spLocks noGrp="1"/>
          </p:cNvSpPr>
          <p:nvPr>
            <p:ph type="pic" sz="quarter" idx="25"/>
          </p:nvPr>
        </p:nvSpPr>
        <p:spPr>
          <a:xfrm>
            <a:off x="0" y="0"/>
            <a:ext cx="7897812" cy="6859588"/>
          </a:xfrm>
          <a:custGeom>
            <a:avLst/>
            <a:gdLst>
              <a:gd name="connsiteX0" fmla="*/ 0 w 7897812"/>
              <a:gd name="connsiteY0" fmla="*/ 0 h 6859588"/>
              <a:gd name="connsiteX1" fmla="*/ 7794026 w 7897812"/>
              <a:gd name="connsiteY1" fmla="*/ 0 h 6859588"/>
              <a:gd name="connsiteX2" fmla="*/ 7897812 w 7897812"/>
              <a:gd name="connsiteY2" fmla="*/ 103786 h 6859588"/>
              <a:gd name="connsiteX3" fmla="*/ 7897812 w 7897812"/>
              <a:gd name="connsiteY3" fmla="*/ 6755802 h 6859588"/>
              <a:gd name="connsiteX4" fmla="*/ 7794026 w 7897812"/>
              <a:gd name="connsiteY4" fmla="*/ 6859588 h 6859588"/>
              <a:gd name="connsiteX5" fmla="*/ 0 w 7897812"/>
              <a:gd name="connsiteY5"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897812" h="6859588">
                <a:moveTo>
                  <a:pt x="0" y="0"/>
                </a:moveTo>
                <a:lnTo>
                  <a:pt x="7794026" y="0"/>
                </a:lnTo>
                <a:cubicBezTo>
                  <a:pt x="7851345" y="0"/>
                  <a:pt x="7897812" y="46467"/>
                  <a:pt x="7897812" y="103786"/>
                </a:cubicBezTo>
                <a:lnTo>
                  <a:pt x="7897812" y="6755802"/>
                </a:lnTo>
                <a:cubicBezTo>
                  <a:pt x="7897812" y="6813121"/>
                  <a:pt x="7851345" y="6859588"/>
                  <a:pt x="7794026" y="6859588"/>
                </a:cubicBezTo>
                <a:lnTo>
                  <a:pt x="0" y="6859588"/>
                </a:lnTo>
                <a:close/>
              </a:path>
            </a:pathLst>
          </a:custGeom>
          <a:solidFill>
            <a:schemeClr val="accent6"/>
          </a:solidFill>
        </p:spPr>
        <p:txBody>
          <a:bodyPr wrap="square" anchor="ctr">
            <a:noAutofit/>
          </a:bodyPr>
          <a:lstStyle>
            <a:lvl1pPr algn="ctr">
              <a:defRPr/>
            </a:lvl1pPr>
          </a:lstStyle>
          <a:p>
            <a:endParaRPr lang="da-DK"/>
          </a:p>
        </p:txBody>
      </p:sp>
      <p:sp>
        <p:nvSpPr>
          <p:cNvPr id="8" name="txtSecureMarker1" hidden="1"/>
          <p:cNvSpPr txBox="1"/>
          <p:nvPr userDrawn="1"/>
        </p:nvSpPr>
        <p:spPr>
          <a:xfrm>
            <a:off x="4422961" y="-2"/>
            <a:ext cx="3347686" cy="333377"/>
          </a:xfrm>
          <a:prstGeom prst="rect">
            <a:avLst/>
          </a:prstGeom>
          <a:noFill/>
        </p:spPr>
        <p:txBody>
          <a:bodyPr wrap="square" lIns="103931" tIns="51965" rIns="103931" bIns="51965" rtlCol="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7" name="txtSecureMarker2" hidden="1"/>
          <p:cNvSpPr txBox="1"/>
          <p:nvPr userDrawn="1"/>
        </p:nvSpPr>
        <p:spPr>
          <a:xfrm>
            <a:off x="4422569" y="6483350"/>
            <a:ext cx="3350036" cy="309713"/>
          </a:xfrm>
          <a:prstGeom prst="rect">
            <a:avLst/>
          </a:prstGeom>
          <a:noFill/>
        </p:spPr>
        <p:txBody>
          <a:bodyPr wrap="square" lIns="103931" tIns="51965" rIns="103931" bIns="51965" rtlCol="0" anchor="b" anchorCtr="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plcSectionNumber">
            <a:extLst>
              <a:ext uri="{FF2B5EF4-FFF2-40B4-BE49-F238E27FC236}">
                <a16:creationId xmlns:a16="http://schemas.microsoft.com/office/drawing/2014/main" id="{47767B4C-F17A-4993-A6A0-F72FEEF25576}"/>
              </a:ext>
            </a:extLst>
          </p:cNvPr>
          <p:cNvSpPr>
            <a:spLocks noGrp="1"/>
          </p:cNvSpPr>
          <p:nvPr>
            <p:ph type="body" sz="quarter" idx="23" hasCustomPrompt="1"/>
          </p:nvPr>
        </p:nvSpPr>
        <p:spPr>
          <a:xfrm>
            <a:off x="8175516" y="958467"/>
            <a:ext cx="3488164" cy="2399096"/>
          </a:xfrm>
          <a:prstGeom prst="rect">
            <a:avLst/>
          </a:prstGeom>
          <a:noFill/>
        </p:spPr>
        <p:txBody>
          <a:bodyPr wrap="square" lIns="0" rIns="0" anchor="b">
            <a:noAutofit/>
          </a:bodyPr>
          <a:lstStyle>
            <a:lvl1pPr algn="l">
              <a:spcAft>
                <a:spcPts val="0"/>
              </a:spcAft>
              <a:defRPr lang="en-GB" sz="11500" b="0" kern="1200" cap="none" baseline="0" dirty="0">
                <a:solidFill>
                  <a:schemeClr val="accent5"/>
                </a:solidFill>
                <a:latin typeface="+mj-lt"/>
                <a:ea typeface="+mn-ea"/>
                <a:cs typeface="+mn-cs"/>
              </a:defRPr>
            </a:lvl1pPr>
            <a:lvl2pPr>
              <a:defRPr sz="2400"/>
            </a:lvl2pPr>
            <a:lvl3pPr>
              <a:defRPr sz="2000"/>
            </a:lvl3pPr>
            <a:lvl4pPr>
              <a:defRPr sz="2000"/>
            </a:lvl4pPr>
            <a:lvl5pPr>
              <a:defRPr sz="2000"/>
            </a:lvl5pPr>
          </a:lstStyle>
          <a:p>
            <a:pPr marL="0" lvl="0" indent="0" algn="l" defTabSz="203892" rtl="0" eaLnBrk="1" latinLnBrk="0" hangingPunct="1">
              <a:lnSpc>
                <a:spcPct val="100000"/>
              </a:lnSpc>
              <a:spcBef>
                <a:spcPts val="0"/>
              </a:spcBef>
              <a:spcAft>
                <a:spcPts val="0"/>
              </a:spcAft>
              <a:buClrTx/>
              <a:buFont typeface="Arial" panose="020B0604020202020204" pitchFamily="34" charset="0"/>
              <a:buNone/>
            </a:pPr>
            <a:r>
              <a:rPr lang="da-DK" dirty="0"/>
              <a:t>##</a:t>
            </a:r>
          </a:p>
        </p:txBody>
      </p:sp>
      <p:sp>
        <p:nvSpPr>
          <p:cNvPr id="13" name="plcSectionTitle">
            <a:extLst>
              <a:ext uri="{FF2B5EF4-FFF2-40B4-BE49-F238E27FC236}">
                <a16:creationId xmlns:a16="http://schemas.microsoft.com/office/drawing/2014/main" id="{6C480170-BD33-49E6-A5E2-0167395303FF}"/>
              </a:ext>
            </a:extLst>
          </p:cNvPr>
          <p:cNvSpPr>
            <a:spLocks noGrp="1"/>
          </p:cNvSpPr>
          <p:nvPr>
            <p:ph type="body" sz="quarter" idx="13" hasCustomPrompt="1"/>
          </p:nvPr>
        </p:nvSpPr>
        <p:spPr>
          <a:xfrm>
            <a:off x="817551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bg1"/>
                </a:solidFill>
              </a:defRPr>
            </a:lvl1pPr>
            <a:lvl2pPr>
              <a:lnSpc>
                <a:spcPct val="100000"/>
              </a:lnSpc>
              <a:spcBef>
                <a:spcPts val="600"/>
              </a:spcBef>
              <a:spcAft>
                <a:spcPts val="0"/>
              </a:spcAft>
              <a:defRPr sz="1800" b="0" cap="none" spc="0">
                <a:solidFill>
                  <a:schemeClr val="bg1"/>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da-DK" dirty="0"/>
              <a:t>Divider </a:t>
            </a:r>
            <a:r>
              <a:rPr lang="da-DK" dirty="0" err="1"/>
              <a:t>title</a:t>
            </a:r>
            <a:r>
              <a:rPr lang="da-DK" dirty="0"/>
              <a:t>  </a:t>
            </a:r>
          </a:p>
          <a:p>
            <a:pPr lvl="1"/>
            <a:r>
              <a:rPr lang="da-DK" dirty="0"/>
              <a:t>Second </a:t>
            </a:r>
            <a:r>
              <a:rPr lang="da-DK" dirty="0" err="1"/>
              <a:t>level</a:t>
            </a:r>
            <a:endParaRPr lang="da-DK" dirty="0"/>
          </a:p>
        </p:txBody>
      </p:sp>
      <p:cxnSp>
        <p:nvCxnSpPr>
          <p:cNvPr id="14" name="Straight Connector 13">
            <a:extLst>
              <a:ext uri="{FF2B5EF4-FFF2-40B4-BE49-F238E27FC236}">
                <a16:creationId xmlns:a16="http://schemas.microsoft.com/office/drawing/2014/main" id="{8F915832-D3F4-408A-804C-D1AB174955EB}"/>
              </a:ext>
            </a:extLst>
          </p:cNvPr>
          <p:cNvCxnSpPr>
            <a:cxnSpLocks/>
          </p:cNvCxnSpPr>
          <p:nvPr userDrawn="1"/>
        </p:nvCxnSpPr>
        <p:spPr>
          <a:xfrm>
            <a:off x="817551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56534224"/>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Column Text">
    <p:spTree>
      <p:nvGrpSpPr>
        <p:cNvPr id="1" name=""/>
        <p:cNvGrpSpPr/>
        <p:nvPr/>
      </p:nvGrpSpPr>
      <p:grpSpPr>
        <a:xfrm>
          <a:off x="0" y="0"/>
          <a:ext cx="0" cy="0"/>
          <a:chOff x="0" y="0"/>
          <a:chExt cx="0" cy="0"/>
        </a:xfrm>
      </p:grpSpPr>
      <p:sp>
        <p:nvSpPr>
          <p:cNvPr id="3" name="Content Placeholder 2"/>
          <p:cNvSpPr>
            <a:spLocks noGrp="1"/>
          </p:cNvSpPr>
          <p:nvPr>
            <p:ph idx="1"/>
          </p:nvPr>
        </p:nvSpPr>
        <p:spPr>
          <a:xfrm>
            <a:off x="554355" y="1634172"/>
            <a:ext cx="1105200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2" name="Title 1">
            <a:extLst>
              <a:ext uri="{FF2B5EF4-FFF2-40B4-BE49-F238E27FC236}">
                <a16:creationId xmlns:a16="http://schemas.microsoft.com/office/drawing/2014/main" id="{27F9C8D7-A637-4A7A-998A-8AAFD206238E}"/>
              </a:ext>
            </a:extLst>
          </p:cNvPr>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6" name="Straight Connector 5">
            <a:extLst>
              <a:ext uri="{FF2B5EF4-FFF2-40B4-BE49-F238E27FC236}">
                <a16:creationId xmlns:a16="http://schemas.microsoft.com/office/drawing/2014/main" id="{4446F5A3-00B4-486E-9DB6-BA5F1CF44179}"/>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32653356"/>
      </p:ext>
    </p:extLst>
  </p:cSld>
  <p:clrMapOvr>
    <a:masterClrMapping/>
  </p:clrMapOvr>
  <p:transition>
    <p:fade/>
  </p:transition>
  <p:extLst>
    <p:ext uri="{DCECCB84-F9BA-43D5-87BE-67443E8EF086}">
      <p15:sldGuideLst xmlns:p15="http://schemas.microsoft.com/office/powerpoint/2012/main">
        <p15:guide id="3" orient="horz" pos="3884" userDrawn="1">
          <p15:clr>
            <a:srgbClr val="FBAE40"/>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74" Type="http://schemas.openxmlformats.org/officeDocument/2006/relationships/slideLayout" Target="../slideLayouts/slideLayout74.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71" Type="http://schemas.openxmlformats.org/officeDocument/2006/relationships/slideLayout" Target="../slideLayouts/slideLayout7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auto">
      <p:bgPr>
        <a:solidFill>
          <a:srgbClr val="FFFFFF"/>
        </a:solidFill>
        <a:effectLst/>
      </p:bgPr>
    </p:bg>
    <p:spTree>
      <p:nvGrpSpPr>
        <p:cNvPr id="1" name=""/>
        <p:cNvGrpSpPr/>
        <p:nvPr/>
      </p:nvGrpSpPr>
      <p:grpSpPr>
        <a:xfrm>
          <a:off x="0" y="0"/>
          <a:ext cx="0" cy="0"/>
          <a:chOff x="0" y="0"/>
          <a:chExt cx="0" cy="0"/>
        </a:xfrm>
      </p:grpSpPr>
      <p:sp>
        <p:nvSpPr>
          <p:cNvPr id="12" name="shpShadedBackground" hidden="1">
            <a:extLst>
              <a:ext uri="{FF2B5EF4-FFF2-40B4-BE49-F238E27FC236}">
                <a16:creationId xmlns:a16="http://schemas.microsoft.com/office/drawing/2014/main" id="{989FE644-B848-412D-A3D7-B2401B8D817F}"/>
              </a:ext>
            </a:extLst>
          </p:cNvPr>
          <p:cNvSpPr/>
          <p:nvPr userDrawn="1"/>
        </p:nvSpPr>
        <p:spPr>
          <a:xfrm>
            <a:off x="0" y="0"/>
            <a:ext cx="12195175" cy="685958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103931" tIns="51965" rIns="103931" bIns="51965" rtlCol="0" anchor="ctr"/>
          <a:lstStyle/>
          <a:p>
            <a:pPr algn="ctr"/>
            <a:endParaRPr lang="da-DK" sz="1800" dirty="0"/>
          </a:p>
        </p:txBody>
      </p:sp>
      <p:sp>
        <p:nvSpPr>
          <p:cNvPr id="2" name="Title Placeholder 1"/>
          <p:cNvSpPr>
            <a:spLocks noGrp="1"/>
          </p:cNvSpPr>
          <p:nvPr>
            <p:ph type="title"/>
          </p:nvPr>
        </p:nvSpPr>
        <p:spPr>
          <a:xfrm>
            <a:off x="554355" y="512763"/>
            <a:ext cx="11088000" cy="792465"/>
          </a:xfrm>
          <a:prstGeom prst="rect">
            <a:avLst/>
          </a:prstGeom>
        </p:spPr>
        <p:txBody>
          <a:bodyPr vert="horz" lIns="0" tIns="0" rIns="103931" bIns="0" rtlCol="0" anchor="b">
            <a:noAutofit/>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Text Placeholder 2"/>
          <p:cNvSpPr>
            <a:spLocks noGrp="1"/>
          </p:cNvSpPr>
          <p:nvPr>
            <p:ph type="body" idx="1"/>
          </p:nvPr>
        </p:nvSpPr>
        <p:spPr>
          <a:xfrm>
            <a:off x="554355" y="1634172"/>
            <a:ext cx="11088000" cy="4536916"/>
          </a:xfrm>
          <a:prstGeom prst="rect">
            <a:avLst/>
          </a:prstGeom>
        </p:spPr>
        <p:txBody>
          <a:bodyPr vert="horz" lIns="0" tIns="0" rIns="0" bIns="0" rtlCol="0">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0" name="plcSlideNumbe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accent5"/>
                </a:solidFill>
              </a:rPr>
              <a:pPr algn="ctr"/>
              <a:t>‹#›</a:t>
            </a:fld>
            <a:endParaRPr lang="da-DK" sz="800" dirty="0">
              <a:solidFill>
                <a:schemeClr val="accent5"/>
              </a:solidFill>
            </a:endParaRPr>
          </a:p>
        </p:txBody>
      </p:sp>
      <p:sp>
        <p:nvSpPr>
          <p:cNvPr id="7" name="txtSecureMarker2" hidden="1"/>
          <p:cNvSpPr txBox="1"/>
          <p:nvPr userDrawn="1"/>
        </p:nvSpPr>
        <p:spPr>
          <a:xfrm>
            <a:off x="3762236" y="6531598"/>
            <a:ext cx="4670704" cy="305000"/>
          </a:xfrm>
          <a:prstGeom prst="rect">
            <a:avLst/>
          </a:prstGeom>
          <a:solidFill>
            <a:schemeClr val="bg1"/>
          </a:solid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txtSecureMarker1" hidden="1"/>
          <p:cNvSpPr txBox="1"/>
          <p:nvPr userDrawn="1"/>
        </p:nvSpPr>
        <p:spPr>
          <a:xfrm>
            <a:off x="3762236" y="35260"/>
            <a:ext cx="4670704" cy="305000"/>
          </a:xfrm>
          <a:prstGeom prst="rect">
            <a:avLst/>
          </a:prstGeom>
          <a:solidFill>
            <a:schemeClr val="bg1"/>
          </a:solid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9" name="txtFooter">
            <a:extLst>
              <a:ext uri="{FF2B5EF4-FFF2-40B4-BE49-F238E27FC236}">
                <a16:creationId xmlns:a16="http://schemas.microsoft.com/office/drawing/2014/main" id="{875188BF-071B-CF85-9AB9-173847F2F3A0}"/>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5"/>
                </a:solidFill>
              </a:rPr>
              <a:t>© PA Knowledge Limited  |     </a:t>
            </a:r>
            <a:endParaRPr lang="da-DK" dirty="0"/>
          </a:p>
        </p:txBody>
      </p:sp>
      <p:sp>
        <p:nvSpPr>
          <p:cNvPr id="14" name="Rectangle 13" descr="{&quot;templafy&quot;:{&quot;id&quot;:&quot;9d744c65-131d-45ba-b6ad-16c0e43f7d56&quot;}}">
            <a:extLst>
              <a:ext uri="{FF2B5EF4-FFF2-40B4-BE49-F238E27FC236}">
                <a16:creationId xmlns:a16="http://schemas.microsoft.com/office/drawing/2014/main" id="{134A23C1-0E96-D4EA-D334-6C357822C34E}"/>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rgbClr val="9AB1C5"/>
              </a:solidFill>
            </a:endParaRPr>
          </a:p>
        </p:txBody>
      </p:sp>
    </p:spTree>
    <p:extLst>
      <p:ext uri="{BB962C8B-B14F-4D97-AF65-F5344CB8AC3E}">
        <p14:creationId xmlns:p14="http://schemas.microsoft.com/office/powerpoint/2010/main" val="4062072059"/>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74" r:id="rId3"/>
    <p:sldLayoutId id="2147483829" r:id="rId4"/>
    <p:sldLayoutId id="2147483775" r:id="rId5"/>
    <p:sldLayoutId id="2147483776" r:id="rId6"/>
    <p:sldLayoutId id="2147483853" r:id="rId7"/>
    <p:sldLayoutId id="2147483854" r:id="rId8"/>
    <p:sldLayoutId id="2147483777" r:id="rId9"/>
    <p:sldLayoutId id="2147483830" r:id="rId10"/>
    <p:sldLayoutId id="2147483831" r:id="rId11"/>
    <p:sldLayoutId id="2147483781" r:id="rId12"/>
    <p:sldLayoutId id="2147483782" r:id="rId13"/>
    <p:sldLayoutId id="2147483842" r:id="rId14"/>
    <p:sldLayoutId id="2147483844" r:id="rId15"/>
    <p:sldLayoutId id="2147483843" r:id="rId16"/>
    <p:sldLayoutId id="2147483783" r:id="rId17"/>
    <p:sldLayoutId id="2147483784" r:id="rId18"/>
    <p:sldLayoutId id="2147483785" r:id="rId19"/>
    <p:sldLayoutId id="2147483795" r:id="rId20"/>
    <p:sldLayoutId id="2147483794" r:id="rId21"/>
    <p:sldLayoutId id="2147483786" r:id="rId22"/>
    <p:sldLayoutId id="2147483787" r:id="rId23"/>
    <p:sldLayoutId id="2147483788" r:id="rId24"/>
    <p:sldLayoutId id="2147483789" r:id="rId25"/>
    <p:sldLayoutId id="2147483792" r:id="rId26"/>
    <p:sldLayoutId id="2147483796" r:id="rId27"/>
    <p:sldLayoutId id="2147483797" r:id="rId28"/>
    <p:sldLayoutId id="2147483798" r:id="rId29"/>
    <p:sldLayoutId id="2147483840" r:id="rId30"/>
    <p:sldLayoutId id="2147483799" r:id="rId31"/>
    <p:sldLayoutId id="2147483841" r:id="rId32"/>
    <p:sldLayoutId id="2147483800" r:id="rId33"/>
    <p:sldLayoutId id="2147483801" r:id="rId34"/>
    <p:sldLayoutId id="2147483845" r:id="rId35"/>
    <p:sldLayoutId id="2147483804" r:id="rId36"/>
    <p:sldLayoutId id="2147483805" r:id="rId37"/>
    <p:sldLayoutId id="2147483806" r:id="rId38"/>
    <p:sldLayoutId id="2147483807" r:id="rId39"/>
    <p:sldLayoutId id="2147483808" r:id="rId40"/>
    <p:sldLayoutId id="2147483809" r:id="rId41"/>
    <p:sldLayoutId id="2147483846" r:id="rId42"/>
    <p:sldLayoutId id="2147483810" r:id="rId43"/>
    <p:sldLayoutId id="2147483847" r:id="rId44"/>
    <p:sldLayoutId id="2147483811" r:id="rId45"/>
    <p:sldLayoutId id="2147483848" r:id="rId46"/>
    <p:sldLayoutId id="2147483812" r:id="rId47"/>
    <p:sldLayoutId id="2147483849" r:id="rId48"/>
    <p:sldLayoutId id="2147483813" r:id="rId49"/>
    <p:sldLayoutId id="2147483850" r:id="rId50"/>
    <p:sldLayoutId id="2147483814" r:id="rId51"/>
    <p:sldLayoutId id="2147483851" r:id="rId52"/>
    <p:sldLayoutId id="2147483815" r:id="rId53"/>
    <p:sldLayoutId id="2147483852" r:id="rId54"/>
    <p:sldLayoutId id="2147483821" r:id="rId55"/>
    <p:sldLayoutId id="2147483833" r:id="rId56"/>
    <p:sldLayoutId id="2147483822" r:id="rId57"/>
    <p:sldLayoutId id="2147483834" r:id="rId58"/>
    <p:sldLayoutId id="2147483823" r:id="rId59"/>
    <p:sldLayoutId id="2147483835" r:id="rId60"/>
    <p:sldLayoutId id="2147483824" r:id="rId61"/>
    <p:sldLayoutId id="2147483836" r:id="rId62"/>
    <p:sldLayoutId id="2147483825" r:id="rId63"/>
    <p:sldLayoutId id="2147483837" r:id="rId64"/>
    <p:sldLayoutId id="2147483826" r:id="rId65"/>
    <p:sldLayoutId id="2147483838" r:id="rId66"/>
    <p:sldLayoutId id="2147483827" r:id="rId67"/>
    <p:sldLayoutId id="2147483839" r:id="rId68"/>
    <p:sldLayoutId id="2147483828" r:id="rId69"/>
    <p:sldLayoutId id="2147483855" r:id="rId70"/>
    <p:sldLayoutId id="2147483856" r:id="rId71"/>
    <p:sldLayoutId id="2147483857" r:id="rId72"/>
    <p:sldLayoutId id="2147483858" r:id="rId73"/>
    <p:sldLayoutId id="2147483861" r:id="rId74"/>
  </p:sldLayoutIdLst>
  <p:transition>
    <p:fade/>
  </p:transition>
  <p:hf hdr="0"/>
  <p:txStyles>
    <p:titleStyle>
      <a:lvl1pPr marL="0" algn="l" defTabSz="1039307" rtl="0" eaLnBrk="1" latinLnBrk="0" hangingPunct="1">
        <a:lnSpc>
          <a:spcPct val="100000"/>
        </a:lnSpc>
        <a:spcBef>
          <a:spcPct val="0"/>
        </a:spcBef>
        <a:buNone/>
        <a:tabLst>
          <a:tab pos="0" algn="l"/>
          <a:tab pos="2874963" algn="l"/>
        </a:tabLst>
        <a:defRPr lang="en-GB" sz="2800" b="0" kern="1200" cap="none" spc="0" baseline="0" dirty="0">
          <a:solidFill>
            <a:schemeClr val="accent1"/>
          </a:solidFill>
          <a:latin typeface="+mj-lt"/>
          <a:ea typeface="+mj-ea"/>
          <a:cs typeface="+mj-cs"/>
        </a:defRPr>
      </a:lvl1pPr>
    </p:titleStyle>
    <p:body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p:bodyStyle>
    <p:other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p:otherStyle>
  </p:txStyles>
  <p:extLst>
    <p:ext uri="{27BBF7A9-308A-43DC-89C8-2F10F3537804}">
      <p15:sldGuideLst xmlns:p15="http://schemas.microsoft.com/office/powerpoint/2012/main">
        <p15:guide id="3" pos="348" userDrawn="1">
          <p15:clr>
            <a:srgbClr val="F26B43"/>
          </p15:clr>
        </p15:guide>
        <p15:guide id="5" orient="horz" pos="323" userDrawn="1">
          <p15:clr>
            <a:srgbClr val="FBAE40"/>
          </p15:clr>
        </p15:guide>
        <p15:guide id="7" orient="horz" pos="437" userDrawn="1">
          <p15:clr>
            <a:srgbClr val="F26B43"/>
          </p15:clr>
        </p15:guide>
        <p15:guide id="10" orient="horz" pos="3884" userDrawn="1">
          <p15:clr>
            <a:srgbClr val="F26B43"/>
          </p15:clr>
        </p15:guide>
        <p15:guide id="11" orient="horz" pos="936" userDrawn="1">
          <p15:clr>
            <a:srgbClr val="F26B43"/>
          </p15:clr>
        </p15:guide>
        <p15:guide id="12" orient="horz" pos="1027" userDrawn="1">
          <p15:clr>
            <a:srgbClr val="F26B43"/>
          </p15:clr>
        </p15:guide>
        <p15:guide id="14" pos="847" userDrawn="1">
          <p15:clr>
            <a:srgbClr val="F26B43"/>
          </p15:clr>
        </p15:guide>
        <p15:guide id="15" pos="938" userDrawn="1">
          <p15:clr>
            <a:srgbClr val="F26B43"/>
          </p15:clr>
        </p15:guide>
        <p15:guide id="16" pos="1437" userDrawn="1">
          <p15:clr>
            <a:srgbClr val="F26B43"/>
          </p15:clr>
        </p15:guide>
        <p15:guide id="17" pos="1528" userDrawn="1">
          <p15:clr>
            <a:srgbClr val="F26B43"/>
          </p15:clr>
        </p15:guide>
        <p15:guide id="18" pos="2027" userDrawn="1">
          <p15:clr>
            <a:srgbClr val="F26B43"/>
          </p15:clr>
        </p15:guide>
        <p15:guide id="19" pos="2117" userDrawn="1">
          <p15:clr>
            <a:srgbClr val="F26B43"/>
          </p15:clr>
        </p15:guide>
        <p15:guide id="20" pos="2616" userDrawn="1">
          <p15:clr>
            <a:srgbClr val="F26B43"/>
          </p15:clr>
        </p15:guide>
        <p15:guide id="21" pos="2707" userDrawn="1">
          <p15:clr>
            <a:srgbClr val="F26B43"/>
          </p15:clr>
        </p15:guide>
        <p15:guide id="22" pos="3206" userDrawn="1">
          <p15:clr>
            <a:srgbClr val="F26B43"/>
          </p15:clr>
        </p15:guide>
        <p15:guide id="23" pos="3297" userDrawn="1">
          <p15:clr>
            <a:srgbClr val="F26B43"/>
          </p15:clr>
        </p15:guide>
        <p15:guide id="24" pos="3796" userDrawn="1">
          <p15:clr>
            <a:srgbClr val="F26B43"/>
          </p15:clr>
        </p15:guide>
        <p15:guide id="25" pos="3886" userDrawn="1">
          <p15:clr>
            <a:srgbClr val="F26B43"/>
          </p15:clr>
        </p15:guide>
        <p15:guide id="26" pos="4385" userDrawn="1">
          <p15:clr>
            <a:srgbClr val="F26B43"/>
          </p15:clr>
        </p15:guide>
        <p15:guide id="27" pos="4476" userDrawn="1">
          <p15:clr>
            <a:srgbClr val="F26B43"/>
          </p15:clr>
        </p15:guide>
        <p15:guide id="28" pos="4975" userDrawn="1">
          <p15:clr>
            <a:srgbClr val="F26B43"/>
          </p15:clr>
        </p15:guide>
        <p15:guide id="29" pos="5066" userDrawn="1">
          <p15:clr>
            <a:srgbClr val="F26B43"/>
          </p15:clr>
        </p15:guide>
        <p15:guide id="30" pos="5565" userDrawn="1">
          <p15:clr>
            <a:srgbClr val="F26B43"/>
          </p15:clr>
        </p15:guide>
        <p15:guide id="31" pos="5655" userDrawn="1">
          <p15:clr>
            <a:srgbClr val="F26B43"/>
          </p15:clr>
        </p15:guide>
        <p15:guide id="32" pos="6154" userDrawn="1">
          <p15:clr>
            <a:srgbClr val="F26B43"/>
          </p15:clr>
        </p15:guide>
        <p15:guide id="33" pos="6245" userDrawn="1">
          <p15:clr>
            <a:srgbClr val="F26B43"/>
          </p15:clr>
        </p15:guide>
        <p15:guide id="34" pos="6744" userDrawn="1">
          <p15:clr>
            <a:srgbClr val="F26B43"/>
          </p15:clr>
        </p15:guide>
        <p15:guide id="35" pos="6835" userDrawn="1">
          <p15:clr>
            <a:srgbClr val="F26B43"/>
          </p15:clr>
        </p15:guide>
        <p15:guide id="36" pos="7334" userDrawn="1">
          <p15:clr>
            <a:srgbClr val="F26B43"/>
          </p15:clr>
        </p15:guide>
        <p15:guide id="37" orient="horz" pos="1525" userDrawn="1">
          <p15:clr>
            <a:srgbClr val="F26B43"/>
          </p15:clr>
        </p15:guide>
        <p15:guide id="38" orient="horz" pos="1616" userDrawn="1">
          <p15:clr>
            <a:srgbClr val="F26B43"/>
          </p15:clr>
        </p15:guide>
        <p15:guide id="39" orient="horz" pos="2115" userDrawn="1">
          <p15:clr>
            <a:srgbClr val="F26B43"/>
          </p15:clr>
        </p15:guide>
        <p15:guide id="40" orient="horz" pos="2206" userDrawn="1">
          <p15:clr>
            <a:srgbClr val="F26B43"/>
          </p15:clr>
        </p15:guide>
        <p15:guide id="41" orient="horz" pos="2705" userDrawn="1">
          <p15:clr>
            <a:srgbClr val="F26B43"/>
          </p15:clr>
        </p15:guide>
        <p15:guide id="42" orient="horz" pos="2796" userDrawn="1">
          <p15:clr>
            <a:srgbClr val="F26B43"/>
          </p15:clr>
        </p15:guide>
        <p15:guide id="43" orient="horz" pos="3294" userDrawn="1">
          <p15:clr>
            <a:srgbClr val="F26B43"/>
          </p15:clr>
        </p15:guide>
        <p15:guide id="44" orient="horz" pos="3385"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4.jpeg"/><Relationship Id="rId3" Type="http://schemas.openxmlformats.org/officeDocument/2006/relationships/tags" Target="../tags/tag2.xml"/><Relationship Id="rId7" Type="http://schemas.openxmlformats.org/officeDocument/2006/relationships/notesSlide" Target="../notesSlides/notesSlide1.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slideLayout" Target="../slideLayouts/slideLayout3.xml"/><Relationship Id="rId5" Type="http://schemas.openxmlformats.org/officeDocument/2006/relationships/tags" Target="../tags/tag4.xml"/><Relationship Id="rId10" Type="http://schemas.openxmlformats.org/officeDocument/2006/relationships/image" Target="../media/image16.jpeg"/><Relationship Id="rId4" Type="http://schemas.openxmlformats.org/officeDocument/2006/relationships/tags" Target="../tags/tag3.xml"/><Relationship Id="rId9" Type="http://schemas.openxmlformats.org/officeDocument/2006/relationships/image" Target="../media/image15.jpeg"/></Relationships>
</file>

<file path=ppt/slides/_rels/slide10.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8.xml"/><Relationship Id="rId1" Type="http://schemas.openxmlformats.org/officeDocument/2006/relationships/slideLayout" Target="../slideLayouts/slideLayout29.xml"/><Relationship Id="rId4" Type="http://schemas.openxmlformats.org/officeDocument/2006/relationships/image" Target="../media/image23.svg"/></Relationships>
</file>

<file path=ppt/slides/_rels/slide11.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9.xml"/><Relationship Id="rId1" Type="http://schemas.openxmlformats.org/officeDocument/2006/relationships/slideLayout" Target="../slideLayouts/slideLayout29.xml"/><Relationship Id="rId5" Type="http://schemas.openxmlformats.org/officeDocument/2006/relationships/image" Target="../media/image24.png"/><Relationship Id="rId4" Type="http://schemas.openxmlformats.org/officeDocument/2006/relationships/image" Target="../media/image23.svg"/></Relationships>
</file>

<file path=ppt/slides/_rels/slide1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10.xml"/><Relationship Id="rId1" Type="http://schemas.openxmlformats.org/officeDocument/2006/relationships/slideLayout" Target="../slideLayouts/slideLayout29.xml"/><Relationship Id="rId6" Type="http://schemas.openxmlformats.org/officeDocument/2006/relationships/image" Target="../media/image23.svg"/><Relationship Id="rId5" Type="http://schemas.openxmlformats.org/officeDocument/2006/relationships/image" Target="../media/image22.png"/><Relationship Id="rId4" Type="http://schemas.openxmlformats.org/officeDocument/2006/relationships/image" Target="../media/image20.svg"/></Relationships>
</file>

<file path=ppt/slides/_rels/slide13.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11.xml"/><Relationship Id="rId1" Type="http://schemas.openxmlformats.org/officeDocument/2006/relationships/slideLayout" Target="../slideLayouts/slideLayout29.xml"/></Relationships>
</file>

<file path=ppt/slides/_rels/slide14.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12.xml"/><Relationship Id="rId1" Type="http://schemas.openxmlformats.org/officeDocument/2006/relationships/slideLayout" Target="../slideLayouts/slideLayout29.xml"/><Relationship Id="rId5" Type="http://schemas.openxmlformats.org/officeDocument/2006/relationships/image" Target="../media/image27.png"/><Relationship Id="rId4" Type="http://schemas.openxmlformats.org/officeDocument/2006/relationships/image" Target="../media/image26.png"/></Relationships>
</file>

<file path=ppt/slides/_rels/slide1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13.xml"/><Relationship Id="rId1" Type="http://schemas.openxmlformats.org/officeDocument/2006/relationships/slideLayout" Target="../slideLayouts/slideLayout29.xml"/><Relationship Id="rId6" Type="http://schemas.openxmlformats.org/officeDocument/2006/relationships/hyperlink" Target="https://www.opendesk.eu/en/product" TargetMode="External"/><Relationship Id="rId5" Type="http://schemas.openxmlformats.org/officeDocument/2006/relationships/image" Target="../media/image20.svg"/><Relationship Id="rId4" Type="http://schemas.openxmlformats.org/officeDocument/2006/relationships/image" Target="../media/image19.png"/></Relationships>
</file>

<file path=ppt/slides/_rels/slide16.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14.xml"/><Relationship Id="rId1" Type="http://schemas.openxmlformats.org/officeDocument/2006/relationships/slideLayout" Target="../slideLayouts/slideLayout29.xml"/></Relationships>
</file>

<file path=ppt/slides/_rels/slide17.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15.xml"/><Relationship Id="rId1" Type="http://schemas.openxmlformats.org/officeDocument/2006/relationships/slideLayout" Target="../slideLayouts/slideLayout29.xml"/></Relationships>
</file>

<file path=ppt/slides/_rels/slide18.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16.xml"/><Relationship Id="rId1" Type="http://schemas.openxmlformats.org/officeDocument/2006/relationships/slideLayout" Target="../slideLayouts/slideLayout29.xml"/><Relationship Id="rId5" Type="http://schemas.openxmlformats.org/officeDocument/2006/relationships/image" Target="../media/image20.svg"/><Relationship Id="rId4" Type="http://schemas.openxmlformats.org/officeDocument/2006/relationships/image" Target="../media/image19.png"/></Relationships>
</file>

<file path=ppt/slides/_rels/slide1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17.xml"/><Relationship Id="rId1" Type="http://schemas.openxmlformats.org/officeDocument/2006/relationships/slideLayout" Target="../slideLayouts/slideLayout29.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9.xml"/></Relationships>
</file>

<file path=ppt/slides/_rels/slide20.xml.rels><?xml version="1.0" encoding="UTF-8" standalone="yes"?>
<Relationships xmlns="http://schemas.openxmlformats.org/package/2006/relationships"><Relationship Id="rId8" Type="http://schemas.openxmlformats.org/officeDocument/2006/relationships/image" Target="../media/image34.png"/><Relationship Id="rId13" Type="http://schemas.openxmlformats.org/officeDocument/2006/relationships/image" Target="../media/image39.svg"/><Relationship Id="rId18" Type="http://schemas.openxmlformats.org/officeDocument/2006/relationships/image" Target="../media/image44.png"/><Relationship Id="rId26" Type="http://schemas.openxmlformats.org/officeDocument/2006/relationships/image" Target="../media/image52.png"/><Relationship Id="rId3" Type="http://schemas.openxmlformats.org/officeDocument/2006/relationships/image" Target="../media/image29.png"/><Relationship Id="rId21" Type="http://schemas.openxmlformats.org/officeDocument/2006/relationships/image" Target="../media/image47.svg"/><Relationship Id="rId7" Type="http://schemas.openxmlformats.org/officeDocument/2006/relationships/image" Target="../media/image33.svg"/><Relationship Id="rId12" Type="http://schemas.openxmlformats.org/officeDocument/2006/relationships/image" Target="../media/image38.png"/><Relationship Id="rId17" Type="http://schemas.openxmlformats.org/officeDocument/2006/relationships/image" Target="../media/image43.svg"/><Relationship Id="rId25" Type="http://schemas.openxmlformats.org/officeDocument/2006/relationships/image" Target="../media/image51.svg"/><Relationship Id="rId2" Type="http://schemas.openxmlformats.org/officeDocument/2006/relationships/notesSlide" Target="../notesSlides/notesSlide18.xml"/><Relationship Id="rId16" Type="http://schemas.openxmlformats.org/officeDocument/2006/relationships/image" Target="../media/image42.png"/><Relationship Id="rId20" Type="http://schemas.openxmlformats.org/officeDocument/2006/relationships/image" Target="../media/image46.png"/><Relationship Id="rId29" Type="http://schemas.openxmlformats.org/officeDocument/2006/relationships/image" Target="../media/image55.svg"/><Relationship Id="rId1" Type="http://schemas.openxmlformats.org/officeDocument/2006/relationships/slideLayout" Target="../slideLayouts/slideLayout29.xml"/><Relationship Id="rId6" Type="http://schemas.openxmlformats.org/officeDocument/2006/relationships/image" Target="../media/image32.png"/><Relationship Id="rId11" Type="http://schemas.openxmlformats.org/officeDocument/2006/relationships/image" Target="../media/image37.svg"/><Relationship Id="rId24" Type="http://schemas.openxmlformats.org/officeDocument/2006/relationships/image" Target="../media/image50.png"/><Relationship Id="rId5" Type="http://schemas.openxmlformats.org/officeDocument/2006/relationships/image" Target="../media/image31.svg"/><Relationship Id="rId15" Type="http://schemas.openxmlformats.org/officeDocument/2006/relationships/image" Target="../media/image41.svg"/><Relationship Id="rId23" Type="http://schemas.openxmlformats.org/officeDocument/2006/relationships/image" Target="../media/image49.svg"/><Relationship Id="rId28" Type="http://schemas.openxmlformats.org/officeDocument/2006/relationships/image" Target="../media/image54.png"/><Relationship Id="rId10" Type="http://schemas.openxmlformats.org/officeDocument/2006/relationships/image" Target="../media/image36.png"/><Relationship Id="rId19" Type="http://schemas.openxmlformats.org/officeDocument/2006/relationships/image" Target="../media/image45.svg"/><Relationship Id="rId4" Type="http://schemas.openxmlformats.org/officeDocument/2006/relationships/image" Target="../media/image30.png"/><Relationship Id="rId9" Type="http://schemas.openxmlformats.org/officeDocument/2006/relationships/image" Target="../media/image35.svg"/><Relationship Id="rId14" Type="http://schemas.openxmlformats.org/officeDocument/2006/relationships/image" Target="../media/image40.png"/><Relationship Id="rId22" Type="http://schemas.openxmlformats.org/officeDocument/2006/relationships/image" Target="../media/image48.png"/><Relationship Id="rId27" Type="http://schemas.openxmlformats.org/officeDocument/2006/relationships/image" Target="../media/image53.svg"/></Relationships>
</file>

<file path=ppt/slides/_rels/slide21.xml.rels><?xml version="1.0" encoding="UTF-8" standalone="yes"?>
<Relationships xmlns="http://schemas.openxmlformats.org/package/2006/relationships"><Relationship Id="rId8" Type="http://schemas.openxmlformats.org/officeDocument/2006/relationships/hyperlink" Target="https://github.com/orgs/UKHome" TargetMode="External"/><Relationship Id="rId3" Type="http://schemas.openxmlformats.org/officeDocument/2006/relationships/image" Target="../media/image29.png"/><Relationship Id="rId7" Type="http://schemas.openxmlformats.org/officeDocument/2006/relationships/image" Target="../media/image57.svg"/><Relationship Id="rId2" Type="http://schemas.openxmlformats.org/officeDocument/2006/relationships/notesSlide" Target="../notesSlides/notesSlide19.xml"/><Relationship Id="rId1" Type="http://schemas.openxmlformats.org/officeDocument/2006/relationships/slideLayout" Target="../slideLayouts/slideLayout29.xml"/><Relationship Id="rId6" Type="http://schemas.openxmlformats.org/officeDocument/2006/relationships/image" Target="../media/image56.png"/><Relationship Id="rId5" Type="http://schemas.openxmlformats.org/officeDocument/2006/relationships/image" Target="../media/image20.svg"/><Relationship Id="rId4" Type="http://schemas.openxmlformats.org/officeDocument/2006/relationships/image" Target="../media/image19.png"/></Relationships>
</file>

<file path=ppt/slides/_rels/slide22.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20.xml"/><Relationship Id="rId1" Type="http://schemas.openxmlformats.org/officeDocument/2006/relationships/slideLayout" Target="../slideLayouts/slideLayout29.xml"/></Relationships>
</file>

<file path=ppt/slides/_rels/slide23.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21.xml"/><Relationship Id="rId1" Type="http://schemas.openxmlformats.org/officeDocument/2006/relationships/slideLayout" Target="../slideLayouts/slideLayout29.xml"/></Relationships>
</file>

<file path=ppt/slides/_rels/slide24.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22.xml"/><Relationship Id="rId1" Type="http://schemas.openxmlformats.org/officeDocument/2006/relationships/slideLayout" Target="../slideLayouts/slideLayout29.xml"/><Relationship Id="rId5" Type="http://schemas.openxmlformats.org/officeDocument/2006/relationships/image" Target="../media/image20.svg"/><Relationship Id="rId4" Type="http://schemas.openxmlformats.org/officeDocument/2006/relationships/image" Target="../media/image19.png"/></Relationships>
</file>

<file path=ppt/slides/_rels/slide25.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notesSlide" Target="../notesSlides/notesSlide23.xml"/><Relationship Id="rId1" Type="http://schemas.openxmlformats.org/officeDocument/2006/relationships/slideLayout" Target="../slideLayouts/slideLayout29.xml"/></Relationships>
</file>

<file path=ppt/slides/_rels/slide26.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image" Target="../media/image59.png"/><Relationship Id="rId1" Type="http://schemas.openxmlformats.org/officeDocument/2006/relationships/slideLayout" Target="../slideLayouts/slideLayout29.xml"/><Relationship Id="rId6" Type="http://schemas.openxmlformats.org/officeDocument/2006/relationships/image" Target="../media/image55.svg"/><Relationship Id="rId5" Type="http://schemas.openxmlformats.org/officeDocument/2006/relationships/image" Target="../media/image54.png"/><Relationship Id="rId4" Type="http://schemas.openxmlformats.org/officeDocument/2006/relationships/image" Target="../media/image61.svg"/></Relationships>
</file>

<file path=ppt/slides/_rels/slide27.xml.rels><?xml version="1.0" encoding="UTF-8" standalone="yes"?>
<Relationships xmlns="http://schemas.openxmlformats.org/package/2006/relationships"><Relationship Id="rId8" Type="http://schemas.openxmlformats.org/officeDocument/2006/relationships/image" Target="../media/image65.svg"/><Relationship Id="rId3" Type="http://schemas.openxmlformats.org/officeDocument/2006/relationships/image" Target="../media/image19.png"/><Relationship Id="rId7" Type="http://schemas.openxmlformats.org/officeDocument/2006/relationships/image" Target="../media/image64.png"/><Relationship Id="rId2" Type="http://schemas.openxmlformats.org/officeDocument/2006/relationships/image" Target="../media/image59.png"/><Relationship Id="rId1" Type="http://schemas.openxmlformats.org/officeDocument/2006/relationships/slideLayout" Target="../slideLayouts/slideLayout29.xml"/><Relationship Id="rId6" Type="http://schemas.openxmlformats.org/officeDocument/2006/relationships/image" Target="../media/image63.svg"/><Relationship Id="rId5" Type="http://schemas.openxmlformats.org/officeDocument/2006/relationships/image" Target="../media/image62.png"/><Relationship Id="rId10" Type="http://schemas.openxmlformats.org/officeDocument/2006/relationships/image" Target="../media/image67.svg"/><Relationship Id="rId4" Type="http://schemas.openxmlformats.org/officeDocument/2006/relationships/image" Target="../media/image20.svg"/><Relationship Id="rId9" Type="http://schemas.openxmlformats.org/officeDocument/2006/relationships/image" Target="../media/image66.png"/></Relationships>
</file>

<file path=ppt/slides/_rels/slide28.xml.rels><?xml version="1.0" encoding="UTF-8" standalone="yes"?>
<Relationships xmlns="http://schemas.openxmlformats.org/package/2006/relationships"><Relationship Id="rId3" Type="http://schemas.openxmlformats.org/officeDocument/2006/relationships/image" Target="../media/image68.png"/><Relationship Id="rId2" Type="http://schemas.openxmlformats.org/officeDocument/2006/relationships/notesSlide" Target="../notesSlides/notesSlide24.xml"/><Relationship Id="rId1" Type="http://schemas.openxmlformats.org/officeDocument/2006/relationships/slideLayout" Target="../slideLayouts/slideLayout29.xml"/></Relationships>
</file>

<file path=ppt/slides/_rels/slide29.xml.rels><?xml version="1.0" encoding="UTF-8" standalone="yes"?>
<Relationships xmlns="http://schemas.openxmlformats.org/package/2006/relationships"><Relationship Id="rId3" Type="http://schemas.openxmlformats.org/officeDocument/2006/relationships/image" Target="../media/image68.png"/><Relationship Id="rId2" Type="http://schemas.openxmlformats.org/officeDocument/2006/relationships/notesSlide" Target="../notesSlides/notesSlide25.xml"/><Relationship Id="rId1" Type="http://schemas.openxmlformats.org/officeDocument/2006/relationships/slideLayout" Target="../slideLayouts/slideLayout29.xml"/><Relationship Id="rId4" Type="http://schemas.openxmlformats.org/officeDocument/2006/relationships/image" Target="../media/image69.png"/></Relationships>
</file>

<file path=ppt/slides/_rels/slide3.xml.rels><?xml version="1.0" encoding="UTF-8" standalone="yes"?>
<Relationships xmlns="http://schemas.openxmlformats.org/package/2006/relationships"><Relationship Id="rId8" Type="http://schemas.openxmlformats.org/officeDocument/2006/relationships/tags" Target="../tags/tag12.xml"/><Relationship Id="rId13" Type="http://schemas.openxmlformats.org/officeDocument/2006/relationships/tags" Target="../tags/tag17.xml"/><Relationship Id="rId18" Type="http://schemas.openxmlformats.org/officeDocument/2006/relationships/image" Target="../media/image17.jpeg"/><Relationship Id="rId3" Type="http://schemas.openxmlformats.org/officeDocument/2006/relationships/tags" Target="../tags/tag7.xml"/><Relationship Id="rId7" Type="http://schemas.openxmlformats.org/officeDocument/2006/relationships/tags" Target="../tags/tag11.xml"/><Relationship Id="rId12" Type="http://schemas.openxmlformats.org/officeDocument/2006/relationships/tags" Target="../tags/tag16.xml"/><Relationship Id="rId17" Type="http://schemas.openxmlformats.org/officeDocument/2006/relationships/notesSlide" Target="../notesSlides/notesSlide3.xml"/><Relationship Id="rId2" Type="http://schemas.openxmlformats.org/officeDocument/2006/relationships/tags" Target="../tags/tag6.xml"/><Relationship Id="rId16" Type="http://schemas.openxmlformats.org/officeDocument/2006/relationships/slideLayout" Target="../slideLayouts/slideLayout9.xml"/><Relationship Id="rId1" Type="http://schemas.openxmlformats.org/officeDocument/2006/relationships/tags" Target="../tags/tag5.xml"/><Relationship Id="rId6" Type="http://schemas.openxmlformats.org/officeDocument/2006/relationships/tags" Target="../tags/tag10.xml"/><Relationship Id="rId11" Type="http://schemas.openxmlformats.org/officeDocument/2006/relationships/tags" Target="../tags/tag15.xml"/><Relationship Id="rId5" Type="http://schemas.openxmlformats.org/officeDocument/2006/relationships/tags" Target="../tags/tag9.xml"/><Relationship Id="rId15" Type="http://schemas.openxmlformats.org/officeDocument/2006/relationships/tags" Target="../tags/tag19.xml"/><Relationship Id="rId10" Type="http://schemas.openxmlformats.org/officeDocument/2006/relationships/tags" Target="../tags/tag14.xml"/><Relationship Id="rId4" Type="http://schemas.openxmlformats.org/officeDocument/2006/relationships/tags" Target="../tags/tag8.xml"/><Relationship Id="rId9" Type="http://schemas.openxmlformats.org/officeDocument/2006/relationships/tags" Target="../tags/tag13.xml"/><Relationship Id="rId14" Type="http://schemas.openxmlformats.org/officeDocument/2006/relationships/tags" Target="../tags/tag18.xml"/></Relationships>
</file>

<file path=ppt/slides/_rels/slide30.xml.rels><?xml version="1.0" encoding="UTF-8" standalone="yes"?>
<Relationships xmlns="http://schemas.openxmlformats.org/package/2006/relationships"><Relationship Id="rId8" Type="http://schemas.openxmlformats.org/officeDocument/2006/relationships/image" Target="../media/image71.svg"/><Relationship Id="rId3" Type="http://schemas.openxmlformats.org/officeDocument/2006/relationships/image" Target="../media/image18.png"/><Relationship Id="rId7" Type="http://schemas.openxmlformats.org/officeDocument/2006/relationships/image" Target="../media/image70.png"/><Relationship Id="rId2" Type="http://schemas.openxmlformats.org/officeDocument/2006/relationships/notesSlide" Target="../notesSlides/notesSlide26.xml"/><Relationship Id="rId1" Type="http://schemas.openxmlformats.org/officeDocument/2006/relationships/slideLayout" Target="../slideLayouts/slideLayout29.xml"/><Relationship Id="rId6" Type="http://schemas.openxmlformats.org/officeDocument/2006/relationships/image" Target="../media/image68.png"/><Relationship Id="rId5" Type="http://schemas.openxmlformats.org/officeDocument/2006/relationships/image" Target="../media/image20.svg"/><Relationship Id="rId4" Type="http://schemas.openxmlformats.org/officeDocument/2006/relationships/image" Target="../media/image19.png"/></Relationships>
</file>

<file path=ppt/slides/_rels/slide31.xml.rels><?xml version="1.0" encoding="UTF-8" standalone="yes"?>
<Relationships xmlns="http://schemas.openxmlformats.org/package/2006/relationships"><Relationship Id="rId3" Type="http://schemas.openxmlformats.org/officeDocument/2006/relationships/image" Target="../media/image72.jpeg"/><Relationship Id="rId2" Type="http://schemas.openxmlformats.org/officeDocument/2006/relationships/notesSlide" Target="../notesSlides/notesSlide27.xml"/><Relationship Id="rId1" Type="http://schemas.openxmlformats.org/officeDocument/2006/relationships/slideLayout" Target="../slideLayouts/slideLayout29.xml"/></Relationships>
</file>

<file path=ppt/slides/_rels/slide32.xml.rels><?xml version="1.0" encoding="UTF-8" standalone="yes"?>
<Relationships xmlns="http://schemas.openxmlformats.org/package/2006/relationships"><Relationship Id="rId8" Type="http://schemas.openxmlformats.org/officeDocument/2006/relationships/image" Target="../media/image78.svg"/><Relationship Id="rId3" Type="http://schemas.openxmlformats.org/officeDocument/2006/relationships/image" Target="../media/image73.png"/><Relationship Id="rId7" Type="http://schemas.openxmlformats.org/officeDocument/2006/relationships/image" Target="../media/image77.png"/><Relationship Id="rId2" Type="http://schemas.openxmlformats.org/officeDocument/2006/relationships/image" Target="../media/image72.jpeg"/><Relationship Id="rId1" Type="http://schemas.openxmlformats.org/officeDocument/2006/relationships/slideLayout" Target="../slideLayouts/slideLayout29.xml"/><Relationship Id="rId6" Type="http://schemas.openxmlformats.org/officeDocument/2006/relationships/image" Target="../media/image76.svg"/><Relationship Id="rId5" Type="http://schemas.openxmlformats.org/officeDocument/2006/relationships/image" Target="../media/image75.png"/><Relationship Id="rId10" Type="http://schemas.openxmlformats.org/officeDocument/2006/relationships/image" Target="../media/image80.svg"/><Relationship Id="rId4" Type="http://schemas.openxmlformats.org/officeDocument/2006/relationships/image" Target="../media/image74.svg"/><Relationship Id="rId9" Type="http://schemas.openxmlformats.org/officeDocument/2006/relationships/image" Target="../media/image79.png"/></Relationships>
</file>

<file path=ppt/slides/_rels/slide33.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72.jpeg"/><Relationship Id="rId1" Type="http://schemas.openxmlformats.org/officeDocument/2006/relationships/slideLayout" Target="../slideLayouts/slideLayout29.xml"/><Relationship Id="rId4" Type="http://schemas.openxmlformats.org/officeDocument/2006/relationships/image" Target="../media/image20.svg"/></Relationships>
</file>

<file path=ppt/slides/_rels/slide34.xml.rels><?xml version="1.0" encoding="UTF-8" standalone="yes"?>
<Relationships xmlns="http://schemas.openxmlformats.org/package/2006/relationships"><Relationship Id="rId3" Type="http://schemas.openxmlformats.org/officeDocument/2006/relationships/image" Target="../media/image72.jpeg"/><Relationship Id="rId2" Type="http://schemas.openxmlformats.org/officeDocument/2006/relationships/notesSlide" Target="../notesSlides/notesSlide28.xml"/><Relationship Id="rId1" Type="http://schemas.openxmlformats.org/officeDocument/2006/relationships/slideLayout" Target="../slideLayouts/slideLayout29.xml"/></Relationships>
</file>

<file path=ppt/slides/_rels/slide35.xml.rels><?xml version="1.0" encoding="UTF-8" standalone="yes"?>
<Relationships xmlns="http://schemas.openxmlformats.org/package/2006/relationships"><Relationship Id="rId8" Type="http://schemas.openxmlformats.org/officeDocument/2006/relationships/image" Target="../media/image82.svg"/><Relationship Id="rId3" Type="http://schemas.openxmlformats.org/officeDocument/2006/relationships/image" Target="../media/image72.jpeg"/><Relationship Id="rId7" Type="http://schemas.openxmlformats.org/officeDocument/2006/relationships/image" Target="../media/image81.png"/><Relationship Id="rId2" Type="http://schemas.openxmlformats.org/officeDocument/2006/relationships/notesSlide" Target="../notesSlides/notesSlide29.xml"/><Relationship Id="rId1" Type="http://schemas.openxmlformats.org/officeDocument/2006/relationships/slideLayout" Target="../slideLayouts/slideLayout29.xml"/><Relationship Id="rId6" Type="http://schemas.openxmlformats.org/officeDocument/2006/relationships/image" Target="../media/image47.svg"/><Relationship Id="rId5" Type="http://schemas.openxmlformats.org/officeDocument/2006/relationships/image" Target="../media/image46.png"/><Relationship Id="rId10" Type="http://schemas.openxmlformats.org/officeDocument/2006/relationships/image" Target="../media/image84.svg"/><Relationship Id="rId4" Type="http://schemas.openxmlformats.org/officeDocument/2006/relationships/chart" Target="../charts/chart1.xml"/><Relationship Id="rId9" Type="http://schemas.openxmlformats.org/officeDocument/2006/relationships/image" Target="../media/image83.png"/></Relationships>
</file>

<file path=ppt/slides/_rels/slide36.xml.rels><?xml version="1.0" encoding="UTF-8" standalone="yes"?>
<Relationships xmlns="http://schemas.openxmlformats.org/package/2006/relationships"><Relationship Id="rId3" Type="http://schemas.openxmlformats.org/officeDocument/2006/relationships/image" Target="../media/image72.jpeg"/><Relationship Id="rId2" Type="http://schemas.openxmlformats.org/officeDocument/2006/relationships/notesSlide" Target="../notesSlides/notesSlide30.xml"/><Relationship Id="rId1" Type="http://schemas.openxmlformats.org/officeDocument/2006/relationships/slideLayout" Target="../slideLayouts/slideLayout29.xml"/><Relationship Id="rId5" Type="http://schemas.openxmlformats.org/officeDocument/2006/relationships/image" Target="../media/image20.svg"/><Relationship Id="rId4" Type="http://schemas.openxmlformats.org/officeDocument/2006/relationships/image" Target="../media/image19.png"/></Relationships>
</file>

<file path=ppt/slides/_rels/slide37.xml.rels><?xml version="1.0" encoding="UTF-8" standalone="yes"?>
<Relationships xmlns="http://schemas.openxmlformats.org/package/2006/relationships"><Relationship Id="rId3" Type="http://schemas.openxmlformats.org/officeDocument/2006/relationships/image" Target="../media/image85.png"/><Relationship Id="rId2" Type="http://schemas.openxmlformats.org/officeDocument/2006/relationships/notesSlide" Target="../notesSlides/notesSlide31.xml"/><Relationship Id="rId1" Type="http://schemas.openxmlformats.org/officeDocument/2006/relationships/slideLayout" Target="../slideLayouts/slideLayout29.xml"/></Relationships>
</file>

<file path=ppt/slides/_rels/slide38.xml.rels><?xml version="1.0" encoding="UTF-8" standalone="yes"?>
<Relationships xmlns="http://schemas.openxmlformats.org/package/2006/relationships"><Relationship Id="rId8" Type="http://schemas.openxmlformats.org/officeDocument/2006/relationships/image" Target="../media/image90.png"/><Relationship Id="rId3" Type="http://schemas.openxmlformats.org/officeDocument/2006/relationships/image" Target="../media/image85.png"/><Relationship Id="rId7" Type="http://schemas.openxmlformats.org/officeDocument/2006/relationships/image" Target="../media/image89.svg"/><Relationship Id="rId2" Type="http://schemas.openxmlformats.org/officeDocument/2006/relationships/notesSlide" Target="../notesSlides/notesSlide32.xml"/><Relationship Id="rId1" Type="http://schemas.openxmlformats.org/officeDocument/2006/relationships/slideLayout" Target="../slideLayouts/slideLayout29.xml"/><Relationship Id="rId6" Type="http://schemas.openxmlformats.org/officeDocument/2006/relationships/image" Target="../media/image88.png"/><Relationship Id="rId11" Type="http://schemas.openxmlformats.org/officeDocument/2006/relationships/image" Target="../media/image93.svg"/><Relationship Id="rId5" Type="http://schemas.openxmlformats.org/officeDocument/2006/relationships/image" Target="../media/image87.svg"/><Relationship Id="rId10" Type="http://schemas.openxmlformats.org/officeDocument/2006/relationships/image" Target="../media/image92.png"/><Relationship Id="rId4" Type="http://schemas.openxmlformats.org/officeDocument/2006/relationships/image" Target="../media/image86.png"/><Relationship Id="rId9" Type="http://schemas.openxmlformats.org/officeDocument/2006/relationships/image" Target="../media/image91.svg"/></Relationships>
</file>

<file path=ppt/slides/_rels/slide39.xml.rels><?xml version="1.0" encoding="UTF-8" standalone="yes"?>
<Relationships xmlns="http://schemas.openxmlformats.org/package/2006/relationships"><Relationship Id="rId3" Type="http://schemas.openxmlformats.org/officeDocument/2006/relationships/image" Target="../media/image19.png"/><Relationship Id="rId7" Type="http://schemas.openxmlformats.org/officeDocument/2006/relationships/image" Target="../media/image95.svg"/><Relationship Id="rId2" Type="http://schemas.openxmlformats.org/officeDocument/2006/relationships/notesSlide" Target="../notesSlides/notesSlide33.xml"/><Relationship Id="rId1" Type="http://schemas.openxmlformats.org/officeDocument/2006/relationships/slideLayout" Target="../slideLayouts/slideLayout29.xml"/><Relationship Id="rId6" Type="http://schemas.openxmlformats.org/officeDocument/2006/relationships/image" Target="../media/image94.png"/><Relationship Id="rId5" Type="http://schemas.openxmlformats.org/officeDocument/2006/relationships/image" Target="../media/image85.png"/><Relationship Id="rId4" Type="http://schemas.openxmlformats.org/officeDocument/2006/relationships/image" Target="../media/image20.svg"/></Relationships>
</file>

<file path=ppt/slides/_rels/slide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4.xml"/><Relationship Id="rId1" Type="http://schemas.openxmlformats.org/officeDocument/2006/relationships/slideLayout" Target="../slideLayouts/slideLayout29.xml"/></Relationships>
</file>

<file path=ppt/slides/_rels/slide40.xml.rels><?xml version="1.0" encoding="UTF-8" standalone="yes"?>
<Relationships xmlns="http://schemas.openxmlformats.org/package/2006/relationships"><Relationship Id="rId3" Type="http://schemas.openxmlformats.org/officeDocument/2006/relationships/image" Target="../media/image96.png"/><Relationship Id="rId2" Type="http://schemas.openxmlformats.org/officeDocument/2006/relationships/notesSlide" Target="../notesSlides/notesSlide34.xml"/><Relationship Id="rId1" Type="http://schemas.openxmlformats.org/officeDocument/2006/relationships/slideLayout" Target="../slideLayouts/slideLayout29.xml"/></Relationships>
</file>

<file path=ppt/slides/_rels/slide41.xml.rels><?xml version="1.0" encoding="UTF-8" standalone="yes"?>
<Relationships xmlns="http://schemas.openxmlformats.org/package/2006/relationships"><Relationship Id="rId2" Type="http://schemas.openxmlformats.org/officeDocument/2006/relationships/image" Target="../media/image96.png"/><Relationship Id="rId1" Type="http://schemas.openxmlformats.org/officeDocument/2006/relationships/slideLayout" Target="../slideLayouts/slideLayout29.xml"/></Relationships>
</file>

<file path=ppt/slides/_rels/slide42.xml.rels><?xml version="1.0" encoding="UTF-8" standalone="yes"?>
<Relationships xmlns="http://schemas.openxmlformats.org/package/2006/relationships"><Relationship Id="rId3" Type="http://schemas.openxmlformats.org/officeDocument/2006/relationships/image" Target="../media/image96.png"/><Relationship Id="rId2" Type="http://schemas.openxmlformats.org/officeDocument/2006/relationships/notesSlide" Target="../notesSlides/notesSlide35.xml"/><Relationship Id="rId1" Type="http://schemas.openxmlformats.org/officeDocument/2006/relationships/slideLayout" Target="../slideLayouts/slideLayout29.xml"/><Relationship Id="rId5" Type="http://schemas.openxmlformats.org/officeDocument/2006/relationships/image" Target="../media/image20.svg"/><Relationship Id="rId4" Type="http://schemas.openxmlformats.org/officeDocument/2006/relationships/image" Target="../media/image19.png"/></Relationships>
</file>

<file path=ppt/slides/_rels/slide43.xml.rels><?xml version="1.0" encoding="UTF-8" standalone="yes"?>
<Relationships xmlns="http://schemas.openxmlformats.org/package/2006/relationships"><Relationship Id="rId2" Type="http://schemas.openxmlformats.org/officeDocument/2006/relationships/notesSlide" Target="../notesSlides/notesSlide36.xml"/><Relationship Id="rId1" Type="http://schemas.openxmlformats.org/officeDocument/2006/relationships/slideLayout" Target="../slideLayouts/slideLayout29.xml"/></Relationships>
</file>

<file path=ppt/slides/_rels/slide44.xml.rels><?xml version="1.0" encoding="UTF-8" standalone="yes"?>
<Relationships xmlns="http://schemas.openxmlformats.org/package/2006/relationships"><Relationship Id="rId2" Type="http://schemas.openxmlformats.org/officeDocument/2006/relationships/notesSlide" Target="../notesSlides/notesSlide37.xml"/><Relationship Id="rId1" Type="http://schemas.openxmlformats.org/officeDocument/2006/relationships/slideLayout" Target="../slideLayouts/slideLayout29.xml"/></Relationships>
</file>

<file path=ppt/slides/_rels/slide45.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38.xml"/><Relationship Id="rId1" Type="http://schemas.openxmlformats.org/officeDocument/2006/relationships/slideLayout" Target="../slideLayouts/slideLayout29.xml"/><Relationship Id="rId4" Type="http://schemas.openxmlformats.org/officeDocument/2006/relationships/image" Target="../media/image20.svg"/></Relationships>
</file>

<file path=ppt/slides/_rels/slide46.xml.rels><?xml version="1.0" encoding="UTF-8" standalone="yes"?>
<Relationships xmlns="http://schemas.openxmlformats.org/package/2006/relationships"><Relationship Id="rId3" Type="http://schemas.openxmlformats.org/officeDocument/2006/relationships/image" Target="../media/image97.png"/><Relationship Id="rId2" Type="http://schemas.openxmlformats.org/officeDocument/2006/relationships/notesSlide" Target="../notesSlides/notesSlide39.xml"/><Relationship Id="rId1" Type="http://schemas.openxmlformats.org/officeDocument/2006/relationships/slideLayout" Target="../slideLayouts/slideLayout29.xml"/></Relationships>
</file>

<file path=ppt/slides/_rels/slide47.xml.rels><?xml version="1.0" encoding="UTF-8" standalone="yes"?>
<Relationships xmlns="http://schemas.openxmlformats.org/package/2006/relationships"><Relationship Id="rId3" Type="http://schemas.openxmlformats.org/officeDocument/2006/relationships/image" Target="../media/image97.png"/><Relationship Id="rId2" Type="http://schemas.openxmlformats.org/officeDocument/2006/relationships/notesSlide" Target="../notesSlides/notesSlide40.xml"/><Relationship Id="rId1" Type="http://schemas.openxmlformats.org/officeDocument/2006/relationships/slideLayout" Target="../slideLayouts/slideLayout29.xml"/></Relationships>
</file>

<file path=ppt/slides/_rels/slide48.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41.xml"/><Relationship Id="rId1" Type="http://schemas.openxmlformats.org/officeDocument/2006/relationships/slideLayout" Target="../slideLayouts/slideLayout29.xml"/><Relationship Id="rId5" Type="http://schemas.openxmlformats.org/officeDocument/2006/relationships/image" Target="../media/image97.png"/><Relationship Id="rId4" Type="http://schemas.openxmlformats.org/officeDocument/2006/relationships/image" Target="../media/image20.svg"/></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9.xml"/><Relationship Id="rId1" Type="http://schemas.openxmlformats.org/officeDocument/2006/relationships/customXml" Target="../../customXml/item8.xml"/><Relationship Id="rId5" Type="http://schemas.openxmlformats.org/officeDocument/2006/relationships/image" Target="../media/image99.svg"/><Relationship Id="rId4" Type="http://schemas.openxmlformats.org/officeDocument/2006/relationships/image" Target="../media/image98.png"/></Relationships>
</file>

<file path=ppt/slides/_rels/slide5.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29.xml"/></Relationships>
</file>

<file path=ppt/slides/_rels/slide6.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5.xml"/><Relationship Id="rId1" Type="http://schemas.openxmlformats.org/officeDocument/2006/relationships/slideLayout" Target="../slideLayouts/slideLayout29.xml"/><Relationship Id="rId5" Type="http://schemas.openxmlformats.org/officeDocument/2006/relationships/image" Target="../media/image20.svg"/><Relationship Id="rId4" Type="http://schemas.openxmlformats.org/officeDocument/2006/relationships/image" Target="../media/image19.png"/></Relationships>
</file>

<file path=ppt/slides/_rels/slide7.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6.xml"/><Relationship Id="rId1" Type="http://schemas.openxmlformats.org/officeDocument/2006/relationships/slideLayout" Target="../slideLayouts/slideLayout29.xml"/></Relationships>
</file>

<file path=ppt/slides/_rels/slide8.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29.xml"/></Relationships>
</file>

<file path=ppt/slides/_rels/slide9.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7.xml"/><Relationship Id="rId1" Type="http://schemas.openxmlformats.org/officeDocument/2006/relationships/slideLayout" Target="../slideLayouts/slideLayout29.xml"/><Relationship Id="rId5" Type="http://schemas.openxmlformats.org/officeDocument/2006/relationships/image" Target="../media/image20.svg"/><Relationship Id="rId4" Type="http://schemas.openxmlformats.org/officeDocument/2006/relationships/image" Target="../media/image19.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19AF20-1870-5823-C65F-7E038E2DD012}"/>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8B75F48-B2FB-168D-D0F8-56D51106C2B6}"/>
              </a:ext>
            </a:extLst>
          </p:cNvPr>
          <p:cNvSpPr>
            <a:spLocks noGrp="1"/>
          </p:cNvSpPr>
          <p:nvPr>
            <p:ph type="title" idx="4294967295"/>
          </p:nvPr>
        </p:nvSpPr>
        <p:spPr>
          <a:xfrm>
            <a:off x="547688" y="696913"/>
            <a:ext cx="5329237" cy="2660650"/>
          </a:xfrm>
          <a:prstGeom prst="rect">
            <a:avLst/>
          </a:prstGeom>
          <a:noFill/>
          <a:ln>
            <a:noFill/>
            <a:prstDash/>
          </a:ln>
          <a:effectLst/>
        </p:spPr>
        <p:txBody>
          <a:bodyPr rot="0" spcFirstLastPara="0" vertOverflow="overflow" horzOverflow="overflow" vert="horz" wrap="square" lIns="0" tIns="0" rIns="0" bIns="0" numCol="1" spcCol="0" rtlCol="0" fromWordArt="0" anchor="b" anchorCtr="0" forceAA="0" compatLnSpc="1">
            <a:prstTxWarp prst="textNoShape">
              <a:avLst/>
            </a:prstTxWarp>
            <a:noAutofit/>
          </a:bodyPr>
          <a:lstStyle/>
          <a:p>
            <a:pPr marL="0" marR="0" lvl="0" indent="0" algn="l" defTabSz="1039307" rtl="0" eaLnBrk="1" fontAlgn="base" latinLnBrk="0" hangingPunct="1">
              <a:lnSpc>
                <a:spcPct val="100000"/>
              </a:lnSpc>
              <a:spcBef>
                <a:spcPct val="0"/>
              </a:spcBef>
              <a:spcAft>
                <a:spcPts val="0"/>
              </a:spcAft>
              <a:buClrTx/>
              <a:buSzTx/>
              <a:buFont typeface="Arial" panose="020B0604020202020204" pitchFamily="34" charset="0"/>
              <a:buNone/>
              <a:tabLst>
                <a:tab pos="0" algn="l"/>
                <a:tab pos="2874963" algn="l"/>
              </a:tabLst>
              <a:defRPr/>
            </a:pPr>
            <a:r>
              <a:rPr kumimoji="0" lang="da-DK" sz="5400" i="0" u="none" strike="noStrike" kern="1200" cap="none" spc="0" normalizeH="0" baseline="0" noProof="0" dirty="0">
                <a:ln>
                  <a:noFill/>
                </a:ln>
                <a:solidFill>
                  <a:schemeClr val="accent1"/>
                </a:solidFill>
                <a:effectLst/>
                <a:uLnTx/>
                <a:uFillTx/>
                <a:latin typeface="+mj-lt"/>
                <a:ea typeface="+mj-ea"/>
                <a:cs typeface="+mj-cs"/>
              </a:rPr>
              <a:t>Cases på digital suverænitet</a:t>
            </a:r>
          </a:p>
        </p:txBody>
      </p:sp>
      <p:sp>
        <p:nvSpPr>
          <p:cNvPr id="4" name="Text Placeholder 3">
            <a:extLst>
              <a:ext uri="{FF2B5EF4-FFF2-40B4-BE49-F238E27FC236}">
                <a16:creationId xmlns:a16="http://schemas.microsoft.com/office/drawing/2014/main" id="{662DFD54-E323-615C-FCAF-4714FEC6FBB1}"/>
              </a:ext>
            </a:extLst>
          </p:cNvPr>
          <p:cNvSpPr>
            <a:spLocks noGrp="1"/>
          </p:cNvSpPr>
          <p:nvPr>
            <p:ph type="body" sz="quarter" idx="20"/>
          </p:nvPr>
        </p:nvSpPr>
        <p:spPr/>
        <p:txBody>
          <a:bodyPr vert="horz" lIns="0" tIns="0" rIns="0" bIns="0" rtlCol="0" anchor="t">
            <a:noAutofit/>
          </a:bodyPr>
          <a:lstStyle/>
          <a:p>
            <a:r>
              <a:rPr lang="da-DK" sz="1600" noProof="0" dirty="0" err="1"/>
              <a:t>Casekataloget</a:t>
            </a:r>
            <a:r>
              <a:rPr lang="da-DK" sz="1600" noProof="0" dirty="0"/>
              <a:t> er udarbejdet for Digitaliseringsministeriet, Digitaliseringsstyrelsen, KL og Danske Regioner som led i erfaringsopsamling på myndigheders initiativer for at migrere til alternative teknologivalg</a:t>
            </a:r>
          </a:p>
          <a:p>
            <a:r>
              <a:rPr lang="da-DK" sz="1200" noProof="0" dirty="0"/>
              <a:t>Januar 2026</a:t>
            </a:r>
          </a:p>
          <a:p>
            <a:endParaRPr lang="da-DK" noProof="0" dirty="0"/>
          </a:p>
        </p:txBody>
      </p:sp>
      <p:pic>
        <p:nvPicPr>
          <p:cNvPr id="18" name="Picture Placeholder 7">
            <a:extLst>
              <a:ext uri="{FF2B5EF4-FFF2-40B4-BE49-F238E27FC236}">
                <a16:creationId xmlns:a16="http://schemas.microsoft.com/office/drawing/2014/main" id="{D3EED02B-94D1-D293-11F2-2673F0B7EB44}"/>
              </a:ext>
              <a:ext uri="{C183D7F6-B498-43B3-948B-1728B52AA6E4}">
                <adec:decorative xmlns:adec="http://schemas.microsoft.com/office/drawing/2017/decorative" val="1"/>
              </a:ext>
            </a:extLst>
          </p:cNvPr>
          <p:cNvPicPr>
            <a:picLocks noGrp="1" noChangeAspect="1"/>
          </p:cNvPicPr>
          <p:nvPr>
            <p:ph type="pic" sz="quarter" idx="22"/>
            <p:custDataLst>
              <p:tags r:id="rId3"/>
            </p:custDataLst>
          </p:nvPr>
        </p:nvPicPr>
        <p:blipFill>
          <a:blip r:embed="rId8" cstate="print">
            <a:extLst>
              <a:ext uri="{28A0092B-C50C-407E-A947-70E740481C1C}">
                <a14:useLocalDpi xmlns:a14="http://schemas.microsoft.com/office/drawing/2010/main" val="0"/>
              </a:ext>
            </a:extLst>
          </a:blip>
          <a:srcRect l="16622" r="16622"/>
          <a:stretch/>
        </p:blipFill>
        <p:spPr>
          <a:xfrm>
            <a:off x="6169025" y="2566988"/>
            <a:ext cx="3600452" cy="3600441"/>
          </a:xfrm>
        </p:spPr>
      </p:pic>
      <p:pic>
        <p:nvPicPr>
          <p:cNvPr id="7" name="Picture Placeholder 5">
            <a:extLst>
              <a:ext uri="{FF2B5EF4-FFF2-40B4-BE49-F238E27FC236}">
                <a16:creationId xmlns:a16="http://schemas.microsoft.com/office/drawing/2014/main" id="{7AB60346-3657-CE23-0A55-6BBB0C08FA82}"/>
              </a:ext>
              <a:ext uri="{C183D7F6-B498-43B3-948B-1728B52AA6E4}">
                <adec:decorative xmlns:adec="http://schemas.microsoft.com/office/drawing/2017/decorative" val="1"/>
              </a:ext>
            </a:extLst>
          </p:cNvPr>
          <p:cNvPicPr>
            <a:picLocks noGrp="1" noChangeAspect="1"/>
          </p:cNvPicPr>
          <p:nvPr>
            <p:ph type="pic" sz="quarter" idx="23"/>
            <p:custDataLst>
              <p:tags r:id="rId4"/>
            </p:custDataLst>
          </p:nvPr>
        </p:nvPicPr>
        <p:blipFill>
          <a:blip r:embed="rId9" cstate="print">
            <a:extLst>
              <a:ext uri="{28A0092B-C50C-407E-A947-70E740481C1C}">
                <a14:useLocalDpi xmlns:a14="http://schemas.microsoft.com/office/drawing/2010/main" val="0"/>
              </a:ext>
            </a:extLst>
          </a:blip>
          <a:srcRect t="13074" b="13074"/>
          <a:stretch/>
        </p:blipFill>
        <p:spPr>
          <a:xfrm>
            <a:off x="9913938" y="2566988"/>
            <a:ext cx="1728788" cy="1720162"/>
          </a:xfrm>
        </p:spPr>
      </p:pic>
      <p:pic>
        <p:nvPicPr>
          <p:cNvPr id="14" name="Picture Placeholder 6">
            <a:extLst>
              <a:ext uri="{FF2B5EF4-FFF2-40B4-BE49-F238E27FC236}">
                <a16:creationId xmlns:a16="http://schemas.microsoft.com/office/drawing/2014/main" id="{1370F170-8E42-17FF-13DC-765169343850}"/>
              </a:ext>
              <a:ext uri="{C183D7F6-B498-43B3-948B-1728B52AA6E4}">
                <adec:decorative xmlns:adec="http://schemas.microsoft.com/office/drawing/2017/decorative" val="1"/>
              </a:ext>
            </a:extLst>
          </p:cNvPr>
          <p:cNvPicPr>
            <a:picLocks noGrp="1" noChangeAspect="1"/>
          </p:cNvPicPr>
          <p:nvPr>
            <p:ph type="pic" sz="quarter" idx="21"/>
            <p:custDataLst>
              <p:tags r:id="rId5"/>
            </p:custDataLst>
          </p:nvPr>
        </p:nvPicPr>
        <p:blipFill>
          <a:blip r:embed="rId10" cstate="print">
            <a:extLst>
              <a:ext uri="{28A0092B-C50C-407E-A947-70E740481C1C}">
                <a14:useLocalDpi xmlns:a14="http://schemas.microsoft.com/office/drawing/2010/main" val="0"/>
              </a:ext>
            </a:extLst>
          </a:blip>
          <a:srcRect l="16600" r="16600"/>
          <a:stretch/>
        </p:blipFill>
        <p:spPr>
          <a:xfrm>
            <a:off x="6170613" y="695325"/>
            <a:ext cx="1728788" cy="1727464"/>
          </a:xfrm>
        </p:spPr>
      </p:pic>
    </p:spTree>
    <p:custDataLst>
      <p:custData r:id="rId1"/>
      <p:custData r:id="rId2"/>
    </p:custDataLst>
    <p:extLst>
      <p:ext uri="{BB962C8B-B14F-4D97-AF65-F5344CB8AC3E}">
        <p14:creationId xmlns:p14="http://schemas.microsoft.com/office/powerpoint/2010/main" val="325738723"/>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069148-9370-9EED-3F52-7EF4F0FAD781}"/>
            </a:ext>
          </a:extLst>
        </p:cNvPr>
        <p:cNvGrpSpPr/>
        <p:nvPr/>
      </p:nvGrpSpPr>
      <p:grpSpPr>
        <a:xfrm>
          <a:off x="0" y="0"/>
          <a:ext cx="0" cy="0"/>
          <a:chOff x="0" y="0"/>
          <a:chExt cx="0" cy="0"/>
        </a:xfrm>
      </p:grpSpPr>
      <p:sp>
        <p:nvSpPr>
          <p:cNvPr id="108" name="Rectangle: Rounded Corners 107">
            <a:extLst>
              <a:ext uri="{FF2B5EF4-FFF2-40B4-BE49-F238E27FC236}">
                <a16:creationId xmlns:a16="http://schemas.microsoft.com/office/drawing/2014/main" id="{AFEAC7C3-BFF0-5051-DE1C-A29791CB7634}"/>
              </a:ext>
            </a:extLst>
          </p:cNvPr>
          <p:cNvSpPr/>
          <p:nvPr/>
        </p:nvSpPr>
        <p:spPr>
          <a:xfrm>
            <a:off x="169304" y="11734"/>
            <a:ext cx="612034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3 | Open source-transformation i Schleswig-Holstein</a:t>
            </a:r>
          </a:p>
        </p:txBody>
      </p:sp>
      <p:sp>
        <p:nvSpPr>
          <p:cNvPr id="2" name="Title 1">
            <a:extLst>
              <a:ext uri="{FF2B5EF4-FFF2-40B4-BE49-F238E27FC236}">
                <a16:creationId xmlns:a16="http://schemas.microsoft.com/office/drawing/2014/main" id="{8B2EBF06-3113-993B-E1B2-946AE0BA635C}"/>
              </a:ext>
            </a:extLst>
          </p:cNvPr>
          <p:cNvSpPr>
            <a:spLocks noGrp="1"/>
          </p:cNvSpPr>
          <p:nvPr>
            <p:ph type="title"/>
          </p:nvPr>
        </p:nvSpPr>
        <p:spPr/>
        <p:txBody>
          <a:bodyPr/>
          <a:lstStyle/>
          <a:p>
            <a:r>
              <a:rPr lang="da-DK" sz="2200" noProof="0" dirty="0"/>
              <a:t>Side 1/3 | </a:t>
            </a:r>
            <a:r>
              <a:rPr lang="da-DK" sz="2200" b="1" noProof="0" dirty="0"/>
              <a:t>Sammenfatning af casen</a:t>
            </a:r>
          </a:p>
        </p:txBody>
      </p:sp>
      <p:sp>
        <p:nvSpPr>
          <p:cNvPr id="13" name="Content Placeholder 5">
            <a:extLst>
              <a:ext uri="{FF2B5EF4-FFF2-40B4-BE49-F238E27FC236}">
                <a16:creationId xmlns:a16="http://schemas.microsoft.com/office/drawing/2014/main" id="{93C5F2F5-30D3-65A5-1049-E9164DB876CE}"/>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11" name="Rectangle 10">
            <a:extLst>
              <a:ext uri="{FF2B5EF4-FFF2-40B4-BE49-F238E27FC236}">
                <a16:creationId xmlns:a16="http://schemas.microsoft.com/office/drawing/2014/main" id="{A1136041-C394-0602-AD5A-2B759B9D0709}"/>
              </a:ext>
            </a:extLst>
          </p:cNvPr>
          <p:cNvSpPr/>
          <p:nvPr/>
        </p:nvSpPr>
        <p:spPr>
          <a:xfrm>
            <a:off x="552449" y="2139037"/>
            <a:ext cx="2757177"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lvl="0">
              <a:spcAft>
                <a:spcPts val="350"/>
              </a:spcAft>
              <a:defRPr/>
            </a:pPr>
            <a:r>
              <a:rPr lang="da-DK" sz="900" noProof="0" dirty="0">
                <a:solidFill>
                  <a:srgbClr val="000000"/>
                </a:solidFill>
                <a:latin typeface="Arial" panose="020B0604020202020204"/>
              </a:rPr>
              <a:t>Casen</a:t>
            </a:r>
            <a:r>
              <a:rPr kumimoji="0" lang="da-DK" sz="900" b="0" i="0" u="none" strike="noStrike" kern="1200" cap="none" spc="0" normalizeH="0" baseline="0" noProof="0" dirty="0">
                <a:ln>
                  <a:noFill/>
                </a:ln>
                <a:solidFill>
                  <a:srgbClr val="000000"/>
                </a:solidFill>
                <a:effectLst/>
                <a:uLnTx/>
                <a:uFillTx/>
                <a:ea typeface="+mn-ea"/>
                <a:cs typeface="+mn-cs"/>
              </a:rPr>
              <a:t> handler om delstatens strategiske udvikling </a:t>
            </a:r>
            <a:r>
              <a:rPr lang="da-DK" sz="900" noProof="0" dirty="0">
                <a:solidFill>
                  <a:srgbClr val="000000"/>
                </a:solidFill>
              </a:rPr>
              <a:t>hen imod et open source-baseret it-landskab. Schleswig-Holstein har siden 2012 arbejdet struktureret med at udskifte </a:t>
            </a:r>
            <a:r>
              <a:rPr lang="da-DK" sz="900" noProof="0" dirty="0" err="1">
                <a:solidFill>
                  <a:srgbClr val="000000"/>
                </a:solidFill>
              </a:rPr>
              <a:t>proprietære</a:t>
            </a:r>
            <a:r>
              <a:rPr lang="da-DK" sz="900" noProof="0" dirty="0">
                <a:solidFill>
                  <a:srgbClr val="000000"/>
                </a:solidFill>
              </a:rPr>
              <a:t> kontorpakker med open source-løsninger som </a:t>
            </a:r>
            <a:r>
              <a:rPr lang="da-DK" sz="900" noProof="0" dirty="0" err="1">
                <a:solidFill>
                  <a:srgbClr val="000000"/>
                </a:solidFill>
              </a:rPr>
              <a:t>LibreOffice</a:t>
            </a:r>
            <a:r>
              <a:rPr lang="da-DK" sz="900" noProof="0" dirty="0">
                <a:solidFill>
                  <a:srgbClr val="000000"/>
                </a:solidFill>
              </a:rPr>
              <a:t>, Linux, </a:t>
            </a:r>
            <a:r>
              <a:rPr lang="da-DK" sz="900" noProof="0" dirty="0" err="1">
                <a:solidFill>
                  <a:srgbClr val="000000"/>
                </a:solidFill>
              </a:rPr>
              <a:t>Nextcloud</a:t>
            </a:r>
            <a:r>
              <a:rPr lang="da-DK" sz="900" noProof="0" dirty="0">
                <a:solidFill>
                  <a:srgbClr val="000000"/>
                </a:solidFill>
              </a:rPr>
              <a:t> og Open-</a:t>
            </a:r>
            <a:r>
              <a:rPr lang="da-DK" sz="900" noProof="0" dirty="0" err="1">
                <a:solidFill>
                  <a:srgbClr val="000000"/>
                </a:solidFill>
              </a:rPr>
              <a:t>Xchange</a:t>
            </a:r>
            <a:r>
              <a:rPr lang="da-DK" sz="900" noProof="0" dirty="0">
                <a:solidFill>
                  <a:srgbClr val="000000"/>
                </a:solidFill>
              </a:rPr>
              <a:t>. </a:t>
            </a:r>
          </a:p>
          <a:p>
            <a:pPr lvl="0">
              <a:spcAft>
                <a:spcPts val="350"/>
              </a:spcAft>
              <a:defRPr/>
            </a:pPr>
            <a:r>
              <a:rPr lang="da-DK" sz="900" noProof="0" dirty="0">
                <a:solidFill>
                  <a:srgbClr val="000000"/>
                </a:solidFill>
              </a:rPr>
              <a:t>Parallelt med udskiftning af it-arbejdspladsen har delstaten også arbejdet med open source-løsninger til Active Directory (AD), </a:t>
            </a:r>
            <a:r>
              <a:rPr kumimoji="0" lang="da-DK" sz="900" b="0" i="0" u="none" strike="noStrike" kern="1200" cap="none" spc="0" normalizeH="0" baseline="0" noProof="0" dirty="0" err="1">
                <a:ln>
                  <a:noFill/>
                </a:ln>
                <a:solidFill>
                  <a:srgbClr val="000000"/>
                </a:solidFill>
                <a:effectLst/>
                <a:uLnTx/>
                <a:uFillTx/>
                <a:ea typeface="+mn-ea"/>
                <a:cs typeface="+mn-cs"/>
              </a:rPr>
              <a:t>groupware</a:t>
            </a:r>
            <a:r>
              <a:rPr kumimoji="0" lang="da-DK" sz="900" b="0" i="0" u="none" strike="noStrike" kern="1200" cap="none" spc="0" normalizeH="0" baseline="0" noProof="0" dirty="0">
                <a:ln>
                  <a:noFill/>
                </a:ln>
                <a:solidFill>
                  <a:srgbClr val="000000"/>
                </a:solidFill>
                <a:effectLst/>
                <a:uLnTx/>
                <a:uFillTx/>
                <a:ea typeface="+mn-ea"/>
                <a:cs typeface="+mn-cs"/>
              </a:rPr>
              <a:t>, samarbejdsløsninger og </a:t>
            </a:r>
            <a:r>
              <a:rPr lang="da-DK" sz="900" noProof="0" dirty="0">
                <a:solidFill>
                  <a:srgbClr val="000000"/>
                </a:solidFill>
              </a:rPr>
              <a:t>it-</a:t>
            </a:r>
            <a:r>
              <a:rPr kumimoji="0" lang="da-DK" sz="900" b="0" i="0" u="none" strike="noStrike" kern="1200" cap="none" spc="0" normalizeH="0" baseline="0" noProof="0" dirty="0">
                <a:ln>
                  <a:noFill/>
                </a:ln>
                <a:solidFill>
                  <a:srgbClr val="000000"/>
                </a:solidFill>
                <a:effectLst/>
                <a:uLnTx/>
                <a:uFillTx/>
                <a:ea typeface="+mn-ea"/>
                <a:cs typeface="+mn-cs"/>
              </a:rPr>
              <a:t>infrastruktur. </a:t>
            </a:r>
            <a:endParaRPr kumimoji="0" lang="da-DK" sz="800" b="0" i="1" u="none" strike="noStrike" kern="1200" cap="none" spc="0" normalizeH="0" baseline="0" noProof="0" dirty="0">
              <a:ln>
                <a:noFill/>
              </a:ln>
              <a:solidFill>
                <a:srgbClr val="000000"/>
              </a:solidFill>
              <a:effectLst/>
              <a:highlight>
                <a:srgbClr val="FFFF00"/>
              </a:highlight>
              <a:uLnTx/>
              <a:uFillTx/>
              <a:ea typeface="+mn-ea"/>
              <a:cs typeface="+mn-cs"/>
            </a:endParaRPr>
          </a:p>
          <a:p>
            <a:pPr>
              <a:spcAft>
                <a:spcPts val="350"/>
              </a:spcAft>
            </a:pPr>
            <a:endParaRPr lang="da-DK" sz="900" i="1" noProof="0" dirty="0">
              <a:solidFill>
                <a:schemeClr val="tx1"/>
              </a:solidFill>
            </a:endParaRPr>
          </a:p>
        </p:txBody>
      </p:sp>
      <p:grpSp>
        <p:nvGrpSpPr>
          <p:cNvPr id="145" name="Group 144" descr="Oversigt over teknologistakken og hvor casen rammer. Denne case rammer Koncern og fagsystemer, Digital Arbejdsplads, Sikkerhedsløsninger og Datadeling og basis software">
            <a:extLst>
              <a:ext uri="{FF2B5EF4-FFF2-40B4-BE49-F238E27FC236}">
                <a16:creationId xmlns:a16="http://schemas.microsoft.com/office/drawing/2014/main" id="{141D004D-5715-0019-9207-00052F04619A}"/>
              </a:ext>
              <a:ext uri="{C183D7F6-B498-43B3-948B-1728B52AA6E4}">
                <adec:decorative xmlns:adec="http://schemas.microsoft.com/office/drawing/2017/decorative" val="0"/>
              </a:ext>
            </a:extLst>
          </p:cNvPr>
          <p:cNvGrpSpPr/>
          <p:nvPr/>
        </p:nvGrpSpPr>
        <p:grpSpPr>
          <a:xfrm>
            <a:off x="713385" y="4086154"/>
            <a:ext cx="2338961" cy="2232878"/>
            <a:chOff x="713385" y="4086154"/>
            <a:chExt cx="2338961" cy="2232878"/>
          </a:xfrm>
        </p:grpSpPr>
        <p:sp>
          <p:nvSpPr>
            <p:cNvPr id="5" name="Rectangle: Rounded Corners 4">
              <a:extLst>
                <a:ext uri="{FF2B5EF4-FFF2-40B4-BE49-F238E27FC236}">
                  <a16:creationId xmlns:a16="http://schemas.microsoft.com/office/drawing/2014/main" id="{C6830B17-1C38-1F5E-C8AA-2BDB6E349BE4}"/>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Digitale løsninger</a:t>
              </a:r>
            </a:p>
          </p:txBody>
        </p:sp>
        <p:sp>
          <p:nvSpPr>
            <p:cNvPr id="7" name="Rectangle: Rounded Corners 6">
              <a:extLst>
                <a:ext uri="{FF2B5EF4-FFF2-40B4-BE49-F238E27FC236}">
                  <a16:creationId xmlns:a16="http://schemas.microsoft.com/office/drawing/2014/main" id="{6E7C1601-A88B-87D0-ED8E-505D9E2F29AD}"/>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It-infrastruktur</a:t>
              </a:r>
            </a:p>
          </p:txBody>
        </p:sp>
        <p:sp>
          <p:nvSpPr>
            <p:cNvPr id="8" name="Rectangle 36">
              <a:extLst>
                <a:ext uri="{FF2B5EF4-FFF2-40B4-BE49-F238E27FC236}">
                  <a16:creationId xmlns:a16="http://schemas.microsoft.com/office/drawing/2014/main" id="{A4088F55-EBEA-8060-B3C9-467E84EADF47}"/>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AI og digitale services</a:t>
              </a:r>
            </a:p>
          </p:txBody>
        </p:sp>
        <p:sp>
          <p:nvSpPr>
            <p:cNvPr id="10" name="Rectangle 43">
              <a:extLst>
                <a:ext uri="{FF2B5EF4-FFF2-40B4-BE49-F238E27FC236}">
                  <a16:creationId xmlns:a16="http://schemas.microsoft.com/office/drawing/2014/main" id="{678B5703-1139-0386-FCC9-DFBC07F02FD0}"/>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a:solidFill>
                    <a:schemeClr val="bg1"/>
                  </a:solidFill>
                </a:rPr>
                <a:t>Teknologistak</a:t>
              </a:r>
            </a:p>
          </p:txBody>
        </p:sp>
        <p:sp>
          <p:nvSpPr>
            <p:cNvPr id="15" name="Rectangle 36">
              <a:extLst>
                <a:ext uri="{FF2B5EF4-FFF2-40B4-BE49-F238E27FC236}">
                  <a16:creationId xmlns:a16="http://schemas.microsoft.com/office/drawing/2014/main" id="{82973433-5C57-4286-921D-BF992EAC30D5}"/>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Koncern- og fagsystemer</a:t>
              </a:r>
            </a:p>
          </p:txBody>
        </p:sp>
        <p:sp>
          <p:nvSpPr>
            <p:cNvPr id="16" name="Rectangle 36">
              <a:extLst>
                <a:ext uri="{FF2B5EF4-FFF2-40B4-BE49-F238E27FC236}">
                  <a16:creationId xmlns:a16="http://schemas.microsoft.com/office/drawing/2014/main" id="{00630FB1-15CF-6F4F-3250-520447700B31}"/>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igital arbejdsplads</a:t>
              </a:r>
            </a:p>
          </p:txBody>
        </p:sp>
        <p:sp>
          <p:nvSpPr>
            <p:cNvPr id="17" name="Rectangle 36">
              <a:extLst>
                <a:ext uri="{FF2B5EF4-FFF2-40B4-BE49-F238E27FC236}">
                  <a16:creationId xmlns:a16="http://schemas.microsoft.com/office/drawing/2014/main" id="{F84C59C1-8406-0938-BC8A-6754DD928D37}"/>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ikkerhedsløsninger</a:t>
              </a:r>
            </a:p>
          </p:txBody>
        </p:sp>
        <p:sp>
          <p:nvSpPr>
            <p:cNvPr id="18" name="Rectangle 36">
              <a:extLst>
                <a:ext uri="{FF2B5EF4-FFF2-40B4-BE49-F238E27FC236}">
                  <a16:creationId xmlns:a16="http://schemas.microsoft.com/office/drawing/2014/main" id="{23F63E64-B4BC-E454-2F4D-51BF5E43A9C2}"/>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deling og basis-software</a:t>
              </a:r>
            </a:p>
          </p:txBody>
        </p:sp>
        <p:sp>
          <p:nvSpPr>
            <p:cNvPr id="19" name="Rectangle 36">
              <a:extLst>
                <a:ext uri="{FF2B5EF4-FFF2-40B4-BE49-F238E27FC236}">
                  <a16:creationId xmlns:a16="http://schemas.microsoft.com/office/drawing/2014/main" id="{7E1B9503-ABC2-46C9-FD42-9408E51894EB}"/>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Cloud-services</a:t>
              </a:r>
            </a:p>
          </p:txBody>
        </p:sp>
        <p:sp>
          <p:nvSpPr>
            <p:cNvPr id="20" name="Rectangle 36">
              <a:extLst>
                <a:ext uri="{FF2B5EF4-FFF2-40B4-BE49-F238E27FC236}">
                  <a16:creationId xmlns:a16="http://schemas.microsoft.com/office/drawing/2014/main" id="{CB319604-3A9B-91AC-BA84-0FE873999D5D}"/>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evices og slutbrugerudstyr</a:t>
              </a:r>
            </a:p>
          </p:txBody>
        </p:sp>
        <p:sp>
          <p:nvSpPr>
            <p:cNvPr id="21" name="Rectangle 36">
              <a:extLst>
                <a:ext uri="{FF2B5EF4-FFF2-40B4-BE49-F238E27FC236}">
                  <a16:creationId xmlns:a16="http://schemas.microsoft.com/office/drawing/2014/main" id="{CF072582-5693-7101-C35B-B88DAD645585}"/>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centerinfrastruktur</a:t>
              </a:r>
            </a:p>
          </p:txBody>
        </p:sp>
        <p:sp>
          <p:nvSpPr>
            <p:cNvPr id="24" name="Rectangle 36">
              <a:extLst>
                <a:ext uri="{FF2B5EF4-FFF2-40B4-BE49-F238E27FC236}">
                  <a16:creationId xmlns:a16="http://schemas.microsoft.com/office/drawing/2014/main" id="{6CCD760D-DAD4-AC6D-B236-16B27319A883}"/>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Netværksinfrastruktur</a:t>
              </a:r>
            </a:p>
          </p:txBody>
        </p:sp>
      </p:grpSp>
      <p:sp>
        <p:nvSpPr>
          <p:cNvPr id="4" name="Rectangle: Rounded Corners 3">
            <a:extLst>
              <a:ext uri="{FF2B5EF4-FFF2-40B4-BE49-F238E27FC236}">
                <a16:creationId xmlns:a16="http://schemas.microsoft.com/office/drawing/2014/main" id="{EBF9FEB7-8CFA-FAF6-CFB3-DCBA825852AA}"/>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3" name="Rectangle: Rounded Corners 52">
            <a:extLst>
              <a:ext uri="{FF2B5EF4-FFF2-40B4-BE49-F238E27FC236}">
                <a16:creationId xmlns:a16="http://schemas.microsoft.com/office/drawing/2014/main" id="{411902E6-BB64-2CBD-F450-0832A6478B3E}"/>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chemeClr val="lt1">
                  <a:alpha val="50000"/>
                </a:schemeClr>
              </a:solidFill>
            </a:endParaRPr>
          </a:p>
        </p:txBody>
      </p:sp>
      <p:sp>
        <p:nvSpPr>
          <p:cNvPr id="9" name="Rectangle: Rounded Corners 8">
            <a:extLst>
              <a:ext uri="{FF2B5EF4-FFF2-40B4-BE49-F238E27FC236}">
                <a16:creationId xmlns:a16="http://schemas.microsoft.com/office/drawing/2014/main" id="{616B7AD9-9181-3F32-4E79-AAD1136EEE59}"/>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3" name="Content Placeholder 5">
            <a:extLst>
              <a:ext uri="{FF2B5EF4-FFF2-40B4-BE49-F238E27FC236}">
                <a16:creationId xmlns:a16="http://schemas.microsoft.com/office/drawing/2014/main" id="{7BA66D2E-5FEA-7289-9E1D-E04DB8319927}"/>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Karakteristika, gevinster og barrierer</a:t>
            </a:r>
          </a:p>
        </p:txBody>
      </p:sp>
      <p:grpSp>
        <p:nvGrpSpPr>
          <p:cNvPr id="71" name="Group 70" descr="Casen er i drift fasen">
            <a:extLst>
              <a:ext uri="{FF2B5EF4-FFF2-40B4-BE49-F238E27FC236}">
                <a16:creationId xmlns:a16="http://schemas.microsoft.com/office/drawing/2014/main" id="{25B0D858-DE82-C287-D109-6C2715635131}"/>
              </a:ext>
              <a:ext uri="{C183D7F6-B498-43B3-948B-1728B52AA6E4}">
                <adec:decorative xmlns:adec="http://schemas.microsoft.com/office/drawing/2017/decorative" val="0"/>
              </a:ext>
            </a:extLst>
          </p:cNvPr>
          <p:cNvGrpSpPr/>
          <p:nvPr/>
        </p:nvGrpSpPr>
        <p:grpSpPr>
          <a:xfrm>
            <a:off x="6937091" y="1945363"/>
            <a:ext cx="2371002" cy="233209"/>
            <a:chOff x="579065" y="3721174"/>
            <a:chExt cx="2371002" cy="233209"/>
          </a:xfrm>
        </p:grpSpPr>
        <p:cxnSp>
          <p:nvCxnSpPr>
            <p:cNvPr id="62" name="Straight Connector 61">
              <a:extLst>
                <a:ext uri="{FF2B5EF4-FFF2-40B4-BE49-F238E27FC236}">
                  <a16:creationId xmlns:a16="http://schemas.microsoft.com/office/drawing/2014/main" id="{A6B6BEC6-D98A-4030-AC84-5B24C1743CDE}"/>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572B6555-CA4A-45EB-611C-AAD54470F7A1}"/>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55" name="TextBox 54">
              <a:extLst>
                <a:ext uri="{FF2B5EF4-FFF2-40B4-BE49-F238E27FC236}">
                  <a16:creationId xmlns:a16="http://schemas.microsoft.com/office/drawing/2014/main" id="{6A6BFA86-A46E-7857-852E-65C758D0451D}"/>
                </a:ext>
              </a:extLst>
            </p:cNvPr>
            <p:cNvSpPr txBox="1"/>
            <p:nvPr/>
          </p:nvSpPr>
          <p:spPr>
            <a:xfrm>
              <a:off x="579065" y="3723935"/>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dé</a:t>
              </a:r>
            </a:p>
          </p:txBody>
        </p:sp>
        <p:sp>
          <p:nvSpPr>
            <p:cNvPr id="56" name="TextBox 55">
              <a:extLst>
                <a:ext uri="{FF2B5EF4-FFF2-40B4-BE49-F238E27FC236}">
                  <a16:creationId xmlns:a16="http://schemas.microsoft.com/office/drawing/2014/main" id="{0BEDBD2B-8431-6818-BD63-6EBD53FC78AA}"/>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Projekt</a:t>
              </a:r>
            </a:p>
          </p:txBody>
        </p:sp>
        <p:sp>
          <p:nvSpPr>
            <p:cNvPr id="65" name="TextBox 64">
              <a:extLst>
                <a:ext uri="{FF2B5EF4-FFF2-40B4-BE49-F238E27FC236}">
                  <a16:creationId xmlns:a16="http://schemas.microsoft.com/office/drawing/2014/main" id="{A8D2C062-EDD3-9CB5-0C7A-82756CD7F72D}"/>
                </a:ext>
              </a:extLst>
            </p:cNvPr>
            <p:cNvSpPr txBox="1"/>
            <p:nvPr/>
          </p:nvSpPr>
          <p:spPr>
            <a:xfrm>
              <a:off x="1681056" y="3722668"/>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mplementering</a:t>
              </a:r>
            </a:p>
          </p:txBody>
        </p:sp>
        <p:sp>
          <p:nvSpPr>
            <p:cNvPr id="66" name="TextBox 65">
              <a:extLst>
                <a:ext uri="{FF2B5EF4-FFF2-40B4-BE49-F238E27FC236}">
                  <a16:creationId xmlns:a16="http://schemas.microsoft.com/office/drawing/2014/main" id="{7A94B2EB-A584-861E-991B-5AB935277E0F}"/>
                </a:ext>
              </a:extLst>
            </p:cNvPr>
            <p:cNvSpPr txBox="1"/>
            <p:nvPr/>
          </p:nvSpPr>
          <p:spPr>
            <a:xfrm>
              <a:off x="2299837" y="3723935"/>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Drift*</a:t>
              </a:r>
            </a:p>
          </p:txBody>
        </p:sp>
        <p:cxnSp>
          <p:nvCxnSpPr>
            <p:cNvPr id="68" name="Straight Connector 67">
              <a:extLst>
                <a:ext uri="{FF2B5EF4-FFF2-40B4-BE49-F238E27FC236}">
                  <a16:creationId xmlns:a16="http://schemas.microsoft.com/office/drawing/2014/main" id="{2C43016C-0CF4-454E-A360-A255462BA7FE}"/>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E397A935-4DF6-6037-BEFF-993E616A6350}"/>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25BEEF8B-D3D6-3452-D8C8-EA762BF61947}"/>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12" name="Content Placeholder 5">
            <a:extLst>
              <a:ext uri="{FF2B5EF4-FFF2-40B4-BE49-F238E27FC236}">
                <a16:creationId xmlns:a16="http://schemas.microsoft.com/office/drawing/2014/main" id="{B3094A7D-E004-B5C6-41F8-323439EDB865}"/>
              </a:ext>
            </a:extLst>
          </p:cNvPr>
          <p:cNvSpPr txBox="1">
            <a:spLocks/>
          </p:cNvSpPr>
          <p:nvPr/>
        </p:nvSpPr>
        <p:spPr>
          <a:xfrm>
            <a:off x="552449" y="6488478"/>
            <a:ext cx="11470014" cy="9724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700" b="0" i="1" noProof="0" dirty="0">
                <a:solidFill>
                  <a:schemeClr val="tx1"/>
                </a:solidFill>
              </a:rPr>
              <a:t>*Bemærk, at der i Schleswig-Holstein-casen allerede er flere løsninger i drift, imens enkelte initiativer fortsat befinder sig i implementeringsfasen. **Ud af de 30.000 delstatsansatte er det 24.000, der arbejder ved en computer og derfor indgår i den digitale transformation.</a:t>
            </a:r>
          </a:p>
        </p:txBody>
      </p:sp>
      <p:sp>
        <p:nvSpPr>
          <p:cNvPr id="14" name="Rectangle 13">
            <a:extLst>
              <a:ext uri="{FF2B5EF4-FFF2-40B4-BE49-F238E27FC236}">
                <a16:creationId xmlns:a16="http://schemas.microsoft.com/office/drawing/2014/main" id="{93C4BBE6-67DC-C691-F13B-7A075449FF4D}"/>
              </a:ext>
            </a:extLst>
          </p:cNvPr>
          <p:cNvSpPr/>
          <p:nvPr/>
        </p:nvSpPr>
        <p:spPr>
          <a:xfrm>
            <a:off x="3408013" y="2139036"/>
            <a:ext cx="584007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900" b="1" noProof="0" dirty="0">
                <a:solidFill>
                  <a:srgbClr val="36465A"/>
                </a:solidFill>
              </a:rPr>
              <a:t>Generelle</a:t>
            </a:r>
            <a:r>
              <a:rPr lang="da-DK" sz="1000" b="1" noProof="0" dirty="0">
                <a:solidFill>
                  <a:srgbClr val="36465A"/>
                </a:solidFill>
              </a:rPr>
              <a:t> </a:t>
            </a:r>
            <a:r>
              <a:rPr lang="da-DK" sz="900" b="1" noProof="0" dirty="0">
                <a:solidFill>
                  <a:srgbClr val="36465A"/>
                </a:solidFill>
              </a:rPr>
              <a:t>karakteristika</a:t>
            </a:r>
          </a:p>
          <a:p>
            <a:pPr marL="171450" indent="-171450">
              <a:buFont typeface="Wingdings" panose="05000000000000000000" pitchFamily="2" charset="2"/>
              <a:buChar char="Ø"/>
            </a:pPr>
            <a:r>
              <a:rPr lang="da-DK" sz="900" b="1" noProof="0" dirty="0">
                <a:solidFill>
                  <a:schemeClr val="tx1"/>
                </a:solidFill>
              </a:rPr>
              <a:t>Status på projekt: </a:t>
            </a:r>
            <a:r>
              <a:rPr lang="da-DK" sz="900" noProof="0" dirty="0">
                <a:solidFill>
                  <a:schemeClr val="tx1"/>
                </a:solidFill>
                <a:sym typeface="Wingdings" panose="05000000000000000000" pitchFamily="2" charset="2"/>
              </a:rPr>
              <a:t>Schleswig-Holstein begyndte at bevæge sig hen imod open source i 2012 med målet om at være fri for alle (på nær få kritiske) Microsoft-produkter i 2029. 24.000 ud af 30.000 delstatsansatte anvender nu den nye it-arbejdsplads**, hvor Microsoft-programmer for e-mail og dokumentsamarbejde er blevet udskiftet. I øjeblikket tester omkring 150 personer det nye operativsystem (Linux), mhp. at øge dette antal til 1.000 personer i 2026. </a:t>
            </a:r>
            <a:endParaRPr lang="da-DK" sz="900" b="1" i="1" noProof="0" dirty="0">
              <a:solidFill>
                <a:schemeClr val="tx1"/>
              </a:solidFill>
            </a:endParaRPr>
          </a:p>
          <a:p>
            <a:pPr marL="171450" indent="-171450">
              <a:spcAft>
                <a:spcPts val="300"/>
              </a:spcAft>
              <a:buFont typeface="Wingdings" panose="05000000000000000000" pitchFamily="2" charset="2"/>
              <a:buChar char="Ø"/>
            </a:pPr>
            <a:r>
              <a:rPr lang="da-DK" sz="900" b="1" noProof="0" dirty="0">
                <a:solidFill>
                  <a:schemeClr val="tx1"/>
                </a:solidFill>
              </a:rPr>
              <a:t>Antal myndigheder/organisationer: </a:t>
            </a:r>
            <a:r>
              <a:rPr lang="da-DK" sz="900" noProof="0" dirty="0">
                <a:solidFill>
                  <a:schemeClr val="tx1"/>
                </a:solidFill>
              </a:rPr>
              <a:t>Transformationen omfatter ni ministerier og 20 underliggende statslige myndigheder, understøttet af en fælles service- og supportstruktur (3-tier supportmodel med tyske open source-leverandører).</a:t>
            </a:r>
            <a:endParaRPr lang="da-DK" sz="900" b="1" noProof="0" dirty="0">
              <a:solidFill>
                <a:schemeClr val="tx1"/>
              </a:solidFill>
            </a:endParaRPr>
          </a:p>
          <a:p>
            <a:pPr marL="171450" indent="-171450">
              <a:spcAft>
                <a:spcPts val="300"/>
              </a:spcAft>
              <a:buFont typeface="Wingdings" panose="05000000000000000000" pitchFamily="2" charset="2"/>
              <a:buChar char="Ø"/>
            </a:pPr>
            <a:r>
              <a:rPr lang="da-DK" sz="900" b="1" noProof="0" dirty="0">
                <a:solidFill>
                  <a:schemeClr val="tx1"/>
                </a:solidFill>
              </a:rPr>
              <a:t>Geografisk omfang: </a:t>
            </a:r>
            <a:r>
              <a:rPr lang="da-DK" sz="900" noProof="0" dirty="0">
                <a:solidFill>
                  <a:schemeClr val="tx1"/>
                </a:solidFill>
              </a:rPr>
              <a:t>(Del)Statslig aktør i det nordlige Tyskland med knap tre mio. indbyggere.</a:t>
            </a:r>
          </a:p>
          <a:p>
            <a:pPr marL="171450" indent="-171450">
              <a:spcAft>
                <a:spcPts val="300"/>
              </a:spcAft>
              <a:buFont typeface="Wingdings" panose="05000000000000000000" pitchFamily="2" charset="2"/>
              <a:buChar char="Ø"/>
            </a:pPr>
            <a:r>
              <a:rPr lang="da-DK" sz="900" b="1" noProof="0" dirty="0">
                <a:solidFill>
                  <a:schemeClr val="tx1"/>
                </a:solidFill>
              </a:rPr>
              <a:t>Antal brugere omfattet: </a:t>
            </a:r>
            <a:r>
              <a:rPr lang="da-DK" sz="900" noProof="0" dirty="0">
                <a:solidFill>
                  <a:schemeClr val="tx1"/>
                </a:solidFill>
              </a:rPr>
              <a:t>Projektet dækker ca. 30.000 offentligt ansatte.</a:t>
            </a:r>
            <a:endParaRPr lang="da-DK" sz="900" b="1" noProof="0" dirty="0">
              <a:solidFill>
                <a:schemeClr val="tx1"/>
              </a:solidFill>
            </a:endParaRPr>
          </a:p>
          <a:p>
            <a:pPr marL="171450" indent="-171450">
              <a:spcAft>
                <a:spcPts val="300"/>
              </a:spcAft>
              <a:buFont typeface="Wingdings" panose="05000000000000000000" pitchFamily="2" charset="2"/>
              <a:buChar char="Ø"/>
            </a:pPr>
            <a:r>
              <a:rPr lang="da-DK" sz="900" b="1" noProof="0" dirty="0">
                <a:solidFill>
                  <a:schemeClr val="tx1"/>
                </a:solidFill>
              </a:rPr>
              <a:t>Antal systemer berørt: </a:t>
            </a:r>
            <a:r>
              <a:rPr lang="da-DK" sz="900" noProof="0" dirty="0">
                <a:solidFill>
                  <a:schemeClr val="tx1"/>
                </a:solidFill>
              </a:rPr>
              <a:t>Transformationen berører en lang række systemer herunder kontorpakken, fag- og forretningssystemer, specialsystemer, styresystemer og Active Directory (adgangsstyring).</a:t>
            </a:r>
            <a:endParaRPr lang="da-DK" sz="900" b="1" noProof="0" dirty="0">
              <a:solidFill>
                <a:schemeClr val="tx1"/>
              </a:solidFill>
            </a:endParaRPr>
          </a:p>
        </p:txBody>
      </p:sp>
      <p:sp>
        <p:nvSpPr>
          <p:cNvPr id="49" name="Isosceles Triangle 48">
            <a:extLst>
              <a:ext uri="{FF2B5EF4-FFF2-40B4-BE49-F238E27FC236}">
                <a16:creationId xmlns:a16="http://schemas.microsoft.com/office/drawing/2014/main" id="{03C4D17A-C8CE-F99D-DD49-6AFEE5407795}"/>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6" name="Straight Connector 5">
            <a:extLst>
              <a:ext uri="{FF2B5EF4-FFF2-40B4-BE49-F238E27FC236}">
                <a16:creationId xmlns:a16="http://schemas.microsoft.com/office/drawing/2014/main" id="{E60B008A-0DD3-355E-CEF6-532918660EED}"/>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F53541A0-1458-8575-EB72-48F39F3E5969}"/>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Gevinster </a:t>
            </a:r>
          </a:p>
        </p:txBody>
      </p:sp>
      <p:sp>
        <p:nvSpPr>
          <p:cNvPr id="59" name="Content Placeholder 5">
            <a:extLst>
              <a:ext uri="{FF2B5EF4-FFF2-40B4-BE49-F238E27FC236}">
                <a16:creationId xmlns:a16="http://schemas.microsoft.com/office/drawing/2014/main" id="{4D9246E4-3130-95E8-A61F-E8AF788B4779}"/>
              </a:ext>
            </a:extLst>
          </p:cNvPr>
          <p:cNvSpPr txBox="1">
            <a:spLocks/>
          </p:cNvSpPr>
          <p:nvPr/>
        </p:nvSpPr>
        <p:spPr>
          <a:xfrm>
            <a:off x="3484616" y="4541641"/>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dirty="0">
                <a:solidFill>
                  <a:schemeClr val="tx1"/>
                </a:solidFill>
              </a:rPr>
              <a:t>Åbenhed og kontrol: </a:t>
            </a:r>
            <a:r>
              <a:rPr lang="da-DK" sz="900" b="0" noProof="0" dirty="0">
                <a:solidFill>
                  <a:schemeClr val="tx1"/>
                </a:solidFill>
              </a:rPr>
              <a:t>Mindre afhængighed af </a:t>
            </a:r>
            <a:r>
              <a:rPr lang="da-DK" sz="900" b="0" noProof="0" dirty="0" err="1">
                <a:solidFill>
                  <a:schemeClr val="tx1"/>
                </a:solidFill>
              </a:rPr>
              <a:t>proprietære</a:t>
            </a:r>
            <a:r>
              <a:rPr lang="da-DK" sz="900" b="0" noProof="0" dirty="0">
                <a:solidFill>
                  <a:schemeClr val="tx1"/>
                </a:solidFill>
              </a:rPr>
              <a:t> platforme, større transparens og kontrol over egen it-infrastruktur samt øget kompatibilitet og innovationskraft gennem åbne standarder og open source.</a:t>
            </a:r>
            <a:endParaRPr lang="da-DK" sz="900" noProof="0" dirty="0">
              <a:solidFill>
                <a:schemeClr val="tx1"/>
              </a:solidFill>
            </a:endParaRPr>
          </a:p>
          <a:p>
            <a:pPr marL="171450" indent="-171450">
              <a:buFont typeface="Wingdings" panose="05000000000000000000" pitchFamily="2" charset="2"/>
              <a:buChar char="Ø"/>
            </a:pPr>
            <a:r>
              <a:rPr lang="da-DK" sz="900" noProof="0" dirty="0">
                <a:solidFill>
                  <a:schemeClr val="tx1"/>
                </a:solidFill>
              </a:rPr>
              <a:t>Reducerede licensomkostninger: </a:t>
            </a:r>
            <a:r>
              <a:rPr lang="da-DK" sz="900" b="0" noProof="0" dirty="0">
                <a:solidFill>
                  <a:schemeClr val="tx1"/>
                </a:solidFill>
              </a:rPr>
              <a:t>Microsoft Office-licenser er blevet reduceret med 70% svarende til ca. € 1-1,5 mio. Den frigjorte økonomi er blevet investeret i transformationsprojektet og anvendt til at dække nye driftsomkostninger. </a:t>
            </a:r>
            <a:endParaRPr lang="da-DK" b="0" noProof="0" dirty="0">
              <a:solidFill>
                <a:schemeClr val="tx1"/>
              </a:solidFill>
            </a:endParaRPr>
          </a:p>
        </p:txBody>
      </p:sp>
      <p:sp>
        <p:nvSpPr>
          <p:cNvPr id="23" name="Content Placeholder 5">
            <a:extLst>
              <a:ext uri="{FF2B5EF4-FFF2-40B4-BE49-F238E27FC236}">
                <a16:creationId xmlns:a16="http://schemas.microsoft.com/office/drawing/2014/main" id="{36C219B5-5C36-AE5E-4648-F36E065E7A73}"/>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Barrierer</a:t>
            </a:r>
          </a:p>
        </p:txBody>
      </p:sp>
      <p:sp>
        <p:nvSpPr>
          <p:cNvPr id="60" name="Content Placeholder 5">
            <a:extLst>
              <a:ext uri="{FF2B5EF4-FFF2-40B4-BE49-F238E27FC236}">
                <a16:creationId xmlns:a16="http://schemas.microsoft.com/office/drawing/2014/main" id="{8C9BF5DF-867F-27A5-83B3-7113D9C99BF6}"/>
              </a:ext>
            </a:extLst>
          </p:cNvPr>
          <p:cNvSpPr txBox="1">
            <a:spLocks/>
          </p:cNvSpPr>
          <p:nvPr/>
        </p:nvSpPr>
        <p:spPr>
          <a:xfrm>
            <a:off x="6445567" y="4578217"/>
            <a:ext cx="2785220" cy="163562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lvl="0" indent="-171450" defTabSz="914400" eaLnBrk="0" fontAlgn="base" hangingPunct="0">
              <a:spcBef>
                <a:spcPct val="0"/>
              </a:spcBef>
              <a:spcAft>
                <a:spcPct val="0"/>
              </a:spcAft>
              <a:buFont typeface="Wingdings" panose="05000000000000000000" pitchFamily="2" charset="2"/>
              <a:buChar char="Ø"/>
            </a:pPr>
            <a:r>
              <a:rPr lang="da-DK" sz="900" noProof="0" dirty="0">
                <a:solidFill>
                  <a:schemeClr val="tx1"/>
                </a:solidFill>
              </a:rPr>
              <a:t>Kompleksitet i migrering</a:t>
            </a:r>
            <a:r>
              <a:rPr lang="da-DK" sz="900" b="0" noProof="0" dirty="0">
                <a:solidFill>
                  <a:schemeClr val="tx1"/>
                </a:solidFill>
              </a:rPr>
              <a:t>: Ved skift fra Microsoft Exchange/Outlook til Open-</a:t>
            </a:r>
            <a:r>
              <a:rPr lang="da-DK" sz="900" b="0" noProof="0" dirty="0" err="1">
                <a:solidFill>
                  <a:schemeClr val="tx1"/>
                </a:solidFill>
              </a:rPr>
              <a:t>Xchange</a:t>
            </a:r>
            <a:r>
              <a:rPr lang="da-DK" sz="900" b="0" noProof="0" dirty="0">
                <a:solidFill>
                  <a:schemeClr val="tx1"/>
                </a:solidFill>
              </a:rPr>
              <a:t> og fra SharePoint til </a:t>
            </a:r>
            <a:r>
              <a:rPr lang="da-DK" sz="900" b="0" noProof="0" dirty="0" err="1">
                <a:solidFill>
                  <a:schemeClr val="tx1"/>
                </a:solidFill>
              </a:rPr>
              <a:t>Nextcloud</a:t>
            </a:r>
            <a:r>
              <a:rPr lang="da-DK" sz="900" b="0" noProof="0" dirty="0">
                <a:solidFill>
                  <a:schemeClr val="tx1"/>
                </a:solidFill>
              </a:rPr>
              <a:t>. Nogle SharePoint-løsninger kunne ikke migreres direkte og måtte genimplementeres i low-code-miljøer.</a:t>
            </a:r>
          </a:p>
          <a:p>
            <a:pPr marL="171450" lvl="0" indent="-171450" defTabSz="914400" eaLnBrk="0" fontAlgn="base" hangingPunct="0">
              <a:spcBef>
                <a:spcPct val="0"/>
              </a:spcBef>
              <a:spcAft>
                <a:spcPct val="0"/>
              </a:spcAft>
              <a:buFont typeface="Wingdings" panose="05000000000000000000" pitchFamily="2" charset="2"/>
              <a:buChar char="Ø"/>
            </a:pPr>
            <a:r>
              <a:rPr lang="da-DK" sz="900" noProof="0" dirty="0">
                <a:solidFill>
                  <a:schemeClr val="tx1"/>
                </a:solidFill>
              </a:rPr>
              <a:t>Skift af Active Directory</a:t>
            </a:r>
            <a:r>
              <a:rPr lang="da-DK" sz="900" b="0" noProof="0" dirty="0">
                <a:solidFill>
                  <a:schemeClr val="tx1"/>
                </a:solidFill>
              </a:rPr>
              <a:t>: Migrering af central identitets- og adgangsstyring er et “heavy </a:t>
            </a:r>
            <a:r>
              <a:rPr lang="da-DK" sz="900" b="0" noProof="0" dirty="0" err="1">
                <a:solidFill>
                  <a:schemeClr val="tx1"/>
                </a:solidFill>
              </a:rPr>
              <a:t>lifting</a:t>
            </a:r>
            <a:r>
              <a:rPr lang="da-DK" sz="900" b="0" noProof="0" dirty="0">
                <a:solidFill>
                  <a:schemeClr val="tx1"/>
                </a:solidFill>
              </a:rPr>
              <a:t>”- projekt, da infrastrukturen er bundet op på Microsoft AD. </a:t>
            </a:r>
            <a:r>
              <a:rPr lang="da-DK" sz="900" b="0" noProof="0" dirty="0" err="1">
                <a:solidFill>
                  <a:schemeClr val="tx1"/>
                </a:solidFill>
              </a:rPr>
              <a:t>Backend</a:t>
            </a:r>
            <a:r>
              <a:rPr lang="da-DK" sz="900" b="0" noProof="0" dirty="0">
                <a:solidFill>
                  <a:schemeClr val="tx1"/>
                </a:solidFill>
              </a:rPr>
              <a:t> skal fortsat erstattes.</a:t>
            </a:r>
          </a:p>
          <a:p>
            <a:pPr marL="171450" lvl="0" indent="-171450" defTabSz="914400" eaLnBrk="0" fontAlgn="base" hangingPunct="0">
              <a:spcBef>
                <a:spcPct val="0"/>
              </a:spcBef>
              <a:spcAft>
                <a:spcPct val="0"/>
              </a:spcAft>
              <a:buFont typeface="Wingdings" panose="05000000000000000000" pitchFamily="2" charset="2"/>
              <a:buChar char="Ø"/>
            </a:pPr>
            <a:r>
              <a:rPr lang="da-DK" sz="900" noProof="0" dirty="0">
                <a:solidFill>
                  <a:schemeClr val="tx1"/>
                </a:solidFill>
              </a:rPr>
              <a:t>Skalerbarhed</a:t>
            </a:r>
            <a:r>
              <a:rPr lang="da-DK" sz="900" b="0" noProof="0" dirty="0">
                <a:solidFill>
                  <a:schemeClr val="tx1"/>
                </a:solidFill>
              </a:rPr>
              <a:t>: At gå fra 50–60 daglige migreringer til 2.500–3.000 migreringer krævede stor teknisk og organisatorisk kapacitet. </a:t>
            </a:r>
          </a:p>
        </p:txBody>
      </p:sp>
      <p:cxnSp>
        <p:nvCxnSpPr>
          <p:cNvPr id="25" name="Straight Connector 24">
            <a:extLst>
              <a:ext uri="{FF2B5EF4-FFF2-40B4-BE49-F238E27FC236}">
                <a16:creationId xmlns:a16="http://schemas.microsoft.com/office/drawing/2014/main" id="{48726581-B0D4-CA4E-5C61-C593121BF0D3}"/>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6AA87D83-FA18-041E-D619-1A32813B8211}"/>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cxnSp>
        <p:nvCxnSpPr>
          <p:cNvPr id="57" name="Straight Connector 56">
            <a:extLst>
              <a:ext uri="{FF2B5EF4-FFF2-40B4-BE49-F238E27FC236}">
                <a16:creationId xmlns:a16="http://schemas.microsoft.com/office/drawing/2014/main" id="{81E9DDA6-1E23-A1C2-1175-514954B16E9C}"/>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4ED1238B-B32B-5FD6-B787-2D117ACFB94E}"/>
              </a:ext>
              <a:ext uri="{C183D7F6-B498-43B3-948B-1728B52AA6E4}">
                <adec:decorative xmlns:adec="http://schemas.microsoft.com/office/drawing/2017/decorative" val="1"/>
              </a:ext>
            </a:extLst>
          </p:cNvPr>
          <p:cNvCxnSpPr>
            <a:cxnSpLocks/>
          </p:cNvCxnSpPr>
          <p:nvPr/>
        </p:nvCxnSpPr>
        <p:spPr>
          <a:xfrm>
            <a:off x="6585098"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F4F7D672-9F15-EF9D-0AB9-536477B454CD}"/>
              </a:ext>
              <a:ext uri="{C183D7F6-B498-43B3-948B-1728B52AA6E4}">
                <adec:decorative xmlns:adec="http://schemas.microsoft.com/office/drawing/2017/decorative" val="1"/>
              </a:ext>
            </a:extLst>
          </p:cNvPr>
          <p:cNvCxnSpPr>
            <a:cxnSpLocks/>
          </p:cNvCxnSpPr>
          <p:nvPr/>
        </p:nvCxnSpPr>
        <p:spPr>
          <a:xfrm>
            <a:off x="3408176" y="2122972"/>
            <a:ext cx="3493285" cy="16064"/>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6" name="Rectangle 25">
            <a:extLst>
              <a:ext uri="{FF2B5EF4-FFF2-40B4-BE49-F238E27FC236}">
                <a16:creationId xmlns:a16="http://schemas.microsoft.com/office/drawing/2014/main" id="{F968423D-338C-6B3D-5DD1-67C21331D8F6}"/>
              </a:ext>
              <a:ext uri="{C183D7F6-B498-43B3-948B-1728B52AA6E4}">
                <adec:decorative xmlns:adec="http://schemas.microsoft.com/office/drawing/2017/decorative" val="1"/>
              </a:ext>
            </a:extLst>
          </p:cNvPr>
          <p:cNvSpPr>
            <a:spLocks/>
          </p:cNvSpPr>
          <p:nvPr/>
        </p:nvSpPr>
        <p:spPr>
          <a:xfrm>
            <a:off x="1061353" y="5885157"/>
            <a:ext cx="1994269" cy="433874"/>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7" name="Rectangle 26">
            <a:extLst>
              <a:ext uri="{FF2B5EF4-FFF2-40B4-BE49-F238E27FC236}">
                <a16:creationId xmlns:a16="http://schemas.microsoft.com/office/drawing/2014/main" id="{71730C03-2E2A-3EFE-66C3-0C9A294ED1E5}"/>
              </a:ext>
              <a:ext uri="{C183D7F6-B498-43B3-948B-1728B52AA6E4}">
                <adec:decorative xmlns:adec="http://schemas.microsoft.com/office/drawing/2017/decorative" val="1"/>
              </a:ext>
            </a:extLst>
          </p:cNvPr>
          <p:cNvSpPr>
            <a:spLocks/>
          </p:cNvSpPr>
          <p:nvPr/>
        </p:nvSpPr>
        <p:spPr>
          <a:xfrm>
            <a:off x="1066246" y="4281488"/>
            <a:ext cx="2020311" cy="201263"/>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8" name="Rectangle 27">
            <a:extLst>
              <a:ext uri="{FF2B5EF4-FFF2-40B4-BE49-F238E27FC236}">
                <a16:creationId xmlns:a16="http://schemas.microsoft.com/office/drawing/2014/main" id="{D3A1B95D-0307-422D-E9C4-2A435CA089D1}"/>
              </a:ext>
              <a:ext uri="{C183D7F6-B498-43B3-948B-1728B52AA6E4}">
                <adec:decorative xmlns:adec="http://schemas.microsoft.com/office/drawing/2017/decorative" val="1"/>
              </a:ext>
            </a:extLst>
          </p:cNvPr>
          <p:cNvSpPr>
            <a:spLocks/>
          </p:cNvSpPr>
          <p:nvPr/>
        </p:nvSpPr>
        <p:spPr>
          <a:xfrm>
            <a:off x="1067964" y="5439022"/>
            <a:ext cx="2020311" cy="191405"/>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15" name="Rectangle 114">
            <a:extLst>
              <a:ext uri="{FF2B5EF4-FFF2-40B4-BE49-F238E27FC236}">
                <a16:creationId xmlns:a16="http://schemas.microsoft.com/office/drawing/2014/main" id="{970A914F-99CB-2EB6-7275-1D56564A237B}"/>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endParaRPr lang="da-DK" sz="900" b="1" noProof="0">
              <a:solidFill>
                <a:schemeClr val="tx1"/>
              </a:solidFill>
            </a:endParaRPr>
          </a:p>
        </p:txBody>
      </p:sp>
      <p:cxnSp>
        <p:nvCxnSpPr>
          <p:cNvPr id="30" name="Straight Connector 29">
            <a:extLst>
              <a:ext uri="{FF2B5EF4-FFF2-40B4-BE49-F238E27FC236}">
                <a16:creationId xmlns:a16="http://schemas.microsoft.com/office/drawing/2014/main" id="{8442E2B8-18F2-BEEC-B96D-A855743F90DC}"/>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1A26DCA8-2111-D7B6-00AA-75202E27F1B0}"/>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74" name="Oval 73">
            <a:extLst>
              <a:ext uri="{FF2B5EF4-FFF2-40B4-BE49-F238E27FC236}">
                <a16:creationId xmlns:a16="http://schemas.microsoft.com/office/drawing/2014/main" id="{F3EF4F72-A64B-FD66-F293-6DDF83937C31}"/>
              </a:ext>
              <a:ext uri="{C183D7F6-B498-43B3-948B-1728B52AA6E4}">
                <adec:decorative xmlns:adec="http://schemas.microsoft.com/office/drawing/2017/decorative" val="1"/>
              </a:ext>
            </a:extLst>
          </p:cNvPr>
          <p:cNvSpPr/>
          <p:nvPr/>
        </p:nvSpPr>
        <p:spPr>
          <a:xfrm>
            <a:off x="8919199"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pic>
        <p:nvPicPr>
          <p:cNvPr id="85" name="Graphic 84">
            <a:extLst>
              <a:ext uri="{FF2B5EF4-FFF2-40B4-BE49-F238E27FC236}">
                <a16:creationId xmlns:a16="http://schemas.microsoft.com/office/drawing/2014/main" id="{D36C1C4E-B53D-B24B-6EC1-C8B4181EC1F2}"/>
              </a:ext>
              <a:ext uri="{C183D7F6-B498-43B3-948B-1728B52AA6E4}">
                <adec:decorative xmlns:adec="http://schemas.microsoft.com/office/drawing/2017/decorative" val="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0007612" y="252814"/>
            <a:ext cx="2014851" cy="842208"/>
          </a:xfrm>
          <a:prstGeom prst="rect">
            <a:avLst/>
          </a:prstGeom>
        </p:spPr>
      </p:pic>
      <p:sp>
        <p:nvSpPr>
          <p:cNvPr id="120" name="Rectangle 119">
            <a:extLst>
              <a:ext uri="{FF2B5EF4-FFF2-40B4-BE49-F238E27FC236}">
                <a16:creationId xmlns:a16="http://schemas.microsoft.com/office/drawing/2014/main" id="{A0EA2AC1-266D-8568-FDCC-00255D3813D2}"/>
              </a:ext>
              <a:ext uri="{C183D7F6-B498-43B3-948B-1728B52AA6E4}">
                <adec:decorative xmlns:adec="http://schemas.microsoft.com/office/drawing/2017/decorative" val="1"/>
              </a:ext>
            </a:extLst>
          </p:cNvPr>
          <p:cNvSpPr>
            <a:spLocks/>
          </p:cNvSpPr>
          <p:nvPr/>
        </p:nvSpPr>
        <p:spPr>
          <a:xfrm>
            <a:off x="9690495" y="3193697"/>
            <a:ext cx="2232800" cy="303255"/>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grpSp>
        <p:nvGrpSpPr>
          <p:cNvPr id="146" name="Group 145">
            <a:extLst>
              <a:ext uri="{FF2B5EF4-FFF2-40B4-BE49-F238E27FC236}">
                <a16:creationId xmlns:a16="http://schemas.microsoft.com/office/drawing/2014/main" id="{029F4B43-7E72-FE96-6ACB-B2DACE7BDF2C}"/>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47" name="Rectangle 146">
              <a:extLst>
                <a:ext uri="{FF2B5EF4-FFF2-40B4-BE49-F238E27FC236}">
                  <a16:creationId xmlns:a16="http://schemas.microsoft.com/office/drawing/2014/main" id="{616F1F06-52D3-87F5-BC8D-2DDD75E838AF}"/>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8" name="Rectangle 147">
              <a:extLst>
                <a:ext uri="{FF2B5EF4-FFF2-40B4-BE49-F238E27FC236}">
                  <a16:creationId xmlns:a16="http://schemas.microsoft.com/office/drawing/2014/main" id="{56DE083E-B32F-9E45-1229-ADDBB35878AD}"/>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33" name="Rectangle 32">
            <a:extLst>
              <a:ext uri="{FF2B5EF4-FFF2-40B4-BE49-F238E27FC236}">
                <a16:creationId xmlns:a16="http://schemas.microsoft.com/office/drawing/2014/main" id="{C928778B-5AC7-F938-6261-FC108152C351}"/>
              </a:ext>
              <a:ext uri="{C183D7F6-B498-43B3-948B-1728B52AA6E4}">
                <adec:decorative xmlns:adec="http://schemas.microsoft.com/office/drawing/2017/decorative" val="1"/>
              </a:ext>
            </a:extLst>
          </p:cNvPr>
          <p:cNvSpPr>
            <a:spLocks/>
          </p:cNvSpPr>
          <p:nvPr/>
        </p:nvSpPr>
        <p:spPr>
          <a:xfrm>
            <a:off x="1064353" y="5641833"/>
            <a:ext cx="2020311" cy="23528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grpSp>
        <p:nvGrpSpPr>
          <p:cNvPr id="35" name="Gruppe 34" descr="Casen addresserer virkemidlerne Strategi og organisation, arkitektur og åbne standarder, indkøb, krav og leverandørsamarbejde samt alternative løsninger ">
            <a:extLst>
              <a:ext uri="{FF2B5EF4-FFF2-40B4-BE49-F238E27FC236}">
                <a16:creationId xmlns:a16="http://schemas.microsoft.com/office/drawing/2014/main" id="{67174D02-2796-4EF9-B586-E0EE7ED89673}"/>
              </a:ext>
            </a:extLst>
          </p:cNvPr>
          <p:cNvGrpSpPr/>
          <p:nvPr/>
        </p:nvGrpSpPr>
        <p:grpSpPr>
          <a:xfrm>
            <a:off x="9603525" y="1812067"/>
            <a:ext cx="2399666" cy="2088724"/>
            <a:chOff x="9603525" y="1812067"/>
            <a:chExt cx="2399666" cy="2088724"/>
          </a:xfrm>
        </p:grpSpPr>
        <p:sp>
          <p:nvSpPr>
            <p:cNvPr id="36" name="Content Placeholder 5">
              <a:extLst>
                <a:ext uri="{FF2B5EF4-FFF2-40B4-BE49-F238E27FC236}">
                  <a16:creationId xmlns:a16="http://schemas.microsoft.com/office/drawing/2014/main" id="{44D5F2C7-E30A-078D-9678-BCA09120A4C5}"/>
                </a:ext>
              </a:extLst>
            </p:cNvPr>
            <p:cNvSpPr txBox="1">
              <a:spLocks/>
            </p:cNvSpPr>
            <p:nvPr/>
          </p:nvSpPr>
          <p:spPr>
            <a:xfrm>
              <a:off x="9725863" y="1870757"/>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Virkemidler</a:t>
              </a:r>
            </a:p>
          </p:txBody>
        </p:sp>
        <p:sp>
          <p:nvSpPr>
            <p:cNvPr id="37" name="Rectangle: Rounded Corners 62">
              <a:extLst>
                <a:ext uri="{FF2B5EF4-FFF2-40B4-BE49-F238E27FC236}">
                  <a16:creationId xmlns:a16="http://schemas.microsoft.com/office/drawing/2014/main" id="{EC138D58-E116-FF4F-2572-AF8467F2D69A}"/>
                </a:ext>
              </a:extLst>
            </p:cNvPr>
            <p:cNvSpPr/>
            <p:nvPr/>
          </p:nvSpPr>
          <p:spPr>
            <a:xfrm>
              <a:off x="9603525" y="1812067"/>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dirty="0">
                <a:ln>
                  <a:noFill/>
                </a:ln>
                <a:solidFill>
                  <a:srgbClr val="A2B3C9"/>
                </a:solidFill>
                <a:effectLst/>
                <a:uLnTx/>
                <a:uFillTx/>
                <a:latin typeface="Arial" panose="020B0604020202020204"/>
                <a:ea typeface="+mn-ea"/>
                <a:cs typeface="+mn-cs"/>
              </a:endParaRPr>
            </a:p>
          </p:txBody>
        </p:sp>
        <p:sp>
          <p:nvSpPr>
            <p:cNvPr id="38" name="Rektangel: afrundede hjørner 10">
              <a:extLst>
                <a:ext uri="{FF2B5EF4-FFF2-40B4-BE49-F238E27FC236}">
                  <a16:creationId xmlns:a16="http://schemas.microsoft.com/office/drawing/2014/main" id="{604DB272-D070-F26E-674D-FBE3D70C7988}"/>
                </a:ext>
              </a:extLst>
            </p:cNvPr>
            <p:cNvSpPr>
              <a:spLocks/>
            </p:cNvSpPr>
            <p:nvPr/>
          </p:nvSpPr>
          <p:spPr>
            <a:xfrm>
              <a:off x="9715033" y="2160296"/>
              <a:ext cx="2190658" cy="252000"/>
            </a:xfrm>
            <a:prstGeom prst="roundRect">
              <a:avLst>
                <a:gd name="adj" fmla="val 5714"/>
              </a:avLst>
            </a:prstGeom>
            <a:solidFill>
              <a:srgbClr val="B7E5EE"/>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39" name="TextBox 4">
              <a:extLst>
                <a:ext uri="{FF2B5EF4-FFF2-40B4-BE49-F238E27FC236}">
                  <a16:creationId xmlns:a16="http://schemas.microsoft.com/office/drawing/2014/main" id="{253B1EF6-5759-6F9D-3894-D620DBE52AF8}"/>
                </a:ext>
              </a:extLst>
            </p:cNvPr>
            <p:cNvSpPr txBox="1">
              <a:spLocks/>
            </p:cNvSpPr>
            <p:nvPr/>
          </p:nvSpPr>
          <p:spPr>
            <a:xfrm>
              <a:off x="10013065" y="2171242"/>
              <a:ext cx="1955475" cy="230108"/>
            </a:xfrm>
            <a:prstGeom prst="rect">
              <a:avLst/>
            </a:prstGeom>
            <a:noFill/>
          </p:spPr>
          <p:txBody>
            <a:bodyPr wrap="square" lIns="0" rtlCol="0" anchor="ctr">
              <a:noAutofit/>
            </a:bodyPr>
            <a:lstStyle/>
            <a:p>
              <a:r>
                <a:rPr lang="da-DK" sz="700" b="1" noProof="0" dirty="0">
                  <a:solidFill>
                    <a:srgbClr val="024D78"/>
                  </a:solidFill>
                </a:rPr>
                <a:t>01 | Strategi og organisation</a:t>
              </a:r>
            </a:p>
          </p:txBody>
        </p:sp>
        <p:sp>
          <p:nvSpPr>
            <p:cNvPr id="40" name="Rektangel: afrundede hjørner 5">
              <a:extLst>
                <a:ext uri="{FF2B5EF4-FFF2-40B4-BE49-F238E27FC236}">
                  <a16:creationId xmlns:a16="http://schemas.microsoft.com/office/drawing/2014/main" id="{8AAFA27F-6D69-E8C4-12F0-5F5524AC5066}"/>
                </a:ext>
              </a:extLst>
            </p:cNvPr>
            <p:cNvSpPr>
              <a:spLocks/>
            </p:cNvSpPr>
            <p:nvPr/>
          </p:nvSpPr>
          <p:spPr>
            <a:xfrm>
              <a:off x="9714378" y="3208895"/>
              <a:ext cx="2190658" cy="252000"/>
            </a:xfrm>
            <a:prstGeom prst="roundRect">
              <a:avLst>
                <a:gd name="adj" fmla="val 5714"/>
              </a:avLst>
            </a:prstGeom>
            <a:solidFill>
              <a:srgbClr val="B7E5EE">
                <a:alpha val="25000"/>
              </a:srgbClr>
            </a:solidFill>
            <a:ln>
              <a:solidFill>
                <a:srgbClr val="165C8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1" name="Rektangel: afrundede hjørner 9">
              <a:extLst>
                <a:ext uri="{FF2B5EF4-FFF2-40B4-BE49-F238E27FC236}">
                  <a16:creationId xmlns:a16="http://schemas.microsoft.com/office/drawing/2014/main" id="{758AAEF2-2D84-FE8F-0E21-55DC33F19FE8}"/>
                </a:ext>
              </a:extLst>
            </p:cNvPr>
            <p:cNvSpPr>
              <a:spLocks/>
            </p:cNvSpPr>
            <p:nvPr/>
          </p:nvSpPr>
          <p:spPr>
            <a:xfrm>
              <a:off x="9715296" y="2860854"/>
              <a:ext cx="2190193" cy="252000"/>
            </a:xfrm>
            <a:prstGeom prst="roundRect">
              <a:avLst>
                <a:gd name="adj" fmla="val 5714"/>
              </a:avLst>
            </a:prstGeom>
            <a:solidFill>
              <a:srgbClr val="B7E5EE">
                <a:alpha val="50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2" name="Rektangel: afrundede hjørner 39">
              <a:extLst>
                <a:ext uri="{FF2B5EF4-FFF2-40B4-BE49-F238E27FC236}">
                  <a16:creationId xmlns:a16="http://schemas.microsoft.com/office/drawing/2014/main" id="{27298F57-1E1A-BF05-4FC1-DED924AA013A}"/>
                </a:ext>
              </a:extLst>
            </p:cNvPr>
            <p:cNvSpPr>
              <a:spLocks/>
            </p:cNvSpPr>
            <p:nvPr/>
          </p:nvSpPr>
          <p:spPr>
            <a:xfrm>
              <a:off x="9714378" y="2489568"/>
              <a:ext cx="2190193" cy="252000"/>
            </a:xfrm>
            <a:prstGeom prst="roundRect">
              <a:avLst>
                <a:gd name="adj" fmla="val 5714"/>
              </a:avLst>
            </a:prstGeom>
            <a:solidFill>
              <a:srgbClr val="B7E5EE">
                <a:alpha val="7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3" name="Rektangel: afrundede hjørner 39">
              <a:extLst>
                <a:ext uri="{FF2B5EF4-FFF2-40B4-BE49-F238E27FC236}">
                  <a16:creationId xmlns:a16="http://schemas.microsoft.com/office/drawing/2014/main" id="{E62047E3-2730-FE44-F51B-0B64734277BC}"/>
                </a:ext>
              </a:extLst>
            </p:cNvPr>
            <p:cNvSpPr>
              <a:spLocks/>
            </p:cNvSpPr>
            <p:nvPr/>
          </p:nvSpPr>
          <p:spPr>
            <a:xfrm>
              <a:off x="9714843" y="3561413"/>
              <a:ext cx="2190193" cy="252000"/>
            </a:xfrm>
            <a:prstGeom prst="roundRect">
              <a:avLst>
                <a:gd name="adj" fmla="val 5714"/>
              </a:avLst>
            </a:prstGeom>
            <a:solidFill>
              <a:srgbClr val="B7E5EE">
                <a:alpha val="1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4" name="TextBox 4">
              <a:extLst>
                <a:ext uri="{FF2B5EF4-FFF2-40B4-BE49-F238E27FC236}">
                  <a16:creationId xmlns:a16="http://schemas.microsoft.com/office/drawing/2014/main" id="{DD0F550D-C641-CD52-600E-0A0708DCD287}"/>
                </a:ext>
              </a:extLst>
            </p:cNvPr>
            <p:cNvSpPr txBox="1">
              <a:spLocks/>
            </p:cNvSpPr>
            <p:nvPr/>
          </p:nvSpPr>
          <p:spPr>
            <a:xfrm>
              <a:off x="10012600" y="3219841"/>
              <a:ext cx="1955475" cy="230108"/>
            </a:xfrm>
            <a:prstGeom prst="rect">
              <a:avLst/>
            </a:prstGeom>
            <a:noFill/>
          </p:spPr>
          <p:txBody>
            <a:bodyPr wrap="square" lIns="0" rtlCol="0" anchor="ctr">
              <a:noAutofit/>
            </a:bodyPr>
            <a:lstStyle/>
            <a:p>
              <a:r>
                <a:rPr lang="da-DK" sz="700" b="1" noProof="0" dirty="0">
                  <a:solidFill>
                    <a:srgbClr val="024D78"/>
                  </a:solidFill>
                </a:rPr>
                <a:t>04 | Indkøb, krav og leverandørsamarbejde</a:t>
              </a:r>
            </a:p>
          </p:txBody>
        </p:sp>
        <p:sp>
          <p:nvSpPr>
            <p:cNvPr id="46" name="TextBox 4">
              <a:extLst>
                <a:ext uri="{FF2B5EF4-FFF2-40B4-BE49-F238E27FC236}">
                  <a16:creationId xmlns:a16="http://schemas.microsoft.com/office/drawing/2014/main" id="{B1C133D0-0227-EA65-989E-BD80332739F2}"/>
                </a:ext>
              </a:extLst>
            </p:cNvPr>
            <p:cNvSpPr txBox="1">
              <a:spLocks/>
            </p:cNvSpPr>
            <p:nvPr/>
          </p:nvSpPr>
          <p:spPr>
            <a:xfrm>
              <a:off x="10013065" y="2871800"/>
              <a:ext cx="1955475" cy="230108"/>
            </a:xfrm>
            <a:prstGeom prst="rect">
              <a:avLst/>
            </a:prstGeom>
            <a:noFill/>
          </p:spPr>
          <p:txBody>
            <a:bodyPr wrap="square" lIns="0" rtlCol="0" anchor="ctr">
              <a:noAutofit/>
            </a:bodyPr>
            <a:lstStyle/>
            <a:p>
              <a:r>
                <a:rPr lang="da-DK" sz="700" b="1" noProof="0" dirty="0">
                  <a:solidFill>
                    <a:srgbClr val="024D78"/>
                  </a:solidFill>
                </a:rPr>
                <a:t>03 | Arkitektur og åbne standarder</a:t>
              </a:r>
            </a:p>
          </p:txBody>
        </p:sp>
        <p:sp>
          <p:nvSpPr>
            <p:cNvPr id="47" name="TextBox 4">
              <a:extLst>
                <a:ext uri="{FF2B5EF4-FFF2-40B4-BE49-F238E27FC236}">
                  <a16:creationId xmlns:a16="http://schemas.microsoft.com/office/drawing/2014/main" id="{E8513B03-F740-8B94-BD67-9DF022573567}"/>
                </a:ext>
              </a:extLst>
            </p:cNvPr>
            <p:cNvSpPr txBox="1">
              <a:spLocks/>
            </p:cNvSpPr>
            <p:nvPr/>
          </p:nvSpPr>
          <p:spPr>
            <a:xfrm>
              <a:off x="10012147" y="2500514"/>
              <a:ext cx="1955475" cy="230108"/>
            </a:xfrm>
            <a:prstGeom prst="rect">
              <a:avLst/>
            </a:prstGeom>
            <a:noFill/>
          </p:spPr>
          <p:txBody>
            <a:bodyPr wrap="square" lIns="0" rtlCol="0" anchor="ctr">
              <a:noAutofit/>
            </a:bodyPr>
            <a:lstStyle/>
            <a:p>
              <a:r>
                <a:rPr lang="da-DK" sz="700" noProof="0" dirty="0">
                  <a:solidFill>
                    <a:srgbClr val="024D78"/>
                  </a:solidFill>
                </a:rPr>
                <a:t>02 | Risikobaseret styring af afhængigheder</a:t>
              </a:r>
            </a:p>
          </p:txBody>
        </p:sp>
        <p:sp>
          <p:nvSpPr>
            <p:cNvPr id="48" name="TextBox 4">
              <a:extLst>
                <a:ext uri="{FF2B5EF4-FFF2-40B4-BE49-F238E27FC236}">
                  <a16:creationId xmlns:a16="http://schemas.microsoft.com/office/drawing/2014/main" id="{D63C2CE1-546C-8DA3-62B9-4E12460859EC}"/>
                </a:ext>
              </a:extLst>
            </p:cNvPr>
            <p:cNvSpPr txBox="1">
              <a:spLocks/>
            </p:cNvSpPr>
            <p:nvPr/>
          </p:nvSpPr>
          <p:spPr>
            <a:xfrm>
              <a:off x="10013065" y="3572359"/>
              <a:ext cx="1955475" cy="230108"/>
            </a:xfrm>
            <a:prstGeom prst="rect">
              <a:avLst/>
            </a:prstGeom>
            <a:noFill/>
          </p:spPr>
          <p:txBody>
            <a:bodyPr wrap="square" lIns="0" rtlCol="0" anchor="ctr">
              <a:noAutofit/>
            </a:bodyPr>
            <a:lstStyle/>
            <a:p>
              <a:r>
                <a:rPr lang="da-DK" sz="700" b="1" noProof="0" dirty="0">
                  <a:solidFill>
                    <a:srgbClr val="024D78"/>
                  </a:solidFill>
                </a:rPr>
                <a:t>05 | Alternative løsninger</a:t>
              </a:r>
            </a:p>
          </p:txBody>
        </p:sp>
        <p:sp>
          <p:nvSpPr>
            <p:cNvPr id="50" name="Freeform 7">
              <a:extLst>
                <a:ext uri="{FF2B5EF4-FFF2-40B4-BE49-F238E27FC236}">
                  <a16:creationId xmlns:a16="http://schemas.microsoft.com/office/drawing/2014/main" id="{9BAA73EB-2B51-06A7-E240-8AE70A3A7A0A}"/>
                </a:ext>
              </a:extLst>
            </p:cNvPr>
            <p:cNvSpPr>
              <a:spLocks noEditPoints="1"/>
            </p:cNvSpPr>
            <p:nvPr/>
          </p:nvSpPr>
          <p:spPr bwMode="auto">
            <a:xfrm>
              <a:off x="9787104" y="3249608"/>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51" name="Group 18">
              <a:extLst>
                <a:ext uri="{FF2B5EF4-FFF2-40B4-BE49-F238E27FC236}">
                  <a16:creationId xmlns:a16="http://schemas.microsoft.com/office/drawing/2014/main" id="{CD47BDB0-16C1-E654-F636-B78A88B6BBC3}"/>
                </a:ext>
              </a:extLst>
            </p:cNvPr>
            <p:cNvGrpSpPr/>
            <p:nvPr/>
          </p:nvGrpSpPr>
          <p:grpSpPr>
            <a:xfrm>
              <a:off x="9779042" y="2912075"/>
              <a:ext cx="193946" cy="152578"/>
              <a:chOff x="8675444" y="2927353"/>
              <a:chExt cx="573087" cy="450850"/>
            </a:xfrm>
            <a:solidFill>
              <a:srgbClr val="024D78"/>
            </a:solidFill>
          </p:grpSpPr>
          <p:sp>
            <p:nvSpPr>
              <p:cNvPr id="78" name="Freeform 257">
                <a:extLst>
                  <a:ext uri="{FF2B5EF4-FFF2-40B4-BE49-F238E27FC236}">
                    <a16:creationId xmlns:a16="http://schemas.microsoft.com/office/drawing/2014/main" id="{35D8EF96-39F3-80FC-BE38-FE3C633B5A1B}"/>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9" name="Freeform 258">
                <a:extLst>
                  <a:ext uri="{FF2B5EF4-FFF2-40B4-BE49-F238E27FC236}">
                    <a16:creationId xmlns:a16="http://schemas.microsoft.com/office/drawing/2014/main" id="{805D47EC-6C34-9192-1E44-A9B56AFA2796}"/>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80" name="Freeform 259">
                <a:extLst>
                  <a:ext uri="{FF2B5EF4-FFF2-40B4-BE49-F238E27FC236}">
                    <a16:creationId xmlns:a16="http://schemas.microsoft.com/office/drawing/2014/main" id="{41335396-5236-44F7-13E6-156323FF3FC3}"/>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54" name="Group 22">
              <a:extLst>
                <a:ext uri="{FF2B5EF4-FFF2-40B4-BE49-F238E27FC236}">
                  <a16:creationId xmlns:a16="http://schemas.microsoft.com/office/drawing/2014/main" id="{5F4E16A1-257D-3443-C199-A6131174C10F}"/>
                </a:ext>
              </a:extLst>
            </p:cNvPr>
            <p:cNvGrpSpPr/>
            <p:nvPr/>
          </p:nvGrpSpPr>
          <p:grpSpPr>
            <a:xfrm>
              <a:off x="9785703" y="2518430"/>
              <a:ext cx="178788" cy="179199"/>
              <a:chOff x="8695953" y="3768979"/>
              <a:chExt cx="531804" cy="533027"/>
            </a:xfrm>
            <a:solidFill>
              <a:srgbClr val="024D78"/>
            </a:solidFill>
          </p:grpSpPr>
          <p:sp>
            <p:nvSpPr>
              <p:cNvPr id="75" name="Freeform 291">
                <a:extLst>
                  <a:ext uri="{FF2B5EF4-FFF2-40B4-BE49-F238E27FC236}">
                    <a16:creationId xmlns:a16="http://schemas.microsoft.com/office/drawing/2014/main" id="{F8A4EE8A-0236-C3AE-9D37-388B69105140}"/>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6" name="Freeform 292">
                <a:extLst>
                  <a:ext uri="{FF2B5EF4-FFF2-40B4-BE49-F238E27FC236}">
                    <a16:creationId xmlns:a16="http://schemas.microsoft.com/office/drawing/2014/main" id="{ABDF44D7-86DF-59B8-310F-8C12C28D25ED}"/>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7" name="Freeform 293">
                <a:extLst>
                  <a:ext uri="{FF2B5EF4-FFF2-40B4-BE49-F238E27FC236}">
                    <a16:creationId xmlns:a16="http://schemas.microsoft.com/office/drawing/2014/main" id="{D9458408-26A3-A280-011D-F85B839A969F}"/>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63" name="Freeform 25">
              <a:extLst>
                <a:ext uri="{FF2B5EF4-FFF2-40B4-BE49-F238E27FC236}">
                  <a16:creationId xmlns:a16="http://schemas.microsoft.com/office/drawing/2014/main" id="{927D5115-6530-5D18-E669-7C640F99F964}"/>
                </a:ext>
              </a:extLst>
            </p:cNvPr>
            <p:cNvSpPr>
              <a:spLocks noEditPoints="1"/>
            </p:cNvSpPr>
            <p:nvPr/>
          </p:nvSpPr>
          <p:spPr bwMode="auto">
            <a:xfrm>
              <a:off x="9770631" y="3593353"/>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64" name="Freeform 17">
              <a:extLst>
                <a:ext uri="{FF2B5EF4-FFF2-40B4-BE49-F238E27FC236}">
                  <a16:creationId xmlns:a16="http://schemas.microsoft.com/office/drawing/2014/main" id="{E80922DF-29EB-30C0-DB0B-32F73D0C346F}"/>
                </a:ext>
              </a:extLst>
            </p:cNvPr>
            <p:cNvSpPr>
              <a:spLocks noEditPoints="1"/>
            </p:cNvSpPr>
            <p:nvPr/>
          </p:nvSpPr>
          <p:spPr bwMode="auto">
            <a:xfrm>
              <a:off x="9786544" y="2197020"/>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sp>
          <p:nvSpPr>
            <p:cNvPr id="67" name="Rectangle 26">
              <a:extLst>
                <a:ext uri="{FF2B5EF4-FFF2-40B4-BE49-F238E27FC236}">
                  <a16:creationId xmlns:a16="http://schemas.microsoft.com/office/drawing/2014/main" id="{9DD589DF-66A7-3267-2AC3-0112896C871D}"/>
                </a:ext>
              </a:extLst>
            </p:cNvPr>
            <p:cNvSpPr>
              <a:spLocks/>
            </p:cNvSpPr>
            <p:nvPr/>
          </p:nvSpPr>
          <p:spPr>
            <a:xfrm>
              <a:off x="9660370" y="2449899"/>
              <a:ext cx="2265245" cy="30783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cxnSp>
          <p:nvCxnSpPr>
            <p:cNvPr id="73" name="Straight Connector 64">
              <a:extLst>
                <a:ext uri="{FF2B5EF4-FFF2-40B4-BE49-F238E27FC236}">
                  <a16:creationId xmlns:a16="http://schemas.microsoft.com/office/drawing/2014/main" id="{C13B165E-6F69-0DEB-9E6B-225EDBB67D8B}"/>
                </a:ext>
              </a:extLst>
            </p:cNvPr>
            <p:cNvCxnSpPr>
              <a:cxnSpLocks/>
            </p:cNvCxnSpPr>
            <p:nvPr/>
          </p:nvCxnSpPr>
          <p:spPr>
            <a:xfrm>
              <a:off x="9714378" y="2122972"/>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29" name="Content Placeholder 5">
            <a:extLst>
              <a:ext uri="{FF2B5EF4-FFF2-40B4-BE49-F238E27FC236}">
                <a16:creationId xmlns:a16="http://schemas.microsoft.com/office/drawing/2014/main" id="{2EE3678C-333E-83F1-CCD2-8D82CFB8B782}"/>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Nøgleerfaringer og </a:t>
            </a:r>
            <a:r>
              <a:rPr lang="da-DK" sz="1100" noProof="0" err="1">
                <a:solidFill>
                  <a:srgbClr val="36465A"/>
                </a:solidFill>
              </a:rPr>
              <a:t>læringer</a:t>
            </a:r>
            <a:endParaRPr lang="da-DK" sz="1100" noProof="0">
              <a:solidFill>
                <a:srgbClr val="36465A"/>
              </a:solidFill>
            </a:endParaRPr>
          </a:p>
        </p:txBody>
      </p:sp>
      <p:sp>
        <p:nvSpPr>
          <p:cNvPr id="32" name="Content Placeholder 5">
            <a:extLst>
              <a:ext uri="{FF2B5EF4-FFF2-40B4-BE49-F238E27FC236}">
                <a16:creationId xmlns:a16="http://schemas.microsoft.com/office/drawing/2014/main" id="{42BD3D6E-10F4-9120-0AA1-D87702EF2955}"/>
              </a:ext>
            </a:extLst>
          </p:cNvPr>
          <p:cNvSpPr txBox="1">
            <a:spLocks/>
          </p:cNvSpPr>
          <p:nvPr/>
        </p:nvSpPr>
        <p:spPr>
          <a:xfrm>
            <a:off x="9656566" y="4322108"/>
            <a:ext cx="2212801" cy="202682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ct val="0"/>
              </a:spcAft>
              <a:buFont typeface="Wingdings" panose="05000000000000000000" pitchFamily="2" charset="2"/>
              <a:buChar char="ü"/>
            </a:pPr>
            <a:r>
              <a:rPr lang="da-DK" sz="900" noProof="0"/>
              <a:t>Politisk forankring, lovgivning og investeringsvillighed er afgørende</a:t>
            </a:r>
            <a:br>
              <a:rPr lang="da-DK" sz="900" noProof="0"/>
            </a:br>
            <a:r>
              <a:rPr lang="da-DK" sz="900" b="0" noProof="0"/>
              <a:t>Central </a:t>
            </a:r>
            <a:r>
              <a:rPr lang="da-DK" sz="900" b="0" noProof="0" dirty="0"/>
              <a:t>beslutning og </a:t>
            </a:r>
            <a:r>
              <a:rPr lang="da-DK" sz="900" b="0" noProof="0"/>
              <a:t>lovgivning samt målrettede økonomiske investeringer muliggjorde strategien.</a:t>
            </a:r>
            <a:endParaRPr lang="da-DK" sz="900" noProof="0">
              <a:solidFill>
                <a:schemeClr val="tx1"/>
              </a:solidFill>
            </a:endParaRPr>
          </a:p>
          <a:p>
            <a:pPr marL="171450" indent="-171450" defTabSz="914400" eaLnBrk="0" fontAlgn="base" hangingPunct="0">
              <a:spcBef>
                <a:spcPct val="0"/>
              </a:spcBef>
              <a:spcAft>
                <a:spcPct val="0"/>
              </a:spcAft>
              <a:buFont typeface="Wingdings" panose="05000000000000000000" pitchFamily="2" charset="2"/>
              <a:buChar char="ü"/>
            </a:pPr>
            <a:r>
              <a:rPr lang="da-DK" sz="900" noProof="0">
                <a:solidFill>
                  <a:schemeClr val="tx1"/>
                </a:solidFill>
              </a:rPr>
              <a:t>Komplekse transformationer tager tid </a:t>
            </a:r>
            <a:br>
              <a:rPr lang="da-DK" sz="900" noProof="0">
                <a:solidFill>
                  <a:schemeClr val="tx1"/>
                </a:solidFill>
              </a:rPr>
            </a:br>
            <a:r>
              <a:rPr lang="da-DK" sz="900" b="0" noProof="0"/>
              <a:t>Schleswig-Holstein har siden 2012 gennemført en lang række forskellige moderniseringsprojekter som led i den samlede transformation.</a:t>
            </a:r>
            <a:endParaRPr lang="da-DK" sz="900" noProof="0">
              <a:solidFill>
                <a:srgbClr val="000000"/>
              </a:solidFill>
            </a:endParaRPr>
          </a:p>
          <a:p>
            <a:pPr marL="171450" indent="-171450" defTabSz="914400" eaLnBrk="0" fontAlgn="base" hangingPunct="0">
              <a:spcBef>
                <a:spcPct val="0"/>
              </a:spcBef>
              <a:spcAft>
                <a:spcPct val="0"/>
              </a:spcAft>
              <a:buFont typeface="Wingdings" panose="05000000000000000000" pitchFamily="2" charset="2"/>
              <a:buChar char="ü"/>
            </a:pPr>
            <a:r>
              <a:rPr lang="da-DK" sz="900" noProof="0">
                <a:solidFill>
                  <a:schemeClr val="tx1"/>
                </a:solidFill>
              </a:rPr>
              <a:t>Fokuser på ekstra funktionalitet, som brugerne får ved skiftet af teknologi</a:t>
            </a:r>
            <a:br>
              <a:rPr lang="da-DK" sz="900" noProof="0">
                <a:solidFill>
                  <a:schemeClr val="tx1"/>
                </a:solidFill>
              </a:rPr>
            </a:br>
            <a:r>
              <a:rPr lang="da-DK" sz="900" b="0" noProof="0">
                <a:solidFill>
                  <a:schemeClr val="tx1"/>
                </a:solidFill>
              </a:rPr>
              <a:t>I stedet for at fremhæve udskiftningen af brugernes tidligere værktøjer.</a:t>
            </a:r>
          </a:p>
        </p:txBody>
      </p:sp>
    </p:spTree>
    <p:extLst>
      <p:ext uri="{BB962C8B-B14F-4D97-AF65-F5344CB8AC3E}">
        <p14:creationId xmlns:p14="http://schemas.microsoft.com/office/powerpoint/2010/main" val="3512855533"/>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AF3C4D-801C-D1DD-C368-1371AA5FE8C4}"/>
            </a:ext>
          </a:extLst>
        </p:cNvPr>
        <p:cNvGrpSpPr/>
        <p:nvPr/>
      </p:nvGrpSpPr>
      <p:grpSpPr>
        <a:xfrm>
          <a:off x="0" y="0"/>
          <a:ext cx="0" cy="0"/>
          <a:chOff x="0" y="0"/>
          <a:chExt cx="0" cy="0"/>
        </a:xfrm>
      </p:grpSpPr>
      <p:sp>
        <p:nvSpPr>
          <p:cNvPr id="31" name="Rectangle: Rounded Corners 30">
            <a:extLst>
              <a:ext uri="{FF2B5EF4-FFF2-40B4-BE49-F238E27FC236}">
                <a16:creationId xmlns:a16="http://schemas.microsoft.com/office/drawing/2014/main" id="{F8177C69-0371-2525-9725-4CA6EF0D1F92}"/>
              </a:ext>
            </a:extLst>
          </p:cNvPr>
          <p:cNvSpPr/>
          <p:nvPr/>
        </p:nvSpPr>
        <p:spPr>
          <a:xfrm>
            <a:off x="169304" y="11734"/>
            <a:ext cx="60486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3 | Open source-transformation i Schleswig-Holstein</a:t>
            </a:r>
          </a:p>
        </p:txBody>
      </p:sp>
      <p:sp>
        <p:nvSpPr>
          <p:cNvPr id="2" name="Title 1">
            <a:extLst>
              <a:ext uri="{FF2B5EF4-FFF2-40B4-BE49-F238E27FC236}">
                <a16:creationId xmlns:a16="http://schemas.microsoft.com/office/drawing/2014/main" id="{4AD922AE-00F6-B991-2B7B-C4104EA2E1F1}"/>
              </a:ext>
            </a:extLst>
          </p:cNvPr>
          <p:cNvSpPr>
            <a:spLocks noGrp="1"/>
          </p:cNvSpPr>
          <p:nvPr>
            <p:ph type="title"/>
          </p:nvPr>
        </p:nvSpPr>
        <p:spPr/>
        <p:txBody>
          <a:bodyPr/>
          <a:lstStyle/>
          <a:p>
            <a:r>
              <a:rPr lang="da-DK" sz="2200" noProof="0" dirty="0"/>
              <a:t>Side 2/3 | </a:t>
            </a:r>
            <a:r>
              <a:rPr lang="da-DK" sz="2200" b="1" noProof="0" dirty="0"/>
              <a:t>Formål, baggrund og kontekst</a:t>
            </a:r>
          </a:p>
        </p:txBody>
      </p:sp>
      <p:sp>
        <p:nvSpPr>
          <p:cNvPr id="24" name="Rectangle: Rounded Corners 23">
            <a:extLst>
              <a:ext uri="{FF2B5EF4-FFF2-40B4-BE49-F238E27FC236}">
                <a16:creationId xmlns:a16="http://schemas.microsoft.com/office/drawing/2014/main" id="{CA43E98C-60AF-2A86-C998-240B20E6FD1D}"/>
              </a:ext>
              <a:ext uri="{C183D7F6-B498-43B3-948B-1728B52AA6E4}">
                <adec:decorative xmlns:adec="http://schemas.microsoft.com/office/drawing/2017/decorative" val="1"/>
              </a:ext>
            </a:extLst>
          </p:cNvPr>
          <p:cNvSpPr/>
          <p:nvPr/>
        </p:nvSpPr>
        <p:spPr>
          <a:xfrm>
            <a:off x="6644688"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0" name="Rectangle: Rounded Corners 9">
            <a:extLst>
              <a:ext uri="{FF2B5EF4-FFF2-40B4-BE49-F238E27FC236}">
                <a16:creationId xmlns:a16="http://schemas.microsoft.com/office/drawing/2014/main" id="{9933E3BC-B2EF-123A-59E6-13769F90833C}"/>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Formål og strategi</a:t>
            </a:r>
          </a:p>
        </p:txBody>
      </p:sp>
      <p:sp>
        <p:nvSpPr>
          <p:cNvPr id="3" name="Rectangle 2">
            <a:extLst>
              <a:ext uri="{FF2B5EF4-FFF2-40B4-BE49-F238E27FC236}">
                <a16:creationId xmlns:a16="http://schemas.microsoft.com/office/drawing/2014/main" id="{697FDF05-4261-D072-DDB8-C24E387971D5}"/>
              </a:ext>
            </a:extLst>
          </p:cNvPr>
          <p:cNvSpPr/>
          <p:nvPr/>
        </p:nvSpPr>
        <p:spPr>
          <a:xfrm>
            <a:off x="560498" y="2069025"/>
            <a:ext cx="2940490" cy="43178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Formål</a:t>
            </a:r>
          </a:p>
          <a:p>
            <a:r>
              <a:rPr lang="da-DK" sz="900" noProof="0">
                <a:solidFill>
                  <a:schemeClr val="tx1"/>
                </a:solidFill>
                <a:sym typeface="Wingdings" panose="05000000000000000000" pitchFamily="2" charset="2"/>
              </a:rPr>
              <a:t>Formålet med digital suverænitet i Schleswig-Holstein er at sikre kontrol, transparens og tilgængelighed af digitale løsninger. Det er samtidig et formål at reducere afhængigheden til leverandører med </a:t>
            </a:r>
            <a:r>
              <a:rPr lang="da-DK" sz="900" noProof="0" err="1">
                <a:solidFill>
                  <a:schemeClr val="tx1"/>
                </a:solidFill>
                <a:sym typeface="Wingdings" panose="05000000000000000000" pitchFamily="2" charset="2"/>
              </a:rPr>
              <a:t>proprietære</a:t>
            </a:r>
            <a:r>
              <a:rPr lang="da-DK" sz="900" noProof="0">
                <a:solidFill>
                  <a:schemeClr val="tx1"/>
                </a:solidFill>
                <a:sym typeface="Wingdings" panose="05000000000000000000" pitchFamily="2" charset="2"/>
              </a:rPr>
              <a:t> digitale løsninger og styrke delstatens økonomiske robusthed og informationssikkerhed.</a:t>
            </a:r>
          </a:p>
          <a:p>
            <a:endParaRPr lang="da-DK" sz="900" noProof="0">
              <a:solidFill>
                <a:schemeClr val="tx1"/>
              </a:solidFill>
              <a:sym typeface="Wingdings" panose="05000000000000000000" pitchFamily="2" charset="2"/>
            </a:endParaRPr>
          </a:p>
          <a:p>
            <a:r>
              <a:rPr lang="da-DK" sz="900" noProof="0">
                <a:solidFill>
                  <a:schemeClr val="tx1"/>
                </a:solidFill>
                <a:sym typeface="Wingdings" panose="05000000000000000000" pitchFamily="2" charset="2"/>
              </a:rPr>
              <a:t>Ambitionen er at gøre Schleswig-Holstein til en pioner</a:t>
            </a:r>
            <a:endParaRPr lang="da-DK" sz="900" noProof="0">
              <a:solidFill>
                <a:schemeClr val="tx1"/>
              </a:solidFill>
            </a:endParaRPr>
          </a:p>
          <a:p>
            <a:r>
              <a:rPr lang="da-DK" sz="900" noProof="0">
                <a:solidFill>
                  <a:schemeClr val="tx1"/>
                </a:solidFill>
                <a:sym typeface="Wingdings" panose="05000000000000000000" pitchFamily="2" charset="2"/>
              </a:rPr>
              <a:t>inden for open source ved at skabe åbne alternativer, reducere omkostninger og styrke demokratisk kontrol med den digitale udvikling. Det har været et eksplicit formål at styrke delstatens og Tysklands </a:t>
            </a:r>
            <a:r>
              <a:rPr lang="da-DK" sz="900" noProof="0">
                <a:solidFill>
                  <a:schemeClr val="tx1"/>
                </a:solidFill>
              </a:rPr>
              <a:t>innovationskraft gennem open source og åbne standarder, men også gennem strategiske, organisatoriske og </a:t>
            </a:r>
            <a:r>
              <a:rPr lang="da-DK" sz="900" noProof="0" err="1">
                <a:solidFill>
                  <a:schemeClr val="tx1"/>
                </a:solidFill>
              </a:rPr>
              <a:t>regulative</a:t>
            </a:r>
            <a:r>
              <a:rPr lang="da-DK" sz="900" noProof="0">
                <a:solidFill>
                  <a:schemeClr val="tx1"/>
                </a:solidFill>
              </a:rPr>
              <a:t> indsatser. </a:t>
            </a:r>
          </a:p>
          <a:p>
            <a:r>
              <a:rPr lang="da-DK" sz="900" noProof="0">
                <a:solidFill>
                  <a:schemeClr val="tx1"/>
                </a:solidFill>
              </a:rPr>
              <a:t>Der er f</a:t>
            </a:r>
            <a:r>
              <a:rPr lang="da-DK" sz="900" noProof="0" dirty="0">
                <a:solidFill>
                  <a:schemeClr val="tx1"/>
                </a:solidFill>
              </a:rPr>
              <a:t>x</a:t>
            </a:r>
            <a:r>
              <a:rPr lang="da-DK" sz="900" noProof="0">
                <a:solidFill>
                  <a:schemeClr val="tx1"/>
                </a:solidFill>
              </a:rPr>
              <a:t> etableret et Open </a:t>
            </a:r>
            <a:r>
              <a:rPr lang="da-DK" sz="900" noProof="0">
                <a:solidFill>
                  <a:schemeClr val="tx1"/>
                </a:solidFill>
                <a:sym typeface="Wingdings" panose="05000000000000000000" pitchFamily="2" charset="2"/>
              </a:rPr>
              <a:t>Source Program Office (OSPO) og samarbejde med nationale aktører som f</a:t>
            </a:r>
            <a:r>
              <a:rPr lang="da-DK" sz="900" noProof="0" dirty="0">
                <a:solidFill>
                  <a:schemeClr val="tx1"/>
                </a:solidFill>
                <a:sym typeface="Wingdings" panose="05000000000000000000" pitchFamily="2" charset="2"/>
              </a:rPr>
              <a:t>x</a:t>
            </a:r>
            <a:r>
              <a:rPr lang="da-DK" sz="900" noProof="0">
                <a:solidFill>
                  <a:schemeClr val="tx1"/>
                </a:solidFill>
                <a:sym typeface="Wingdings" panose="05000000000000000000" pitchFamily="2" charset="2"/>
              </a:rPr>
              <a:t> </a:t>
            </a:r>
            <a:r>
              <a:rPr lang="da-DK" sz="900" noProof="0" err="1">
                <a:solidFill>
                  <a:schemeClr val="tx1"/>
                </a:solidFill>
                <a:sym typeface="Wingdings" panose="05000000000000000000" pitchFamily="2" charset="2"/>
              </a:rPr>
              <a:t>ZenDiS</a:t>
            </a:r>
            <a:r>
              <a:rPr lang="da-DK" sz="900" noProof="0">
                <a:solidFill>
                  <a:schemeClr val="tx1"/>
                </a:solidFill>
                <a:sym typeface="Wingdings" panose="05000000000000000000" pitchFamily="2" charset="2"/>
              </a:rPr>
              <a:t> om f</a:t>
            </a:r>
            <a:r>
              <a:rPr lang="da-DK" sz="900" noProof="0">
                <a:solidFill>
                  <a:schemeClr val="tx1"/>
                </a:solidFill>
              </a:rPr>
              <a:t>ormelle krav via lovgivning om prioritering af open source og åbne standarder ifm. nationale og delstatslige indkøb</a:t>
            </a:r>
            <a:r>
              <a:rPr lang="da-DK" sz="900" noProof="0">
                <a:solidFill>
                  <a:schemeClr val="tx1"/>
                </a:solidFill>
                <a:sym typeface="Wingdings" panose="05000000000000000000" pitchFamily="2" charset="2"/>
              </a:rPr>
              <a:t>. Der er desuden taget konkrete initiativer til at etablere en såkaldt ”Digital Hub” som på delstatsniveau understøtter et økosystem af både offentlige og private aktører i nye samarbejdskonstellationer omkring open source.</a:t>
            </a:r>
            <a:endParaRPr lang="da-DK" sz="900" noProof="0">
              <a:solidFill>
                <a:schemeClr val="tx1"/>
              </a:solidFill>
            </a:endParaRPr>
          </a:p>
          <a:p>
            <a:endParaRPr lang="da-DK" sz="900" noProof="0">
              <a:solidFill>
                <a:schemeClr val="tx1"/>
              </a:solidFill>
              <a:sym typeface="Wingdings" panose="05000000000000000000" pitchFamily="2" charset="2"/>
            </a:endParaRPr>
          </a:p>
          <a:p>
            <a:r>
              <a:rPr lang="da-DK" sz="900" b="1" noProof="0">
                <a:solidFill>
                  <a:srgbClr val="36465A"/>
                </a:solidFill>
                <a:sym typeface="Wingdings" panose="05000000000000000000" pitchFamily="2" charset="2"/>
              </a:rPr>
              <a:t>Strategisk ophæng</a:t>
            </a:r>
          </a:p>
          <a:p>
            <a:r>
              <a:rPr lang="da-DK" sz="900" noProof="0">
                <a:solidFill>
                  <a:schemeClr val="tx1"/>
                </a:solidFill>
                <a:sym typeface="Wingdings" panose="05000000000000000000" pitchFamily="2" charset="2"/>
              </a:rPr>
              <a:t>Visionen er forankret i delstatens digitale strategi ”</a:t>
            </a:r>
            <a:r>
              <a:rPr lang="da-DK" sz="900" i="1" noProof="0">
                <a:solidFill>
                  <a:schemeClr val="tx1"/>
                </a:solidFill>
              </a:rPr>
              <a:t>Open Innovation and Open Source </a:t>
            </a:r>
            <a:r>
              <a:rPr lang="da-DK" sz="900" i="1" noProof="0" err="1">
                <a:solidFill>
                  <a:schemeClr val="tx1"/>
                </a:solidFill>
              </a:rPr>
              <a:t>Strategy</a:t>
            </a:r>
            <a:r>
              <a:rPr lang="da-DK" sz="900" noProof="0">
                <a:solidFill>
                  <a:schemeClr val="tx1"/>
                </a:solidFill>
              </a:rPr>
              <a:t>”</a:t>
            </a:r>
            <a:r>
              <a:rPr lang="da-DK" sz="900" noProof="0">
                <a:solidFill>
                  <a:schemeClr val="tx1"/>
                </a:solidFill>
                <a:sym typeface="Wingdings" panose="05000000000000000000" pitchFamily="2" charset="2"/>
              </a:rPr>
              <a:t> som bygger på principper om </a:t>
            </a:r>
            <a:r>
              <a:rPr lang="da-DK" sz="900" noProof="0" err="1">
                <a:solidFill>
                  <a:schemeClr val="tx1"/>
                </a:solidFill>
                <a:sym typeface="Wingdings" panose="05000000000000000000" pitchFamily="2" charset="2"/>
              </a:rPr>
              <a:t>modularitet</a:t>
            </a:r>
            <a:r>
              <a:rPr lang="da-DK" sz="900" noProof="0">
                <a:solidFill>
                  <a:schemeClr val="tx1"/>
                </a:solidFill>
                <a:sym typeface="Wingdings" panose="05000000000000000000" pitchFamily="2" charset="2"/>
              </a:rPr>
              <a:t>, </a:t>
            </a:r>
            <a:r>
              <a:rPr lang="da-DK" sz="900" noProof="0" err="1">
                <a:solidFill>
                  <a:schemeClr val="tx1"/>
                </a:solidFill>
                <a:sym typeface="Wingdings" panose="05000000000000000000" pitchFamily="2" charset="2"/>
              </a:rPr>
              <a:t>interoperabilitet</a:t>
            </a:r>
            <a:r>
              <a:rPr lang="da-DK" sz="900" noProof="0">
                <a:solidFill>
                  <a:schemeClr val="tx1"/>
                </a:solidFill>
                <a:sym typeface="Wingdings" panose="05000000000000000000" pitchFamily="2" charset="2"/>
              </a:rPr>
              <a:t> og open source.</a:t>
            </a:r>
            <a:endParaRPr lang="da-DK" sz="900" b="1"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r>
              <a:rPr lang="da-DK" sz="900" b="1" noProof="0">
                <a:solidFill>
                  <a:schemeClr val="tx1"/>
                </a:solidFill>
              </a:rPr>
              <a:t> </a:t>
            </a:r>
          </a:p>
        </p:txBody>
      </p:sp>
      <p:sp>
        <p:nvSpPr>
          <p:cNvPr id="11" name="Rectangle: Rounded Corners 10">
            <a:extLst>
              <a:ext uri="{FF2B5EF4-FFF2-40B4-BE49-F238E27FC236}">
                <a16:creationId xmlns:a16="http://schemas.microsoft.com/office/drawing/2014/main" id="{09B408F1-E84F-3958-8C89-86A34A8ED1D7}"/>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Baggrund og kontekst</a:t>
            </a:r>
          </a:p>
        </p:txBody>
      </p:sp>
      <p:sp>
        <p:nvSpPr>
          <p:cNvPr id="5" name="Rectangle 4">
            <a:extLst>
              <a:ext uri="{FF2B5EF4-FFF2-40B4-BE49-F238E27FC236}">
                <a16:creationId xmlns:a16="http://schemas.microsoft.com/office/drawing/2014/main" id="{67EE5238-8641-25A3-791B-19EBDBB9FD37}"/>
              </a:ext>
            </a:extLst>
          </p:cNvPr>
          <p:cNvSpPr/>
          <p:nvPr/>
        </p:nvSpPr>
        <p:spPr>
          <a:xfrm>
            <a:off x="3565419" y="2069025"/>
            <a:ext cx="2939028" cy="45059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rPr>
              <a:t>Baggrund</a:t>
            </a:r>
          </a:p>
          <a:p>
            <a:r>
              <a:rPr lang="da-DK" sz="900" noProof="0">
                <a:solidFill>
                  <a:schemeClr val="tx1"/>
                </a:solidFill>
              </a:rPr>
              <a:t>Baggrunden for Schleswig-Holsteins digitale transformation tager afsæt i en række udfordringer: </a:t>
            </a:r>
          </a:p>
          <a:p>
            <a:pPr marL="171450" indent="-171450">
              <a:buFont typeface="Arial" panose="020B0604020202020204" pitchFamily="34" charset="0"/>
              <a:buChar char="•"/>
            </a:pPr>
            <a:r>
              <a:rPr lang="da-DK" sz="900" noProof="0">
                <a:solidFill>
                  <a:schemeClr val="tx1"/>
                </a:solidFill>
              </a:rPr>
              <a:t>Afhængighed af </a:t>
            </a:r>
            <a:r>
              <a:rPr lang="da-DK" sz="900" noProof="0" err="1">
                <a:solidFill>
                  <a:schemeClr val="tx1"/>
                </a:solidFill>
              </a:rPr>
              <a:t>tech</a:t>
            </a:r>
            <a:r>
              <a:rPr lang="da-DK" sz="900" noProof="0">
                <a:solidFill>
                  <a:schemeClr val="tx1"/>
                </a:solidFill>
              </a:rPr>
              <a:t>-giganternes </a:t>
            </a:r>
            <a:r>
              <a:rPr lang="da-DK" sz="900" noProof="0" err="1">
                <a:solidFill>
                  <a:schemeClr val="tx1"/>
                </a:solidFill>
              </a:rPr>
              <a:t>proprietære</a:t>
            </a:r>
            <a:r>
              <a:rPr lang="da-DK" sz="900" noProof="0">
                <a:solidFill>
                  <a:schemeClr val="tx1"/>
                </a:solidFill>
              </a:rPr>
              <a:t> software giver risici for økonomi og sikkerhed. </a:t>
            </a:r>
          </a:p>
          <a:p>
            <a:pPr marL="171450" indent="-171450">
              <a:buFont typeface="Arial" panose="020B0604020202020204" pitchFamily="34" charset="0"/>
              <a:buChar char="•"/>
            </a:pPr>
            <a:r>
              <a:rPr lang="da-DK" sz="900" noProof="0">
                <a:solidFill>
                  <a:schemeClr val="tx1"/>
                </a:solidFill>
              </a:rPr>
              <a:t>Monopollignende prissætning på software og licenser indebærer en økonomisk sårbarhed.</a:t>
            </a:r>
          </a:p>
          <a:p>
            <a:pPr marL="171450" indent="-171450">
              <a:buFont typeface="Arial" panose="020B0604020202020204" pitchFamily="34" charset="0"/>
              <a:buChar char="•"/>
            </a:pPr>
            <a:r>
              <a:rPr lang="da-DK" sz="900" noProof="0">
                <a:solidFill>
                  <a:schemeClr val="tx1"/>
                </a:solidFill>
              </a:rPr>
              <a:t>Manglende adgang til kildekoder og snæver systemintegration begrænser muligheden for at forme og tilpasse egne it-systemer.</a:t>
            </a:r>
          </a:p>
          <a:p>
            <a:pPr marL="171450" indent="-171450">
              <a:buFont typeface="Arial" panose="020B0604020202020204" pitchFamily="34" charset="0"/>
              <a:buChar char="•"/>
            </a:pPr>
            <a:r>
              <a:rPr lang="da-DK" sz="900" noProof="0">
                <a:solidFill>
                  <a:schemeClr val="tx1"/>
                </a:solidFill>
              </a:rPr>
              <a:t>Begrænset transparens øger sikkerhedsrisikoen, fordi man ikke kan verificere, hvordan data håndteres og beskyttes, hvilket øger risikoen for datalæk og kontroltab.</a:t>
            </a:r>
          </a:p>
          <a:p>
            <a:pPr marL="171450" indent="-171450">
              <a:buFont typeface="Arial" panose="020B0604020202020204" pitchFamily="34" charset="0"/>
              <a:buChar char="•"/>
            </a:pPr>
            <a:r>
              <a:rPr lang="da-DK" sz="900" noProof="0">
                <a:solidFill>
                  <a:schemeClr val="tx1"/>
                </a:solidFill>
              </a:rPr>
              <a:t>Store softwareudbyderes cloud-first-strategi forstærker udfordringerne med utilsigtet dataoverførsel og begrænset datasuverænitet for myndigheder uden selvstændig kontrol over dataopbevaring og behandling.</a:t>
            </a:r>
          </a:p>
          <a:p>
            <a:pPr marL="171450" indent="-171450">
              <a:buFont typeface="Arial" panose="020B0604020202020204" pitchFamily="34" charset="0"/>
              <a:buChar char="•"/>
            </a:pPr>
            <a:endParaRPr lang="da-DK" sz="900" noProof="0">
              <a:solidFill>
                <a:schemeClr val="tx1"/>
              </a:solidFill>
            </a:endParaRPr>
          </a:p>
          <a:p>
            <a:r>
              <a:rPr lang="da-DK" sz="900" b="1" noProof="0">
                <a:solidFill>
                  <a:srgbClr val="36465A"/>
                </a:solidFill>
              </a:rPr>
              <a:t>Kontekst</a:t>
            </a:r>
          </a:p>
          <a:p>
            <a:r>
              <a:rPr lang="da-DK" sz="900" noProof="0">
                <a:solidFill>
                  <a:schemeClr val="tx1"/>
                </a:solidFill>
              </a:rPr>
              <a:t>Casen udspiller sig i en bredere kontekst af:</a:t>
            </a:r>
          </a:p>
          <a:p>
            <a:pPr marL="171450" indent="-171450">
              <a:buFont typeface="Arial" panose="020B0604020202020204" pitchFamily="34" charset="0"/>
              <a:buChar char="•"/>
            </a:pPr>
            <a:r>
              <a:rPr lang="da-DK" sz="900" noProof="0">
                <a:solidFill>
                  <a:schemeClr val="tx1"/>
                </a:solidFill>
              </a:rPr>
              <a:t>Stigende politisk og organisatorisk fokus på digital suverænitet og autonomi i Tyskland.</a:t>
            </a:r>
          </a:p>
          <a:p>
            <a:pPr marL="171450" indent="-171450">
              <a:buFont typeface="Arial" panose="020B0604020202020204" pitchFamily="34" charset="0"/>
              <a:buChar char="•"/>
            </a:pPr>
            <a:r>
              <a:rPr lang="da-DK" sz="900" noProof="0">
                <a:solidFill>
                  <a:schemeClr val="tx1"/>
                </a:solidFill>
              </a:rPr>
              <a:t>Et generelt ønske om en højere digitaliseringsgrad i det tyske samfund, herunder den offentlige administration, hvor Tyskland er et stykke fra niveauet i Danmark.</a:t>
            </a:r>
          </a:p>
          <a:p>
            <a:pPr marL="171450" indent="-171450">
              <a:buFont typeface="Arial" panose="020B0604020202020204" pitchFamily="34" charset="0"/>
              <a:buChar char="•"/>
            </a:pPr>
            <a:r>
              <a:rPr lang="da-DK" sz="900" noProof="0">
                <a:solidFill>
                  <a:schemeClr val="tx1"/>
                </a:solidFill>
              </a:rPr>
              <a:t>En politisk ambition om at gøre offentlig digitalisering til en drivkraft for regional udvikling, herunder et stort fokus på open source-løsninger. </a:t>
            </a:r>
          </a:p>
          <a:p>
            <a:endParaRPr lang="da-DK" sz="900" noProof="0">
              <a:solidFill>
                <a:schemeClr val="tx1"/>
              </a:solidFill>
            </a:endParaRPr>
          </a:p>
        </p:txBody>
      </p:sp>
      <p:sp>
        <p:nvSpPr>
          <p:cNvPr id="7" name="Rectangle 6">
            <a:extLst>
              <a:ext uri="{FF2B5EF4-FFF2-40B4-BE49-F238E27FC236}">
                <a16:creationId xmlns:a16="http://schemas.microsoft.com/office/drawing/2014/main" id="{9E1F8FE2-E402-9765-1119-E5CF9763AD06}"/>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FA0D57B0-40BF-5209-3285-30DB87345785}"/>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B912B440-F18E-D8FE-72F3-4AF28EDB538A}"/>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16A1322C-ADD4-2BC1-C7EF-E01B4AD7753F}"/>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5ED8B057-3323-85B7-C2DA-A3515C59991A}"/>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4" name="Freeform 16">
            <a:extLst>
              <a:ext uri="{FF2B5EF4-FFF2-40B4-BE49-F238E27FC236}">
                <a16:creationId xmlns:a16="http://schemas.microsoft.com/office/drawing/2014/main" id="{1D8C6A4B-3471-E388-AB2D-4FDC1C742526}"/>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34">
            <a:extLst>
              <a:ext uri="{FF2B5EF4-FFF2-40B4-BE49-F238E27FC236}">
                <a16:creationId xmlns:a16="http://schemas.microsoft.com/office/drawing/2014/main" id="{DFA94BC6-EA8F-17F2-8E20-5A187113BFC1}"/>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1" name="TextBox 20">
            <a:extLst>
              <a:ext uri="{FF2B5EF4-FFF2-40B4-BE49-F238E27FC236}">
                <a16:creationId xmlns:a16="http://schemas.microsoft.com/office/drawing/2014/main" id="{3F09181C-022C-717A-460A-E09A01664CCA}"/>
              </a:ext>
            </a:extLst>
          </p:cNvPr>
          <p:cNvSpPr txBox="1"/>
          <p:nvPr/>
        </p:nvSpPr>
        <p:spPr>
          <a:xfrm>
            <a:off x="6649627" y="1741260"/>
            <a:ext cx="5083664" cy="330646"/>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Oversigt over udfasning af forskellige Microsoft-løsninger med open source-produkter i Schleswig-Holstein</a:t>
            </a:r>
          </a:p>
        </p:txBody>
      </p:sp>
      <p:pic>
        <p:nvPicPr>
          <p:cNvPr id="22" name="Graphic 21">
            <a:extLst>
              <a:ext uri="{FF2B5EF4-FFF2-40B4-BE49-F238E27FC236}">
                <a16:creationId xmlns:a16="http://schemas.microsoft.com/office/drawing/2014/main" id="{E13F8ADE-4C0B-D71A-29C4-6BC115C836EF}"/>
              </a:ext>
              <a:ext uri="{C183D7F6-B498-43B3-948B-1728B52AA6E4}">
                <adec:decorative xmlns:adec="http://schemas.microsoft.com/office/drawing/2017/decorative" val="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0007612" y="252814"/>
            <a:ext cx="2014851" cy="842208"/>
          </a:xfrm>
          <a:prstGeom prst="rect">
            <a:avLst/>
          </a:prstGeom>
        </p:spPr>
      </p:pic>
      <p:grpSp>
        <p:nvGrpSpPr>
          <p:cNvPr id="6" name="Group 5">
            <a:extLst>
              <a:ext uri="{FF2B5EF4-FFF2-40B4-BE49-F238E27FC236}">
                <a16:creationId xmlns:a16="http://schemas.microsoft.com/office/drawing/2014/main" id="{BC31DD7A-180E-4F55-F474-22E3FCA3F7CD}"/>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3" name="Rectangle 12">
              <a:extLst>
                <a:ext uri="{FF2B5EF4-FFF2-40B4-BE49-F238E27FC236}">
                  <a16:creationId xmlns:a16="http://schemas.microsoft.com/office/drawing/2014/main" id="{54868CC5-9F91-107B-BD6A-7BE0060CD7EC}"/>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 name="Rectangle 13">
              <a:extLst>
                <a:ext uri="{FF2B5EF4-FFF2-40B4-BE49-F238E27FC236}">
                  <a16:creationId xmlns:a16="http://schemas.microsoft.com/office/drawing/2014/main" id="{AD25FE95-02DA-00AA-7A24-5860108FC065}"/>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27" name="TextBox 26">
            <a:extLst>
              <a:ext uri="{FF2B5EF4-FFF2-40B4-BE49-F238E27FC236}">
                <a16:creationId xmlns:a16="http://schemas.microsoft.com/office/drawing/2014/main" id="{126E32AB-49DA-DD60-A151-6BAEC178F1A1}"/>
              </a:ext>
            </a:extLst>
          </p:cNvPr>
          <p:cNvSpPr txBox="1"/>
          <p:nvPr/>
        </p:nvSpPr>
        <p:spPr>
          <a:xfrm>
            <a:off x="7447630" y="5798999"/>
            <a:ext cx="4449589" cy="200055"/>
          </a:xfrm>
          <a:prstGeom prst="rect">
            <a:avLst/>
          </a:prstGeom>
          <a:noFill/>
        </p:spPr>
        <p:txBody>
          <a:bodyPr wrap="square">
            <a:spAutoFit/>
          </a:bodyPr>
          <a:lstStyle/>
          <a:p>
            <a:pPr algn="r"/>
            <a:r>
              <a:rPr lang="da-DK" sz="700" i="1" noProof="0"/>
              <a:t>Model udarbejdet af Schleswig-Holstein</a:t>
            </a:r>
          </a:p>
        </p:txBody>
      </p:sp>
      <p:sp>
        <p:nvSpPr>
          <p:cNvPr id="74" name="Rektangel: afrundede hjørner 22">
            <a:extLst>
              <a:ext uri="{FF2B5EF4-FFF2-40B4-BE49-F238E27FC236}">
                <a16:creationId xmlns:a16="http://schemas.microsoft.com/office/drawing/2014/main" id="{F9EAAF8E-3910-8E3D-27A2-2C33198EE532}"/>
              </a:ext>
            </a:extLst>
          </p:cNvPr>
          <p:cNvSpPr>
            <a:spLocks/>
          </p:cNvSpPr>
          <p:nvPr/>
        </p:nvSpPr>
        <p:spPr>
          <a:xfrm>
            <a:off x="7811082" y="2349090"/>
            <a:ext cx="1384852" cy="486941"/>
          </a:xfrm>
          <a:prstGeom prst="roundRect">
            <a:avLst>
              <a:gd name="adj" fmla="val 17579"/>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800" noProof="0" dirty="0">
                <a:solidFill>
                  <a:srgbClr val="024D78"/>
                </a:solidFill>
              </a:rPr>
              <a:t>100% a</a:t>
            </a:r>
            <a:r>
              <a:rPr lang="da-DK" sz="800" noProof="0">
                <a:solidFill>
                  <a:srgbClr val="024D78"/>
                </a:solidFill>
              </a:rPr>
              <a:t>nvendelse af Microsoft rammeaftale til it-udvikling</a:t>
            </a:r>
          </a:p>
        </p:txBody>
      </p:sp>
      <p:sp>
        <p:nvSpPr>
          <p:cNvPr id="76" name="Rektangel: afrundede hjørner 22">
            <a:extLst>
              <a:ext uri="{FF2B5EF4-FFF2-40B4-BE49-F238E27FC236}">
                <a16:creationId xmlns:a16="http://schemas.microsoft.com/office/drawing/2014/main" id="{203C4343-3A73-D380-8852-DB510108691A}"/>
              </a:ext>
            </a:extLst>
          </p:cNvPr>
          <p:cNvSpPr>
            <a:spLocks/>
          </p:cNvSpPr>
          <p:nvPr/>
        </p:nvSpPr>
        <p:spPr>
          <a:xfrm>
            <a:off x="10378915" y="2349090"/>
            <a:ext cx="1454506" cy="486941"/>
          </a:xfrm>
          <a:prstGeom prst="roundRect">
            <a:avLst>
              <a:gd name="adj" fmla="val 17579"/>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800" noProof="0" dirty="0">
                <a:solidFill>
                  <a:srgbClr val="024D78"/>
                </a:solidFill>
              </a:rPr>
              <a:t>40% a</a:t>
            </a:r>
            <a:r>
              <a:rPr lang="da-DK" sz="800" noProof="0">
                <a:solidFill>
                  <a:srgbClr val="024D78"/>
                </a:solidFill>
              </a:rPr>
              <a:t>nvendelse af Microsoft rammeaftale til it-udvikling</a:t>
            </a:r>
          </a:p>
        </p:txBody>
      </p:sp>
      <p:pic>
        <p:nvPicPr>
          <p:cNvPr id="156" name="Picture 155" descr="Graffen viser udfasning af forskellige Microsoft-løsninger med open source-produkter i Schleswig-Holstein">
            <a:extLst>
              <a:ext uri="{FF2B5EF4-FFF2-40B4-BE49-F238E27FC236}">
                <a16:creationId xmlns:a16="http://schemas.microsoft.com/office/drawing/2014/main" id="{1B1705D2-78BB-6F86-BF01-C73D321FCD51}"/>
              </a:ext>
            </a:extLst>
          </p:cNvPr>
          <p:cNvPicPr>
            <a:picLocks noChangeAspect="1"/>
          </p:cNvPicPr>
          <p:nvPr/>
        </p:nvPicPr>
        <p:blipFill>
          <a:blip r:embed="rId5"/>
          <a:stretch>
            <a:fillRect/>
          </a:stretch>
        </p:blipFill>
        <p:spPr>
          <a:xfrm>
            <a:off x="8277225" y="3060249"/>
            <a:ext cx="3560375" cy="2738750"/>
          </a:xfrm>
          <a:prstGeom prst="rect">
            <a:avLst/>
          </a:prstGeom>
        </p:spPr>
      </p:pic>
      <p:cxnSp>
        <p:nvCxnSpPr>
          <p:cNvPr id="78" name="Straight Connector 77">
            <a:extLst>
              <a:ext uri="{FF2B5EF4-FFF2-40B4-BE49-F238E27FC236}">
                <a16:creationId xmlns:a16="http://schemas.microsoft.com/office/drawing/2014/main" id="{B6FC991F-FF26-8D3C-40C9-E606987A126D}"/>
              </a:ext>
              <a:ext uri="{C183D7F6-B498-43B3-948B-1728B52AA6E4}">
                <adec:decorative xmlns:adec="http://schemas.microsoft.com/office/drawing/2017/decorative" val="1"/>
              </a:ext>
            </a:extLst>
          </p:cNvPr>
          <p:cNvCxnSpPr>
            <a:cxnSpLocks/>
            <a:stCxn id="74" idx="2"/>
          </p:cNvCxnSpPr>
          <p:nvPr/>
        </p:nvCxnSpPr>
        <p:spPr>
          <a:xfrm>
            <a:off x="8503508" y="2836031"/>
            <a:ext cx="456475" cy="745369"/>
          </a:xfrm>
          <a:prstGeom prst="line">
            <a:avLst/>
          </a:prstGeom>
          <a:ln w="12700">
            <a:solidFill>
              <a:srgbClr val="024D78"/>
            </a:solidFill>
            <a:prstDash val="dash"/>
          </a:ln>
        </p:spPr>
        <p:style>
          <a:lnRef idx="1">
            <a:schemeClr val="accent1"/>
          </a:lnRef>
          <a:fillRef idx="0">
            <a:schemeClr val="accent1"/>
          </a:fillRef>
          <a:effectRef idx="0">
            <a:schemeClr val="accent1"/>
          </a:effectRef>
          <a:fontRef idx="minor">
            <a:schemeClr val="tx1"/>
          </a:fontRef>
        </p:style>
      </p:cxnSp>
      <p:cxnSp>
        <p:nvCxnSpPr>
          <p:cNvPr id="79" name="Straight Connector 78">
            <a:extLst>
              <a:ext uri="{FF2B5EF4-FFF2-40B4-BE49-F238E27FC236}">
                <a16:creationId xmlns:a16="http://schemas.microsoft.com/office/drawing/2014/main" id="{BD3E8FAE-75C9-2F29-158C-46211978249A}"/>
              </a:ext>
              <a:ext uri="{C183D7F6-B498-43B3-948B-1728B52AA6E4}">
                <adec:decorative xmlns:adec="http://schemas.microsoft.com/office/drawing/2017/decorative" val="1"/>
              </a:ext>
            </a:extLst>
          </p:cNvPr>
          <p:cNvCxnSpPr>
            <a:cxnSpLocks/>
            <a:stCxn id="76" idx="2"/>
          </p:cNvCxnSpPr>
          <p:nvPr/>
        </p:nvCxnSpPr>
        <p:spPr>
          <a:xfrm flipH="1">
            <a:off x="10920908" y="2836031"/>
            <a:ext cx="185260" cy="709650"/>
          </a:xfrm>
          <a:prstGeom prst="line">
            <a:avLst/>
          </a:prstGeom>
          <a:ln w="12700">
            <a:solidFill>
              <a:srgbClr val="024D78"/>
            </a:solidFill>
            <a:prstDash val="dash"/>
          </a:ln>
        </p:spPr>
        <p:style>
          <a:lnRef idx="1">
            <a:schemeClr val="accent1"/>
          </a:lnRef>
          <a:fillRef idx="0">
            <a:schemeClr val="accent1"/>
          </a:fillRef>
          <a:effectRef idx="0">
            <a:schemeClr val="accent1"/>
          </a:effectRef>
          <a:fontRef idx="minor">
            <a:schemeClr val="tx1"/>
          </a:fontRef>
        </p:style>
      </p:cxnSp>
      <p:sp>
        <p:nvSpPr>
          <p:cNvPr id="157" name="TextBox 156">
            <a:extLst>
              <a:ext uri="{FF2B5EF4-FFF2-40B4-BE49-F238E27FC236}">
                <a16:creationId xmlns:a16="http://schemas.microsoft.com/office/drawing/2014/main" id="{B0D28AAD-8509-F230-D388-892357F0319C}"/>
              </a:ext>
            </a:extLst>
          </p:cNvPr>
          <p:cNvSpPr txBox="1"/>
          <p:nvPr/>
        </p:nvSpPr>
        <p:spPr>
          <a:xfrm>
            <a:off x="6638195" y="3170469"/>
            <a:ext cx="1639030" cy="1013154"/>
          </a:xfrm>
          <a:prstGeom prst="rect">
            <a:avLst/>
          </a:prstGeom>
          <a:noFill/>
        </p:spPr>
        <p:txBody>
          <a:bodyPr wrap="square" rtlCol="0">
            <a:noAutofit/>
          </a:bodyPr>
          <a:lstStyle/>
          <a:p>
            <a:pPr algn="r">
              <a:lnSpc>
                <a:spcPct val="220000"/>
              </a:lnSpc>
            </a:pPr>
            <a:r>
              <a:rPr lang="da-DK" sz="700" noProof="0">
                <a:solidFill>
                  <a:srgbClr val="EE2F66"/>
                </a:solidFill>
              </a:rPr>
              <a:t>Udbredelse af Microsoft</a:t>
            </a:r>
          </a:p>
          <a:p>
            <a:pPr algn="r">
              <a:lnSpc>
                <a:spcPct val="220000"/>
              </a:lnSpc>
            </a:pPr>
            <a:r>
              <a:rPr lang="da-DK" sz="700" noProof="0">
                <a:solidFill>
                  <a:schemeClr val="accent1">
                    <a:lumMod val="90000"/>
                    <a:lumOff val="10000"/>
                  </a:schemeClr>
                </a:solidFill>
              </a:rPr>
              <a:t>Microsoft-rammeaftale</a:t>
            </a:r>
          </a:p>
          <a:p>
            <a:pPr algn="r">
              <a:lnSpc>
                <a:spcPct val="220000"/>
              </a:lnSpc>
            </a:pPr>
            <a:r>
              <a:rPr lang="da-DK" sz="700" noProof="0">
                <a:solidFill>
                  <a:schemeClr val="accent1">
                    <a:lumMod val="90000"/>
                    <a:lumOff val="10000"/>
                  </a:schemeClr>
                </a:solidFill>
              </a:rPr>
              <a:t>Microsoft-</a:t>
            </a:r>
            <a:r>
              <a:rPr lang="da-DK" sz="700" noProof="0" dirty="0">
                <a:solidFill>
                  <a:schemeClr val="accent1">
                    <a:lumMod val="90000"/>
                    <a:lumOff val="10000"/>
                  </a:schemeClr>
                </a:solidFill>
              </a:rPr>
              <a:t>adgangslicenser</a:t>
            </a:r>
            <a:endParaRPr lang="da-DK" sz="700" noProof="0">
              <a:solidFill>
                <a:schemeClr val="accent1">
                  <a:lumMod val="90000"/>
                  <a:lumOff val="10000"/>
                </a:schemeClr>
              </a:solidFill>
            </a:endParaRPr>
          </a:p>
          <a:p>
            <a:pPr algn="r">
              <a:lnSpc>
                <a:spcPct val="220000"/>
              </a:lnSpc>
            </a:pPr>
            <a:r>
              <a:rPr lang="da-DK" sz="700" noProof="0">
                <a:solidFill>
                  <a:schemeClr val="accent1">
                    <a:lumMod val="90000"/>
                    <a:lumOff val="10000"/>
                  </a:schemeClr>
                </a:solidFill>
              </a:rPr>
              <a:t>Microsoft-server OS</a:t>
            </a:r>
          </a:p>
        </p:txBody>
      </p:sp>
      <p:sp>
        <p:nvSpPr>
          <p:cNvPr id="158" name="TextBox 157">
            <a:extLst>
              <a:ext uri="{FF2B5EF4-FFF2-40B4-BE49-F238E27FC236}">
                <a16:creationId xmlns:a16="http://schemas.microsoft.com/office/drawing/2014/main" id="{49CEEA3E-8C36-52AA-31D4-5B1A8772151A}"/>
              </a:ext>
            </a:extLst>
          </p:cNvPr>
          <p:cNvSpPr txBox="1"/>
          <p:nvPr/>
        </p:nvSpPr>
        <p:spPr>
          <a:xfrm>
            <a:off x="6504256" y="4108505"/>
            <a:ext cx="1772969" cy="819112"/>
          </a:xfrm>
          <a:prstGeom prst="rect">
            <a:avLst/>
          </a:prstGeom>
          <a:noFill/>
        </p:spPr>
        <p:txBody>
          <a:bodyPr wrap="square" rtlCol="0">
            <a:noAutofit/>
          </a:bodyPr>
          <a:lstStyle/>
          <a:p>
            <a:pPr algn="r">
              <a:lnSpc>
                <a:spcPct val="220000"/>
              </a:lnSpc>
            </a:pPr>
            <a:r>
              <a:rPr lang="da-DK" sz="700" noProof="0">
                <a:solidFill>
                  <a:srgbClr val="EE2F66"/>
                </a:solidFill>
              </a:rPr>
              <a:t>Migrering fra Microsoft AD</a:t>
            </a:r>
          </a:p>
          <a:p>
            <a:pPr algn="r">
              <a:lnSpc>
                <a:spcPct val="220000"/>
              </a:lnSpc>
            </a:pPr>
            <a:r>
              <a:rPr lang="da-DK" sz="700" noProof="0">
                <a:solidFill>
                  <a:schemeClr val="accent1">
                    <a:lumMod val="90000"/>
                    <a:lumOff val="10000"/>
                  </a:schemeClr>
                </a:solidFill>
              </a:rPr>
              <a:t>Microsoft Active Directory</a:t>
            </a:r>
          </a:p>
          <a:p>
            <a:pPr algn="r">
              <a:lnSpc>
                <a:spcPct val="220000"/>
              </a:lnSpc>
            </a:pPr>
            <a:r>
              <a:rPr lang="da-DK" sz="700" noProof="0">
                <a:solidFill>
                  <a:schemeClr val="accent1">
                    <a:lumMod val="90000"/>
                    <a:lumOff val="10000"/>
                  </a:schemeClr>
                </a:solidFill>
              </a:rPr>
              <a:t>Alternativ directory-tjeneste</a:t>
            </a:r>
          </a:p>
        </p:txBody>
      </p:sp>
      <p:sp>
        <p:nvSpPr>
          <p:cNvPr id="159" name="TextBox 158">
            <a:extLst>
              <a:ext uri="{FF2B5EF4-FFF2-40B4-BE49-F238E27FC236}">
                <a16:creationId xmlns:a16="http://schemas.microsoft.com/office/drawing/2014/main" id="{3BE2584F-9A75-489F-329D-94F8AF3CF779}"/>
              </a:ext>
            </a:extLst>
          </p:cNvPr>
          <p:cNvSpPr txBox="1"/>
          <p:nvPr/>
        </p:nvSpPr>
        <p:spPr>
          <a:xfrm>
            <a:off x="6266985" y="4785844"/>
            <a:ext cx="2010240" cy="1013154"/>
          </a:xfrm>
          <a:prstGeom prst="rect">
            <a:avLst/>
          </a:prstGeom>
          <a:noFill/>
        </p:spPr>
        <p:txBody>
          <a:bodyPr wrap="square" rtlCol="0">
            <a:noAutofit/>
          </a:bodyPr>
          <a:lstStyle/>
          <a:p>
            <a:pPr algn="r">
              <a:lnSpc>
                <a:spcPct val="220000"/>
              </a:lnSpc>
            </a:pPr>
            <a:r>
              <a:rPr lang="da-DK" sz="700" noProof="0">
                <a:solidFill>
                  <a:srgbClr val="EE2F66"/>
                </a:solidFill>
              </a:rPr>
              <a:t>Brug af Office-pakken</a:t>
            </a:r>
          </a:p>
          <a:p>
            <a:pPr algn="r">
              <a:lnSpc>
                <a:spcPct val="220000"/>
              </a:lnSpc>
            </a:pPr>
            <a:r>
              <a:rPr lang="da-DK" sz="700" noProof="0">
                <a:solidFill>
                  <a:schemeClr val="accent1">
                    <a:lumMod val="90000"/>
                    <a:lumOff val="10000"/>
                  </a:schemeClr>
                </a:solidFill>
              </a:rPr>
              <a:t>Microsoft Office</a:t>
            </a:r>
          </a:p>
          <a:p>
            <a:pPr algn="r">
              <a:lnSpc>
                <a:spcPct val="220000"/>
              </a:lnSpc>
            </a:pPr>
            <a:r>
              <a:rPr lang="da-DK" sz="700" noProof="0" err="1">
                <a:solidFill>
                  <a:schemeClr val="accent1">
                    <a:lumMod val="90000"/>
                    <a:lumOff val="10000"/>
                  </a:schemeClr>
                </a:solidFill>
              </a:rPr>
              <a:t>LibreOffice</a:t>
            </a:r>
            <a:endParaRPr lang="da-DK" sz="700" noProof="0">
              <a:solidFill>
                <a:schemeClr val="accent1">
                  <a:lumMod val="90000"/>
                  <a:lumOff val="10000"/>
                </a:schemeClr>
              </a:solidFill>
            </a:endParaRPr>
          </a:p>
          <a:p>
            <a:pPr algn="r">
              <a:lnSpc>
                <a:spcPct val="220000"/>
              </a:lnSpc>
            </a:pPr>
            <a:r>
              <a:rPr lang="da-DK" sz="700" noProof="0">
                <a:solidFill>
                  <a:schemeClr val="accent1">
                    <a:lumMod val="90000"/>
                    <a:lumOff val="10000"/>
                  </a:schemeClr>
                </a:solidFill>
              </a:rPr>
              <a:t>Microsoft Visio/Project </a:t>
            </a:r>
          </a:p>
        </p:txBody>
      </p:sp>
    </p:spTree>
    <p:extLst>
      <p:ext uri="{BB962C8B-B14F-4D97-AF65-F5344CB8AC3E}">
        <p14:creationId xmlns:p14="http://schemas.microsoft.com/office/powerpoint/2010/main" val="3658710446"/>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65FFCF-AB87-7FAF-9669-8AC2FEE7E524}"/>
            </a:ext>
          </a:extLst>
        </p:cNvPr>
        <p:cNvGrpSpPr/>
        <p:nvPr/>
      </p:nvGrpSpPr>
      <p:grpSpPr>
        <a:xfrm>
          <a:off x="0" y="0"/>
          <a:ext cx="0" cy="0"/>
          <a:chOff x="0" y="0"/>
          <a:chExt cx="0" cy="0"/>
        </a:xfrm>
      </p:grpSpPr>
      <p:sp>
        <p:nvSpPr>
          <p:cNvPr id="26" name="Rectangle: Rounded Corners 25">
            <a:extLst>
              <a:ext uri="{FF2B5EF4-FFF2-40B4-BE49-F238E27FC236}">
                <a16:creationId xmlns:a16="http://schemas.microsoft.com/office/drawing/2014/main" id="{6A7E3936-D8C9-C79C-B7AC-2C8015210A68}"/>
              </a:ext>
            </a:extLst>
          </p:cNvPr>
          <p:cNvSpPr/>
          <p:nvPr/>
        </p:nvSpPr>
        <p:spPr>
          <a:xfrm>
            <a:off x="169304" y="11734"/>
            <a:ext cx="6032713"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3 | Open source-transformation i Schleswig-Holstein</a:t>
            </a:r>
          </a:p>
        </p:txBody>
      </p:sp>
      <p:sp>
        <p:nvSpPr>
          <p:cNvPr id="2" name="Title 1">
            <a:extLst>
              <a:ext uri="{FF2B5EF4-FFF2-40B4-BE49-F238E27FC236}">
                <a16:creationId xmlns:a16="http://schemas.microsoft.com/office/drawing/2014/main" id="{87914323-DDBF-4F90-A197-0D6FDCD090F0}"/>
              </a:ext>
            </a:extLst>
          </p:cNvPr>
          <p:cNvSpPr>
            <a:spLocks noGrp="1"/>
          </p:cNvSpPr>
          <p:nvPr>
            <p:ph type="title"/>
          </p:nvPr>
        </p:nvSpPr>
        <p:spPr/>
        <p:txBody>
          <a:bodyPr/>
          <a:lstStyle/>
          <a:p>
            <a:r>
              <a:rPr lang="da-DK" sz="2200" noProof="0" dirty="0"/>
              <a:t>Side 3/3 | </a:t>
            </a:r>
            <a:r>
              <a:rPr lang="da-DK" sz="2200" b="1" noProof="0" dirty="0"/>
              <a:t>Teknologisk og organisatorisk transformation</a:t>
            </a:r>
            <a:endParaRPr lang="da-DK" sz="2200" noProof="0" dirty="0"/>
          </a:p>
        </p:txBody>
      </p:sp>
      <p:sp>
        <p:nvSpPr>
          <p:cNvPr id="52" name="Rectangle: Rounded Corners 51">
            <a:extLst>
              <a:ext uri="{FF2B5EF4-FFF2-40B4-BE49-F238E27FC236}">
                <a16:creationId xmlns:a16="http://schemas.microsoft.com/office/drawing/2014/main" id="{53FBC3CF-19F7-FA21-BF6A-AEFEE60CBDF6}"/>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81" name="Rectangle: Rounded Corners 180">
            <a:extLst>
              <a:ext uri="{FF2B5EF4-FFF2-40B4-BE49-F238E27FC236}">
                <a16:creationId xmlns:a16="http://schemas.microsoft.com/office/drawing/2014/main" id="{27A280C7-1C81-4485-28C4-1A6BDBF1D3EF}"/>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0" name="Rectangle: Rounded Corners 9">
            <a:extLst>
              <a:ext uri="{FF2B5EF4-FFF2-40B4-BE49-F238E27FC236}">
                <a16:creationId xmlns:a16="http://schemas.microsoft.com/office/drawing/2014/main" id="{EC53B464-4CC1-3211-96C4-B465A34144E7}"/>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Teknologisk transformation</a:t>
            </a:r>
          </a:p>
        </p:txBody>
      </p:sp>
      <p:sp>
        <p:nvSpPr>
          <p:cNvPr id="3" name="Rectangle 2">
            <a:extLst>
              <a:ext uri="{FF2B5EF4-FFF2-40B4-BE49-F238E27FC236}">
                <a16:creationId xmlns:a16="http://schemas.microsoft.com/office/drawing/2014/main" id="{AB2C3EC4-2624-419C-F774-2D9C2F5D8559}"/>
              </a:ext>
            </a:extLst>
          </p:cNvPr>
          <p:cNvSpPr/>
          <p:nvPr/>
        </p:nvSpPr>
        <p:spPr>
          <a:xfrm>
            <a:off x="540228" y="2069025"/>
            <a:ext cx="3016457" cy="42422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50"/>
              </a:spcAft>
            </a:pPr>
            <a:r>
              <a:rPr lang="da-DK" sz="900" b="1" noProof="0">
                <a:solidFill>
                  <a:srgbClr val="36465A"/>
                </a:solidFill>
              </a:rPr>
              <a:t>Teknologisk målbillede</a:t>
            </a:r>
            <a:br>
              <a:rPr lang="da-DK" sz="900" b="1" noProof="0">
                <a:solidFill>
                  <a:schemeClr val="tx1"/>
                </a:solidFill>
              </a:rPr>
            </a:br>
            <a:r>
              <a:rPr lang="da-DK" sz="900" noProof="0">
                <a:solidFill>
                  <a:schemeClr val="tx1"/>
                </a:solidFill>
              </a:rPr>
              <a:t>Målbilledet omfatter en infrastruktur, hvor hele delstatens arbejdsplads, kommunikations- og samarbejdssystemer og datahåndtering er baseret på frit tilgængelig og tilpasselig software med høj sikkerhed, kontrol og mulighed for fremtidig udvikling. Fokus har været at erstatte så mange Microsoft produkter som muligt med open source-teknologi, hvor delstaten er startet med de ”nemmeste” områder i form af </a:t>
            </a:r>
            <a:r>
              <a:rPr lang="da-DK" sz="900" noProof="0" err="1">
                <a:solidFill>
                  <a:schemeClr val="tx1"/>
                </a:solidFill>
              </a:rPr>
              <a:t>LibreOffice</a:t>
            </a:r>
            <a:r>
              <a:rPr lang="da-DK" sz="900" noProof="0">
                <a:solidFill>
                  <a:schemeClr val="tx1"/>
                </a:solidFill>
              </a:rPr>
              <a:t> og styresystemer til servere.</a:t>
            </a:r>
          </a:p>
          <a:p>
            <a:pPr>
              <a:spcAft>
                <a:spcPts val="350"/>
              </a:spcAft>
            </a:pPr>
            <a:r>
              <a:rPr lang="da-DK" sz="900" b="1" noProof="0">
                <a:solidFill>
                  <a:srgbClr val="36465A"/>
                </a:solidFill>
              </a:rPr>
              <a:t>Udskiftning af teknologier </a:t>
            </a:r>
          </a:p>
          <a:p>
            <a:pPr marL="171450" indent="-171450">
              <a:spcAft>
                <a:spcPts val="200"/>
              </a:spcAft>
              <a:buFont typeface="Arial" panose="020B0604020202020204" pitchFamily="34" charset="0"/>
              <a:buChar char="•"/>
            </a:pPr>
            <a:r>
              <a:rPr lang="da-DK" sz="900" b="1" noProof="0">
                <a:solidFill>
                  <a:schemeClr val="tx1"/>
                </a:solidFill>
              </a:rPr>
              <a:t>Kontorpakke: </a:t>
            </a:r>
            <a:r>
              <a:rPr lang="da-DK" sz="900" noProof="0">
                <a:solidFill>
                  <a:schemeClr val="tx1"/>
                </a:solidFill>
              </a:rPr>
              <a:t>Fra MS Office til </a:t>
            </a:r>
            <a:r>
              <a:rPr lang="da-DK" sz="900" noProof="0" err="1">
                <a:solidFill>
                  <a:schemeClr val="tx1"/>
                </a:solidFill>
              </a:rPr>
              <a:t>LibreOffice</a:t>
            </a:r>
            <a:r>
              <a:rPr lang="da-DK" sz="900" noProof="0">
                <a:solidFill>
                  <a:schemeClr val="tx1"/>
                </a:solidFill>
              </a:rPr>
              <a:t>. </a:t>
            </a:r>
          </a:p>
          <a:p>
            <a:pPr marL="171450" indent="-171450">
              <a:spcAft>
                <a:spcPts val="200"/>
              </a:spcAft>
              <a:buFont typeface="Arial" panose="020B0604020202020204" pitchFamily="34" charset="0"/>
              <a:buChar char="•"/>
            </a:pPr>
            <a:r>
              <a:rPr lang="da-DK" sz="900" b="1" noProof="0">
                <a:solidFill>
                  <a:schemeClr val="tx1"/>
                </a:solidFill>
              </a:rPr>
              <a:t>E-mail og gruppemail: </a:t>
            </a:r>
            <a:r>
              <a:rPr lang="da-DK" sz="900" noProof="0">
                <a:solidFill>
                  <a:schemeClr val="tx1"/>
                </a:solidFill>
              </a:rPr>
              <a:t>Fra MS Outlook og Exchange med </a:t>
            </a:r>
            <a:r>
              <a:rPr lang="da-DK" sz="900" noProof="0" err="1">
                <a:solidFill>
                  <a:schemeClr val="tx1"/>
                </a:solidFill>
              </a:rPr>
              <a:t>Thunderbird</a:t>
            </a:r>
            <a:r>
              <a:rPr lang="da-DK" sz="900" noProof="0">
                <a:solidFill>
                  <a:schemeClr val="tx1"/>
                </a:solidFill>
              </a:rPr>
              <a:t> og Open-</a:t>
            </a:r>
            <a:r>
              <a:rPr lang="da-DK" sz="900" noProof="0" err="1">
                <a:solidFill>
                  <a:schemeClr val="tx1"/>
                </a:solidFill>
              </a:rPr>
              <a:t>Xchange</a:t>
            </a:r>
            <a:r>
              <a:rPr lang="da-DK" sz="900" noProof="0">
                <a:solidFill>
                  <a:schemeClr val="tx1"/>
                </a:solidFill>
              </a:rPr>
              <a:t>.</a:t>
            </a:r>
          </a:p>
          <a:p>
            <a:pPr marL="171450" indent="-171450">
              <a:spcAft>
                <a:spcPts val="200"/>
              </a:spcAft>
              <a:buFont typeface="Arial" panose="020B0604020202020204" pitchFamily="34" charset="0"/>
              <a:buChar char="•"/>
            </a:pPr>
            <a:r>
              <a:rPr lang="da-DK" sz="900" b="1" noProof="0">
                <a:solidFill>
                  <a:schemeClr val="tx1"/>
                </a:solidFill>
              </a:rPr>
              <a:t>Fildeling og samarbejde: </a:t>
            </a:r>
            <a:r>
              <a:rPr lang="da-DK" sz="900" noProof="0" err="1">
                <a:solidFill>
                  <a:schemeClr val="tx1"/>
                </a:solidFill>
              </a:rPr>
              <a:t>Nextcloud</a:t>
            </a:r>
            <a:r>
              <a:rPr lang="da-DK" sz="900" noProof="0">
                <a:solidFill>
                  <a:schemeClr val="tx1"/>
                </a:solidFill>
              </a:rPr>
              <a:t> som platform til filhåndtering og samarbejde.</a:t>
            </a:r>
          </a:p>
          <a:p>
            <a:pPr marL="171450" indent="-171450">
              <a:spcAft>
                <a:spcPts val="200"/>
              </a:spcAft>
              <a:buFont typeface="Arial" panose="020B0604020202020204" pitchFamily="34" charset="0"/>
              <a:buChar char="•"/>
            </a:pPr>
            <a:r>
              <a:rPr lang="da-DK" sz="900" b="1" noProof="0">
                <a:solidFill>
                  <a:schemeClr val="tx1"/>
                </a:solidFill>
              </a:rPr>
              <a:t>Operativsystem: </a:t>
            </a:r>
            <a:r>
              <a:rPr lang="da-DK" sz="900" noProof="0">
                <a:solidFill>
                  <a:schemeClr val="tx1"/>
                </a:solidFill>
              </a:rPr>
              <a:t>Fra MS Windows til Linux. </a:t>
            </a:r>
          </a:p>
          <a:p>
            <a:pPr marL="171450" indent="-171450">
              <a:spcAft>
                <a:spcPts val="200"/>
              </a:spcAft>
              <a:buFont typeface="Arial" panose="020B0604020202020204" pitchFamily="34" charset="0"/>
              <a:buChar char="•"/>
            </a:pPr>
            <a:r>
              <a:rPr lang="da-DK" sz="900" b="1" noProof="0">
                <a:solidFill>
                  <a:schemeClr val="tx1"/>
                </a:solidFill>
              </a:rPr>
              <a:t>Directory service: </a:t>
            </a:r>
            <a:r>
              <a:rPr lang="da-DK" sz="900" noProof="0">
                <a:solidFill>
                  <a:schemeClr val="tx1"/>
                </a:solidFill>
              </a:rPr>
              <a:t>Fra MS AD til open source-baseret </a:t>
            </a:r>
            <a:r>
              <a:rPr lang="da-DK" sz="900" noProof="0" err="1">
                <a:solidFill>
                  <a:schemeClr val="tx1"/>
                </a:solidFill>
              </a:rPr>
              <a:t>directory</a:t>
            </a:r>
            <a:r>
              <a:rPr lang="da-DK" sz="900" noProof="0">
                <a:solidFill>
                  <a:schemeClr val="tx1"/>
                </a:solidFill>
              </a:rPr>
              <a:t> services, </a:t>
            </a:r>
            <a:r>
              <a:rPr lang="da-DK" sz="900" noProof="0" err="1">
                <a:solidFill>
                  <a:schemeClr val="tx1"/>
                </a:solidFill>
              </a:rPr>
              <a:t>Univention</a:t>
            </a:r>
            <a:r>
              <a:rPr lang="da-DK" sz="900" noProof="0">
                <a:solidFill>
                  <a:schemeClr val="tx1"/>
                </a:solidFill>
              </a:rPr>
              <a:t> og </a:t>
            </a:r>
            <a:r>
              <a:rPr lang="da-DK" sz="900" noProof="0" err="1">
                <a:solidFill>
                  <a:schemeClr val="tx1"/>
                </a:solidFill>
              </a:rPr>
              <a:t>Nubus</a:t>
            </a:r>
            <a:r>
              <a:rPr lang="da-DK" sz="900" noProof="0">
                <a:solidFill>
                  <a:schemeClr val="tx1"/>
                </a:solidFill>
              </a:rPr>
              <a:t>.</a:t>
            </a:r>
          </a:p>
          <a:p>
            <a:pPr marL="171450" indent="-171450">
              <a:spcAft>
                <a:spcPts val="200"/>
              </a:spcAft>
              <a:buFont typeface="Arial" panose="020B0604020202020204" pitchFamily="34" charset="0"/>
              <a:buChar char="•"/>
            </a:pPr>
            <a:r>
              <a:rPr lang="da-DK" sz="900" b="1" noProof="0">
                <a:solidFill>
                  <a:schemeClr val="tx1"/>
                </a:solidFill>
              </a:rPr>
              <a:t>Telefoni: </a:t>
            </a:r>
            <a:r>
              <a:rPr lang="da-DK" sz="900" noProof="0">
                <a:solidFill>
                  <a:schemeClr val="tx1"/>
                </a:solidFill>
              </a:rPr>
              <a:t>Fra Telekom-Flexport til open source-baseret telefoni-løsning (OSKAR). </a:t>
            </a:r>
            <a:endParaRPr lang="da-DK" sz="900" noProof="0">
              <a:solidFill>
                <a:schemeClr val="tx1"/>
              </a:solidFill>
              <a:highlight>
                <a:srgbClr val="FFFF00"/>
              </a:highlight>
            </a:endParaRPr>
          </a:p>
          <a:p>
            <a:pPr marL="171450" indent="-171450">
              <a:spcAft>
                <a:spcPts val="200"/>
              </a:spcAft>
              <a:buFont typeface="Arial" panose="020B0604020202020204" pitchFamily="34" charset="0"/>
              <a:buChar char="•"/>
            </a:pPr>
            <a:r>
              <a:rPr lang="da-DK" sz="900" b="1" noProof="0">
                <a:solidFill>
                  <a:schemeClr val="tx1"/>
                </a:solidFill>
              </a:rPr>
              <a:t>Databaser: </a:t>
            </a:r>
            <a:r>
              <a:rPr lang="da-DK" sz="900" noProof="0">
                <a:solidFill>
                  <a:schemeClr val="tx1"/>
                </a:solidFill>
              </a:rPr>
              <a:t>Gradvis udskiftning af </a:t>
            </a:r>
            <a:r>
              <a:rPr lang="da-DK" sz="900" noProof="0" err="1">
                <a:solidFill>
                  <a:schemeClr val="tx1"/>
                </a:solidFill>
              </a:rPr>
              <a:t>proprietære</a:t>
            </a:r>
            <a:r>
              <a:rPr lang="da-DK" sz="900" noProof="0">
                <a:solidFill>
                  <a:schemeClr val="tx1"/>
                </a:solidFill>
              </a:rPr>
              <a:t> databasesystemer med åbne alternativer hvor muligt.</a:t>
            </a:r>
          </a:p>
          <a:p>
            <a:pPr marL="171450" indent="-171450">
              <a:spcAft>
                <a:spcPts val="200"/>
              </a:spcAft>
              <a:buFont typeface="Arial" panose="020B0604020202020204" pitchFamily="34" charset="0"/>
              <a:buChar char="•"/>
            </a:pPr>
            <a:r>
              <a:rPr lang="da-DK" sz="900" b="1" noProof="0">
                <a:solidFill>
                  <a:schemeClr val="tx1"/>
                </a:solidFill>
              </a:rPr>
              <a:t>Virtuelle arbejdspladser (VDI): </a:t>
            </a:r>
            <a:r>
              <a:rPr lang="da-DK" sz="900" noProof="0">
                <a:solidFill>
                  <a:schemeClr val="tx1"/>
                </a:solidFill>
              </a:rPr>
              <a:t>Bevægelse mod open source-virtualiseringsløsninger.</a:t>
            </a:r>
          </a:p>
          <a:p>
            <a:pPr marL="171450" indent="-171450">
              <a:spcAft>
                <a:spcPts val="200"/>
              </a:spcAft>
              <a:buFont typeface="Arial" panose="020B0604020202020204" pitchFamily="34" charset="0"/>
              <a:buChar char="•"/>
            </a:pPr>
            <a:r>
              <a:rPr lang="da-DK" sz="900" b="1" noProof="0">
                <a:solidFill>
                  <a:schemeClr val="tx1"/>
                </a:solidFill>
              </a:rPr>
              <a:t>Tilpasning af udvalgte applikationer: </a:t>
            </a:r>
            <a:r>
              <a:rPr lang="da-DK" sz="900" noProof="0">
                <a:solidFill>
                  <a:schemeClr val="tx1"/>
                </a:solidFill>
              </a:rPr>
              <a:t>Migrering af specialiserede applikationer og fagsystemer til kompatibilitet med </a:t>
            </a:r>
            <a:r>
              <a:rPr lang="da-DK" sz="900" noProof="0" err="1">
                <a:solidFill>
                  <a:schemeClr val="tx1"/>
                </a:solidFill>
              </a:rPr>
              <a:t>LibreOffice</a:t>
            </a:r>
            <a:r>
              <a:rPr lang="da-DK" sz="900" noProof="0">
                <a:solidFill>
                  <a:schemeClr val="tx1"/>
                </a:solidFill>
              </a:rPr>
              <a:t> og Linux.</a:t>
            </a:r>
          </a:p>
        </p:txBody>
      </p:sp>
      <p:sp>
        <p:nvSpPr>
          <p:cNvPr id="11" name="Rectangle: Rounded Corners 10">
            <a:extLst>
              <a:ext uri="{FF2B5EF4-FFF2-40B4-BE49-F238E27FC236}">
                <a16:creationId xmlns:a16="http://schemas.microsoft.com/office/drawing/2014/main" id="{0EE11232-DE8E-50DF-7BD3-E2BB84CEF5B4}"/>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Organisatorisk transformation</a:t>
            </a:r>
          </a:p>
        </p:txBody>
      </p:sp>
      <p:sp>
        <p:nvSpPr>
          <p:cNvPr id="5" name="Rectangle 4">
            <a:extLst>
              <a:ext uri="{FF2B5EF4-FFF2-40B4-BE49-F238E27FC236}">
                <a16:creationId xmlns:a16="http://schemas.microsoft.com/office/drawing/2014/main" id="{F99CAC0D-FDE4-3E1E-C962-48C950FEA05E}"/>
              </a:ext>
            </a:extLst>
          </p:cNvPr>
          <p:cNvSpPr/>
          <p:nvPr/>
        </p:nvSpPr>
        <p:spPr>
          <a:xfrm>
            <a:off x="3605610" y="2069025"/>
            <a:ext cx="2985319" cy="430386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Projektorganisering</a:t>
            </a:r>
            <a:r>
              <a:rPr lang="da-DK" sz="900" b="1" noProof="0">
                <a:solidFill>
                  <a:schemeClr val="tx1"/>
                </a:solidFill>
                <a:sym typeface="Wingdings" panose="05000000000000000000" pitchFamily="2" charset="2"/>
              </a:rPr>
              <a:t> </a:t>
            </a:r>
          </a:p>
          <a:p>
            <a:r>
              <a:rPr lang="da-DK" sz="900" noProof="0">
                <a:solidFill>
                  <a:schemeClr val="tx1"/>
                </a:solidFill>
                <a:sym typeface="Wingdings" panose="05000000000000000000" pitchFamily="2" charset="2"/>
              </a:rPr>
              <a:t>Transformationen har ikke været organiseret som et stort sammenhængende program, men har i stedet været opdelt i en række delvist afhængige moderniseringsprojekter med flere projektteams, for at gøre transformationen mere styrbar. </a:t>
            </a:r>
            <a:br>
              <a:rPr lang="da-DK" sz="900" noProof="0">
                <a:solidFill>
                  <a:schemeClr val="tx1"/>
                </a:solidFill>
                <a:sym typeface="Wingdings" panose="05000000000000000000" pitchFamily="2" charset="2"/>
              </a:rPr>
            </a:br>
            <a:r>
              <a:rPr lang="da-DK" sz="900" noProof="0">
                <a:solidFill>
                  <a:schemeClr val="tx1"/>
                </a:solidFill>
                <a:sym typeface="Wingdings" panose="05000000000000000000" pitchFamily="2" charset="2"/>
              </a:rPr>
              <a:t>Alle moderniseringsindsatser følger et samlet </a:t>
            </a:r>
            <a:r>
              <a:rPr lang="da-DK" sz="900" noProof="0" err="1">
                <a:solidFill>
                  <a:schemeClr val="tx1"/>
                </a:solidFill>
                <a:sym typeface="Wingdings" panose="05000000000000000000" pitchFamily="2" charset="2"/>
              </a:rPr>
              <a:t>roadmap</a:t>
            </a:r>
            <a:r>
              <a:rPr lang="da-DK" sz="900" noProof="0">
                <a:solidFill>
                  <a:schemeClr val="tx1"/>
                </a:solidFill>
                <a:sym typeface="Wingdings" panose="05000000000000000000" pitchFamily="2" charset="2"/>
              </a:rPr>
              <a:t> med klare milepæle, som er forankret politisk og i den øverste topledelse. </a:t>
            </a:r>
            <a:br>
              <a:rPr lang="da-DK" sz="900" noProof="0">
                <a:solidFill>
                  <a:schemeClr val="tx1"/>
                </a:solidFill>
                <a:sym typeface="Wingdings" panose="05000000000000000000" pitchFamily="2" charset="2"/>
              </a:rPr>
            </a:br>
            <a:r>
              <a:rPr lang="da-DK" sz="900" noProof="0">
                <a:solidFill>
                  <a:schemeClr val="tx1"/>
                </a:solidFill>
                <a:sym typeface="Wingdings" panose="05000000000000000000" pitchFamily="2" charset="2"/>
              </a:rPr>
              <a:t>Der er etableret et OSPO som central enhed med ét dedikeret årsværk, der koordinerer og fremmer brugen af open source, sikrer læring mellem moderniseringsprojekter og bygger bro mellem central it-ledelse, lokale myndigheder, eksterne samarbejdspartnere og open source-leverandører. Der er desuden etableret open innovation hubs og en DigitalHub.SH med ca. fem årsværk, der faciliterer samarbejde med virksomheder, forskningsinstitutioner og civilsamfund med en </a:t>
            </a:r>
            <a:r>
              <a:rPr lang="da-DK" sz="900" noProof="0" err="1">
                <a:solidFill>
                  <a:schemeClr val="tx1"/>
                </a:solidFill>
                <a:sym typeface="Wingdings" panose="05000000000000000000" pitchFamily="2" charset="2"/>
              </a:rPr>
              <a:t>outbound</a:t>
            </a:r>
            <a:r>
              <a:rPr lang="da-DK" sz="900" noProof="0">
                <a:solidFill>
                  <a:schemeClr val="tx1"/>
                </a:solidFill>
                <a:sym typeface="Wingdings" panose="05000000000000000000" pitchFamily="2" charset="2"/>
              </a:rPr>
              <a:t>-tilgang til OSS. </a:t>
            </a:r>
          </a:p>
          <a:p>
            <a:endParaRPr lang="da-DK" sz="900" b="1" noProof="0">
              <a:solidFill>
                <a:schemeClr val="tx1"/>
              </a:solidFill>
              <a:highlight>
                <a:srgbClr val="FFFF00"/>
              </a:highlight>
              <a:sym typeface="Wingdings" panose="05000000000000000000" pitchFamily="2" charset="2"/>
            </a:endParaRPr>
          </a:p>
          <a:p>
            <a:r>
              <a:rPr lang="da-DK" sz="900" b="1" noProof="0">
                <a:solidFill>
                  <a:srgbClr val="36465A"/>
                </a:solidFill>
                <a:sym typeface="Wingdings" panose="05000000000000000000" pitchFamily="2" charset="2"/>
              </a:rPr>
              <a:t>Forandringsledelse</a:t>
            </a:r>
          </a:p>
          <a:p>
            <a:r>
              <a:rPr lang="da-DK" sz="900" noProof="0">
                <a:solidFill>
                  <a:schemeClr val="tx1"/>
                </a:solidFill>
                <a:sym typeface="Wingdings" panose="05000000000000000000" pitchFamily="2" charset="2"/>
              </a:rPr>
              <a:t>Schleswig-Holstein har fokus på at støtte brugerne bedst muligt gennem overgangen til open source-systemer. Der er lagt vægt på en velplanlagt migrationsproces, omfattende træning af medarbejdere og løbende brugerinddragelse for at sikre høj accept og tryghed i brugen af de nye løsninger. </a:t>
            </a:r>
          </a:p>
          <a:p>
            <a:endParaRPr lang="da-DK" sz="900" noProof="0">
              <a:solidFill>
                <a:schemeClr val="tx1"/>
              </a:solidFill>
              <a:sym typeface="Wingdings" panose="05000000000000000000" pitchFamily="2" charset="2"/>
            </a:endParaRPr>
          </a:p>
          <a:p>
            <a:r>
              <a:rPr lang="da-DK" sz="900" noProof="0">
                <a:solidFill>
                  <a:schemeClr val="tx1"/>
                </a:solidFill>
                <a:sym typeface="Wingdings" panose="05000000000000000000" pitchFamily="2" charset="2"/>
              </a:rPr>
              <a:t>Der har desuden været fokus på at fremhæve ny og forbedret funktionalitet ved de nye open source-produkter, hvilket har været godt modtaget iblandt medarbejdere. </a:t>
            </a:r>
          </a:p>
          <a:p>
            <a:endParaRPr lang="da-DK" sz="900"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pPr>
              <a:spcAft>
                <a:spcPts val="350"/>
              </a:spcAft>
            </a:pPr>
            <a:endParaRPr lang="da-DK" sz="900" b="1" noProof="0">
              <a:solidFill>
                <a:schemeClr val="tx1"/>
              </a:solidFill>
            </a:endParaRPr>
          </a:p>
        </p:txBody>
      </p:sp>
      <p:sp>
        <p:nvSpPr>
          <p:cNvPr id="7" name="Rectangle 6">
            <a:extLst>
              <a:ext uri="{FF2B5EF4-FFF2-40B4-BE49-F238E27FC236}">
                <a16:creationId xmlns:a16="http://schemas.microsoft.com/office/drawing/2014/main" id="{F6875356-90E8-5CD3-F9C3-356AAFEA15EF}"/>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586FD654-5F6F-2C98-B369-1076990FB125}"/>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15D4493E-6D50-5BAD-7726-FC4FC090D10E}"/>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28536C1D-E00B-0997-2354-C19DF94B87D9}"/>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1882BCA6-95F1-E55D-C8C4-B99D2F404EBE}"/>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 name="Freeform 29">
            <a:extLst>
              <a:ext uri="{FF2B5EF4-FFF2-40B4-BE49-F238E27FC236}">
                <a16:creationId xmlns:a16="http://schemas.microsoft.com/office/drawing/2014/main" id="{C819B2B2-0C24-EB52-8A94-4F672D313DE2}"/>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21">
            <a:extLst>
              <a:ext uri="{FF2B5EF4-FFF2-40B4-BE49-F238E27FC236}">
                <a16:creationId xmlns:a16="http://schemas.microsoft.com/office/drawing/2014/main" id="{1F6EB6C6-ED77-1E60-21E5-26E1A149C7F3}"/>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33" name="TextBox 32">
            <a:extLst>
              <a:ext uri="{FF2B5EF4-FFF2-40B4-BE49-F238E27FC236}">
                <a16:creationId xmlns:a16="http://schemas.microsoft.com/office/drawing/2014/main" id="{A89970DC-42D1-ED34-5DD3-5EA52CC4BBEE}"/>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Omkostningsdrivere</a:t>
            </a:r>
          </a:p>
        </p:txBody>
      </p:sp>
      <p:sp>
        <p:nvSpPr>
          <p:cNvPr id="29" name="Content Placeholder 5">
            <a:extLst>
              <a:ext uri="{FF2B5EF4-FFF2-40B4-BE49-F238E27FC236}">
                <a16:creationId xmlns:a16="http://schemas.microsoft.com/office/drawing/2014/main" id="{CD5E6D73-D11D-79D8-842C-0B21F2D99120}"/>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a:solidFill>
                  <a:schemeClr val="tx1"/>
                </a:solidFill>
              </a:rPr>
              <a:t>Omkostningsniveauer er udtryk for en relativ vurdering på tværs af cases foretaget af PA.</a:t>
            </a:r>
          </a:p>
        </p:txBody>
      </p:sp>
      <p:grpSp>
        <p:nvGrpSpPr>
          <p:cNvPr id="55" name="Group 54" descr="Projektledelse er en stor midlertidig omkostningsdriver">
            <a:extLst>
              <a:ext uri="{FF2B5EF4-FFF2-40B4-BE49-F238E27FC236}">
                <a16:creationId xmlns:a16="http://schemas.microsoft.com/office/drawing/2014/main" id="{69897871-B5C6-507C-B20D-E08B0DE71EAF}"/>
              </a:ext>
              <a:ext uri="{C183D7F6-B498-43B3-948B-1728B52AA6E4}">
                <adec:decorative xmlns:adec="http://schemas.microsoft.com/office/drawing/2017/decorative" val="0"/>
              </a:ext>
            </a:extLst>
          </p:cNvPr>
          <p:cNvGrpSpPr/>
          <p:nvPr/>
        </p:nvGrpSpPr>
        <p:grpSpPr>
          <a:xfrm>
            <a:off x="7290762" y="2788420"/>
            <a:ext cx="1577742" cy="265864"/>
            <a:chOff x="860772" y="4884291"/>
            <a:chExt cx="1487909" cy="250726"/>
          </a:xfrm>
        </p:grpSpPr>
        <p:grpSp>
          <p:nvGrpSpPr>
            <p:cNvPr id="56" name="Group 55">
              <a:extLst>
                <a:ext uri="{FF2B5EF4-FFF2-40B4-BE49-F238E27FC236}">
                  <a16:creationId xmlns:a16="http://schemas.microsoft.com/office/drawing/2014/main" id="{B34788BA-F08C-65E8-F2BC-929F33A66553}"/>
                </a:ext>
              </a:extLst>
            </p:cNvPr>
            <p:cNvGrpSpPr/>
            <p:nvPr/>
          </p:nvGrpSpPr>
          <p:grpSpPr>
            <a:xfrm>
              <a:off x="860772" y="4884291"/>
              <a:ext cx="1487909" cy="212473"/>
              <a:chOff x="5354949" y="3009711"/>
              <a:chExt cx="1645739" cy="202758"/>
            </a:xfrm>
          </p:grpSpPr>
          <p:grpSp>
            <p:nvGrpSpPr>
              <p:cNvPr id="58" name="Group 57">
                <a:extLst>
                  <a:ext uri="{FF2B5EF4-FFF2-40B4-BE49-F238E27FC236}">
                    <a16:creationId xmlns:a16="http://schemas.microsoft.com/office/drawing/2014/main" id="{71F09323-5659-94B3-CFD2-47EBF97BB5E3}"/>
                  </a:ext>
                </a:extLst>
              </p:cNvPr>
              <p:cNvGrpSpPr/>
              <p:nvPr/>
            </p:nvGrpSpPr>
            <p:grpSpPr>
              <a:xfrm>
                <a:off x="5458296" y="3153610"/>
                <a:ext cx="1445092" cy="45719"/>
                <a:chOff x="5458296" y="3153610"/>
                <a:chExt cx="1445092" cy="45719"/>
              </a:xfrm>
            </p:grpSpPr>
            <p:cxnSp>
              <p:nvCxnSpPr>
                <p:cNvPr id="62" name="Straight Connector 61">
                  <a:extLst>
                    <a:ext uri="{FF2B5EF4-FFF2-40B4-BE49-F238E27FC236}">
                      <a16:creationId xmlns:a16="http://schemas.microsoft.com/office/drawing/2014/main" id="{731FB62B-C2C1-AC5C-7BB1-D3E8CF77F033}"/>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63" name="Oval 62">
                  <a:extLst>
                    <a:ext uri="{FF2B5EF4-FFF2-40B4-BE49-F238E27FC236}">
                      <a16:creationId xmlns:a16="http://schemas.microsoft.com/office/drawing/2014/main" id="{E45D3674-3449-BF90-C815-AB82DE37FBB3}"/>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64" name="Oval 63">
                  <a:extLst>
                    <a:ext uri="{FF2B5EF4-FFF2-40B4-BE49-F238E27FC236}">
                      <a16:creationId xmlns:a16="http://schemas.microsoft.com/office/drawing/2014/main" id="{A3F6989F-C5C3-3042-F006-FA9F5C022751}"/>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59" name="Straight Connector 58">
                <a:extLst>
                  <a:ext uri="{FF2B5EF4-FFF2-40B4-BE49-F238E27FC236}">
                    <a16:creationId xmlns:a16="http://schemas.microsoft.com/office/drawing/2014/main" id="{1CE28E0F-7B15-574B-7258-ABCA57AEC187}"/>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0" name="TextBox 59">
                <a:extLst>
                  <a:ext uri="{FF2B5EF4-FFF2-40B4-BE49-F238E27FC236}">
                    <a16:creationId xmlns:a16="http://schemas.microsoft.com/office/drawing/2014/main" id="{9FF182E3-9702-C045-564B-F52764454423}"/>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61" name="TextBox 60">
                <a:extLst>
                  <a:ext uri="{FF2B5EF4-FFF2-40B4-BE49-F238E27FC236}">
                    <a16:creationId xmlns:a16="http://schemas.microsoft.com/office/drawing/2014/main" id="{AD738787-32E0-9F59-A1E2-E1DF59AE5710}"/>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57" name="Oval 56">
              <a:extLst>
                <a:ext uri="{FF2B5EF4-FFF2-40B4-BE49-F238E27FC236}">
                  <a16:creationId xmlns:a16="http://schemas.microsoft.com/office/drawing/2014/main" id="{6413AA46-4C3D-1B11-4265-D100D6C46D72}"/>
                </a:ext>
              </a:extLst>
            </p:cNvPr>
            <p:cNvSpPr/>
            <p:nvPr/>
          </p:nvSpPr>
          <p:spPr>
            <a:xfrm>
              <a:off x="216570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31" name="Group 130" descr="Organisatorisk implementering er en stor midlertidig omkostningsdriver">
            <a:extLst>
              <a:ext uri="{FF2B5EF4-FFF2-40B4-BE49-F238E27FC236}">
                <a16:creationId xmlns:a16="http://schemas.microsoft.com/office/drawing/2014/main" id="{04F0AB4B-C82F-9969-AA38-97985B786565}"/>
              </a:ext>
              <a:ext uri="{C183D7F6-B498-43B3-948B-1728B52AA6E4}">
                <adec:decorative xmlns:adec="http://schemas.microsoft.com/office/drawing/2017/decorative" val="0"/>
              </a:ext>
            </a:extLst>
          </p:cNvPr>
          <p:cNvGrpSpPr/>
          <p:nvPr/>
        </p:nvGrpSpPr>
        <p:grpSpPr>
          <a:xfrm>
            <a:off x="7290762" y="3344608"/>
            <a:ext cx="1577742" cy="265864"/>
            <a:chOff x="860772" y="4884291"/>
            <a:chExt cx="1487909" cy="250726"/>
          </a:xfrm>
        </p:grpSpPr>
        <p:grpSp>
          <p:nvGrpSpPr>
            <p:cNvPr id="132" name="Group 131">
              <a:extLst>
                <a:ext uri="{FF2B5EF4-FFF2-40B4-BE49-F238E27FC236}">
                  <a16:creationId xmlns:a16="http://schemas.microsoft.com/office/drawing/2014/main" id="{9AF7DCC1-764B-FDD2-C939-63887743AB62}"/>
                </a:ext>
              </a:extLst>
            </p:cNvPr>
            <p:cNvGrpSpPr/>
            <p:nvPr/>
          </p:nvGrpSpPr>
          <p:grpSpPr>
            <a:xfrm>
              <a:off x="860772" y="4884291"/>
              <a:ext cx="1487909" cy="212473"/>
              <a:chOff x="5354949" y="3009711"/>
              <a:chExt cx="1645739" cy="202758"/>
            </a:xfrm>
          </p:grpSpPr>
          <p:grpSp>
            <p:nvGrpSpPr>
              <p:cNvPr id="134" name="Group 133">
                <a:extLst>
                  <a:ext uri="{FF2B5EF4-FFF2-40B4-BE49-F238E27FC236}">
                    <a16:creationId xmlns:a16="http://schemas.microsoft.com/office/drawing/2014/main" id="{5577E1F3-564D-4E86-6200-15EE00739110}"/>
                  </a:ext>
                </a:extLst>
              </p:cNvPr>
              <p:cNvGrpSpPr/>
              <p:nvPr/>
            </p:nvGrpSpPr>
            <p:grpSpPr>
              <a:xfrm>
                <a:off x="5458296" y="3153610"/>
                <a:ext cx="1445092" cy="45719"/>
                <a:chOff x="5458296" y="3153610"/>
                <a:chExt cx="1445092" cy="45719"/>
              </a:xfrm>
            </p:grpSpPr>
            <p:cxnSp>
              <p:nvCxnSpPr>
                <p:cNvPr id="138" name="Straight Connector 137">
                  <a:extLst>
                    <a:ext uri="{FF2B5EF4-FFF2-40B4-BE49-F238E27FC236}">
                      <a16:creationId xmlns:a16="http://schemas.microsoft.com/office/drawing/2014/main" id="{53114D8B-710D-1F36-0F53-AE80A74AF8EA}"/>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39" name="Oval 138">
                  <a:extLst>
                    <a:ext uri="{FF2B5EF4-FFF2-40B4-BE49-F238E27FC236}">
                      <a16:creationId xmlns:a16="http://schemas.microsoft.com/office/drawing/2014/main" id="{BC122703-8F5D-ABB9-2CEB-747374843476}"/>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40" name="Oval 139">
                  <a:extLst>
                    <a:ext uri="{FF2B5EF4-FFF2-40B4-BE49-F238E27FC236}">
                      <a16:creationId xmlns:a16="http://schemas.microsoft.com/office/drawing/2014/main" id="{F8725501-6565-21A8-7DBA-E72EADBD56C4}"/>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35" name="Straight Connector 134">
                <a:extLst>
                  <a:ext uri="{FF2B5EF4-FFF2-40B4-BE49-F238E27FC236}">
                    <a16:creationId xmlns:a16="http://schemas.microsoft.com/office/drawing/2014/main" id="{9152C107-3FB3-15E0-3FB4-43F838804670}"/>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36" name="TextBox 135">
                <a:extLst>
                  <a:ext uri="{FF2B5EF4-FFF2-40B4-BE49-F238E27FC236}">
                    <a16:creationId xmlns:a16="http://schemas.microsoft.com/office/drawing/2014/main" id="{141A6B8B-6F80-7DC5-7B0A-17B01DC91F59}"/>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37" name="TextBox 136">
                <a:extLst>
                  <a:ext uri="{FF2B5EF4-FFF2-40B4-BE49-F238E27FC236}">
                    <a16:creationId xmlns:a16="http://schemas.microsoft.com/office/drawing/2014/main" id="{AD72C69C-0174-73CC-0661-1AF55623F63F}"/>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33" name="Oval 132">
              <a:extLst>
                <a:ext uri="{FF2B5EF4-FFF2-40B4-BE49-F238E27FC236}">
                  <a16:creationId xmlns:a16="http://schemas.microsoft.com/office/drawing/2014/main" id="{0393D06F-6804-D36F-FB2D-88E900BFCE43}"/>
                </a:ext>
              </a:extLst>
            </p:cNvPr>
            <p:cNvSpPr/>
            <p:nvPr/>
          </p:nvSpPr>
          <p:spPr>
            <a:xfrm>
              <a:off x="216570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31" name="Group 230" descr="Teknisk implementering er en stor midlertidig omkostningsdriver">
            <a:extLst>
              <a:ext uri="{FF2B5EF4-FFF2-40B4-BE49-F238E27FC236}">
                <a16:creationId xmlns:a16="http://schemas.microsoft.com/office/drawing/2014/main" id="{2E204B39-5642-B618-282B-E8F87F223210}"/>
              </a:ext>
              <a:ext uri="{C183D7F6-B498-43B3-948B-1728B52AA6E4}">
                <adec:decorative xmlns:adec="http://schemas.microsoft.com/office/drawing/2017/decorative" val="0"/>
              </a:ext>
            </a:extLst>
          </p:cNvPr>
          <p:cNvGrpSpPr/>
          <p:nvPr/>
        </p:nvGrpSpPr>
        <p:grpSpPr>
          <a:xfrm>
            <a:off x="7290762" y="3922767"/>
            <a:ext cx="1577741" cy="265864"/>
            <a:chOff x="860772" y="4884291"/>
            <a:chExt cx="1487909" cy="250726"/>
          </a:xfrm>
        </p:grpSpPr>
        <p:grpSp>
          <p:nvGrpSpPr>
            <p:cNvPr id="232" name="Group 231">
              <a:extLst>
                <a:ext uri="{FF2B5EF4-FFF2-40B4-BE49-F238E27FC236}">
                  <a16:creationId xmlns:a16="http://schemas.microsoft.com/office/drawing/2014/main" id="{C08E04F6-99EB-108F-127D-132FA90BAA7A}"/>
                </a:ext>
              </a:extLst>
            </p:cNvPr>
            <p:cNvGrpSpPr/>
            <p:nvPr/>
          </p:nvGrpSpPr>
          <p:grpSpPr>
            <a:xfrm>
              <a:off x="860772" y="4884291"/>
              <a:ext cx="1487909" cy="212473"/>
              <a:chOff x="5354949" y="3009711"/>
              <a:chExt cx="1645739" cy="202758"/>
            </a:xfrm>
          </p:grpSpPr>
          <p:grpSp>
            <p:nvGrpSpPr>
              <p:cNvPr id="234" name="Group 233">
                <a:extLst>
                  <a:ext uri="{FF2B5EF4-FFF2-40B4-BE49-F238E27FC236}">
                    <a16:creationId xmlns:a16="http://schemas.microsoft.com/office/drawing/2014/main" id="{85D54F9D-6DB9-459A-C713-0BB17D7FF7AD}"/>
                  </a:ext>
                </a:extLst>
              </p:cNvPr>
              <p:cNvGrpSpPr/>
              <p:nvPr/>
            </p:nvGrpSpPr>
            <p:grpSpPr>
              <a:xfrm>
                <a:off x="5458296" y="3153610"/>
                <a:ext cx="1445092" cy="45719"/>
                <a:chOff x="5458296" y="3153610"/>
                <a:chExt cx="1445092" cy="45719"/>
              </a:xfrm>
            </p:grpSpPr>
            <p:cxnSp>
              <p:nvCxnSpPr>
                <p:cNvPr id="238" name="Straight Connector 237">
                  <a:extLst>
                    <a:ext uri="{FF2B5EF4-FFF2-40B4-BE49-F238E27FC236}">
                      <a16:creationId xmlns:a16="http://schemas.microsoft.com/office/drawing/2014/main" id="{66F1CA6F-73D6-172F-516D-215F28099755}"/>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39" name="Oval 238">
                  <a:extLst>
                    <a:ext uri="{FF2B5EF4-FFF2-40B4-BE49-F238E27FC236}">
                      <a16:creationId xmlns:a16="http://schemas.microsoft.com/office/drawing/2014/main" id="{EEA80ACB-A314-D845-3DF7-964F401209D2}"/>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40" name="Oval 239">
                  <a:extLst>
                    <a:ext uri="{FF2B5EF4-FFF2-40B4-BE49-F238E27FC236}">
                      <a16:creationId xmlns:a16="http://schemas.microsoft.com/office/drawing/2014/main" id="{813BA81A-007A-12EC-60CA-A823AF82C328}"/>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35" name="Straight Connector 234">
                <a:extLst>
                  <a:ext uri="{FF2B5EF4-FFF2-40B4-BE49-F238E27FC236}">
                    <a16:creationId xmlns:a16="http://schemas.microsoft.com/office/drawing/2014/main" id="{DBDD3F97-29CF-EBEC-13CF-D356C6E5C1C0}"/>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36" name="TextBox 235">
                <a:extLst>
                  <a:ext uri="{FF2B5EF4-FFF2-40B4-BE49-F238E27FC236}">
                    <a16:creationId xmlns:a16="http://schemas.microsoft.com/office/drawing/2014/main" id="{87B03526-F1C3-CDE5-12AC-80B8B74F0BE7}"/>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37" name="TextBox 236">
                <a:extLst>
                  <a:ext uri="{FF2B5EF4-FFF2-40B4-BE49-F238E27FC236}">
                    <a16:creationId xmlns:a16="http://schemas.microsoft.com/office/drawing/2014/main" id="{8BE75DC9-33D2-D925-5503-AA4ACABE1339}"/>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33" name="Oval 232">
              <a:extLst>
                <a:ext uri="{FF2B5EF4-FFF2-40B4-BE49-F238E27FC236}">
                  <a16:creationId xmlns:a16="http://schemas.microsoft.com/office/drawing/2014/main" id="{2206E9C3-1B9B-A4AA-728A-A3A7EAFC606F}"/>
                </a:ext>
              </a:extLst>
            </p:cNvPr>
            <p:cNvSpPr/>
            <p:nvPr/>
          </p:nvSpPr>
          <p:spPr>
            <a:xfrm>
              <a:off x="216570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51" name="Group 150" descr="Teknologi er en stor driftsomkostning">
            <a:extLst>
              <a:ext uri="{FF2B5EF4-FFF2-40B4-BE49-F238E27FC236}">
                <a16:creationId xmlns:a16="http://schemas.microsoft.com/office/drawing/2014/main" id="{D3FAA2AF-2F0A-31A0-D43C-0E15FA2BA28C}"/>
              </a:ext>
              <a:ext uri="{C183D7F6-B498-43B3-948B-1728B52AA6E4}">
                <adec:decorative xmlns:adec="http://schemas.microsoft.com/office/drawing/2017/decorative" val="0"/>
              </a:ext>
            </a:extLst>
          </p:cNvPr>
          <p:cNvGrpSpPr/>
          <p:nvPr/>
        </p:nvGrpSpPr>
        <p:grpSpPr>
          <a:xfrm>
            <a:off x="7290762" y="4818452"/>
            <a:ext cx="1577742" cy="265864"/>
            <a:chOff x="860772" y="4884291"/>
            <a:chExt cx="1487909" cy="250726"/>
          </a:xfrm>
        </p:grpSpPr>
        <p:grpSp>
          <p:nvGrpSpPr>
            <p:cNvPr id="152" name="Group 151">
              <a:extLst>
                <a:ext uri="{FF2B5EF4-FFF2-40B4-BE49-F238E27FC236}">
                  <a16:creationId xmlns:a16="http://schemas.microsoft.com/office/drawing/2014/main" id="{E362D0EF-72BE-B403-524C-535CB8A6005D}"/>
                </a:ext>
              </a:extLst>
            </p:cNvPr>
            <p:cNvGrpSpPr/>
            <p:nvPr/>
          </p:nvGrpSpPr>
          <p:grpSpPr>
            <a:xfrm>
              <a:off x="860772" y="4884291"/>
              <a:ext cx="1487909" cy="212473"/>
              <a:chOff x="5354949" y="3009711"/>
              <a:chExt cx="1645739" cy="202758"/>
            </a:xfrm>
          </p:grpSpPr>
          <p:grpSp>
            <p:nvGrpSpPr>
              <p:cNvPr id="154" name="Group 153">
                <a:extLst>
                  <a:ext uri="{FF2B5EF4-FFF2-40B4-BE49-F238E27FC236}">
                    <a16:creationId xmlns:a16="http://schemas.microsoft.com/office/drawing/2014/main" id="{172A276D-671F-737B-D13A-FDCF35AC54E9}"/>
                  </a:ext>
                </a:extLst>
              </p:cNvPr>
              <p:cNvGrpSpPr/>
              <p:nvPr/>
            </p:nvGrpSpPr>
            <p:grpSpPr>
              <a:xfrm>
                <a:off x="5458296" y="3153610"/>
                <a:ext cx="1445092" cy="45719"/>
                <a:chOff x="5458296" y="3153610"/>
                <a:chExt cx="1445092" cy="45719"/>
              </a:xfrm>
            </p:grpSpPr>
            <p:cxnSp>
              <p:nvCxnSpPr>
                <p:cNvPr id="158" name="Straight Connector 157">
                  <a:extLst>
                    <a:ext uri="{FF2B5EF4-FFF2-40B4-BE49-F238E27FC236}">
                      <a16:creationId xmlns:a16="http://schemas.microsoft.com/office/drawing/2014/main" id="{CEA35888-0D44-8854-E197-1DE8C80E3414}"/>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59" name="Oval 158">
                  <a:extLst>
                    <a:ext uri="{FF2B5EF4-FFF2-40B4-BE49-F238E27FC236}">
                      <a16:creationId xmlns:a16="http://schemas.microsoft.com/office/drawing/2014/main" id="{058B6CF8-EBA8-E2A8-A6BA-9B41B23D498A}"/>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60" name="Oval 159">
                  <a:extLst>
                    <a:ext uri="{FF2B5EF4-FFF2-40B4-BE49-F238E27FC236}">
                      <a16:creationId xmlns:a16="http://schemas.microsoft.com/office/drawing/2014/main" id="{D94FE91F-753D-75BA-FDF4-E3F20A007FCB}"/>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55" name="Straight Connector 154">
                <a:extLst>
                  <a:ext uri="{FF2B5EF4-FFF2-40B4-BE49-F238E27FC236}">
                    <a16:creationId xmlns:a16="http://schemas.microsoft.com/office/drawing/2014/main" id="{15F7A96A-6DD7-2B74-C40F-61892431A661}"/>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56" name="TextBox 155">
                <a:extLst>
                  <a:ext uri="{FF2B5EF4-FFF2-40B4-BE49-F238E27FC236}">
                    <a16:creationId xmlns:a16="http://schemas.microsoft.com/office/drawing/2014/main" id="{55D67828-80B1-4DF9-ADFC-100EC067A5A9}"/>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57" name="TextBox 156">
                <a:extLst>
                  <a:ext uri="{FF2B5EF4-FFF2-40B4-BE49-F238E27FC236}">
                    <a16:creationId xmlns:a16="http://schemas.microsoft.com/office/drawing/2014/main" id="{12862350-FBB7-4C27-3706-CA962AD04597}"/>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53" name="Oval 152">
              <a:extLst>
                <a:ext uri="{FF2B5EF4-FFF2-40B4-BE49-F238E27FC236}">
                  <a16:creationId xmlns:a16="http://schemas.microsoft.com/office/drawing/2014/main" id="{9509EF20-AD9F-D81B-18B2-D0873C2AC541}"/>
                </a:ext>
              </a:extLst>
            </p:cNvPr>
            <p:cNvSpPr/>
            <p:nvPr/>
          </p:nvSpPr>
          <p:spPr>
            <a:xfrm>
              <a:off x="216570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61" name="Group 160" descr="Nye kompetencer er en stor driftsomkostning">
            <a:extLst>
              <a:ext uri="{FF2B5EF4-FFF2-40B4-BE49-F238E27FC236}">
                <a16:creationId xmlns:a16="http://schemas.microsoft.com/office/drawing/2014/main" id="{0E1610BD-BF1D-BD51-72BB-B2743F82C299}"/>
              </a:ext>
              <a:ext uri="{C183D7F6-B498-43B3-948B-1728B52AA6E4}">
                <adec:decorative xmlns:adec="http://schemas.microsoft.com/office/drawing/2017/decorative" val="0"/>
              </a:ext>
            </a:extLst>
          </p:cNvPr>
          <p:cNvGrpSpPr/>
          <p:nvPr/>
        </p:nvGrpSpPr>
        <p:grpSpPr>
          <a:xfrm>
            <a:off x="7290762" y="5350882"/>
            <a:ext cx="1577742" cy="265864"/>
            <a:chOff x="860772" y="4884291"/>
            <a:chExt cx="1487909" cy="250726"/>
          </a:xfrm>
        </p:grpSpPr>
        <p:grpSp>
          <p:nvGrpSpPr>
            <p:cNvPr id="162" name="Group 161">
              <a:extLst>
                <a:ext uri="{FF2B5EF4-FFF2-40B4-BE49-F238E27FC236}">
                  <a16:creationId xmlns:a16="http://schemas.microsoft.com/office/drawing/2014/main" id="{85A24D06-D25C-2366-3D48-51156784608A}"/>
                </a:ext>
              </a:extLst>
            </p:cNvPr>
            <p:cNvGrpSpPr/>
            <p:nvPr/>
          </p:nvGrpSpPr>
          <p:grpSpPr>
            <a:xfrm>
              <a:off x="860772" y="4884291"/>
              <a:ext cx="1487909" cy="212473"/>
              <a:chOff x="5354949" y="3009711"/>
              <a:chExt cx="1645739" cy="202758"/>
            </a:xfrm>
          </p:grpSpPr>
          <p:grpSp>
            <p:nvGrpSpPr>
              <p:cNvPr id="164" name="Group 163">
                <a:extLst>
                  <a:ext uri="{FF2B5EF4-FFF2-40B4-BE49-F238E27FC236}">
                    <a16:creationId xmlns:a16="http://schemas.microsoft.com/office/drawing/2014/main" id="{14DB0B36-22CC-5A85-4D55-19074939B9EF}"/>
                  </a:ext>
                </a:extLst>
              </p:cNvPr>
              <p:cNvGrpSpPr/>
              <p:nvPr/>
            </p:nvGrpSpPr>
            <p:grpSpPr>
              <a:xfrm>
                <a:off x="5458296" y="3153610"/>
                <a:ext cx="1445092" cy="45719"/>
                <a:chOff x="5458296" y="3153610"/>
                <a:chExt cx="1445092" cy="45719"/>
              </a:xfrm>
            </p:grpSpPr>
            <p:cxnSp>
              <p:nvCxnSpPr>
                <p:cNvPr id="168" name="Straight Connector 167">
                  <a:extLst>
                    <a:ext uri="{FF2B5EF4-FFF2-40B4-BE49-F238E27FC236}">
                      <a16:creationId xmlns:a16="http://schemas.microsoft.com/office/drawing/2014/main" id="{FD12991B-4546-5CE4-6A88-CD018845706B}"/>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69" name="Oval 168">
                  <a:extLst>
                    <a:ext uri="{FF2B5EF4-FFF2-40B4-BE49-F238E27FC236}">
                      <a16:creationId xmlns:a16="http://schemas.microsoft.com/office/drawing/2014/main" id="{E823AE1E-9BDC-8BA7-0004-5181639A45C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70" name="Oval 169">
                  <a:extLst>
                    <a:ext uri="{FF2B5EF4-FFF2-40B4-BE49-F238E27FC236}">
                      <a16:creationId xmlns:a16="http://schemas.microsoft.com/office/drawing/2014/main" id="{EF1631B9-7CAE-2433-DD45-11E5FAF47885}"/>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65" name="Straight Connector 164">
                <a:extLst>
                  <a:ext uri="{FF2B5EF4-FFF2-40B4-BE49-F238E27FC236}">
                    <a16:creationId xmlns:a16="http://schemas.microsoft.com/office/drawing/2014/main" id="{F7E00315-E46C-4779-9CE0-C28B1299B281}"/>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6" name="TextBox 165">
                <a:extLst>
                  <a:ext uri="{FF2B5EF4-FFF2-40B4-BE49-F238E27FC236}">
                    <a16:creationId xmlns:a16="http://schemas.microsoft.com/office/drawing/2014/main" id="{4BC94878-5BEA-FF59-A71D-08791571C0ED}"/>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67" name="TextBox 166">
                <a:extLst>
                  <a:ext uri="{FF2B5EF4-FFF2-40B4-BE49-F238E27FC236}">
                    <a16:creationId xmlns:a16="http://schemas.microsoft.com/office/drawing/2014/main" id="{2B285EF1-FCF5-3C0C-BF4B-D1FFD352C493}"/>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63" name="Oval 162">
              <a:extLst>
                <a:ext uri="{FF2B5EF4-FFF2-40B4-BE49-F238E27FC236}">
                  <a16:creationId xmlns:a16="http://schemas.microsoft.com/office/drawing/2014/main" id="{85C93B2C-5648-3445-4100-A85B8E7B82F7}"/>
                </a:ext>
              </a:extLst>
            </p:cNvPr>
            <p:cNvSpPr/>
            <p:nvPr/>
          </p:nvSpPr>
          <p:spPr>
            <a:xfrm>
              <a:off x="216570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71" name="Group 170" descr="Drift og support er en stor driftsomkostning">
            <a:extLst>
              <a:ext uri="{FF2B5EF4-FFF2-40B4-BE49-F238E27FC236}">
                <a16:creationId xmlns:a16="http://schemas.microsoft.com/office/drawing/2014/main" id="{D2CB3F89-4E87-229F-EDE1-1627D711590E}"/>
              </a:ext>
              <a:ext uri="{C183D7F6-B498-43B3-948B-1728B52AA6E4}">
                <adec:decorative xmlns:adec="http://schemas.microsoft.com/office/drawing/2017/decorative" val="0"/>
              </a:ext>
            </a:extLst>
          </p:cNvPr>
          <p:cNvGrpSpPr/>
          <p:nvPr/>
        </p:nvGrpSpPr>
        <p:grpSpPr>
          <a:xfrm>
            <a:off x="7290762" y="5883313"/>
            <a:ext cx="1577742" cy="265864"/>
            <a:chOff x="860772" y="4884291"/>
            <a:chExt cx="1487909" cy="250726"/>
          </a:xfrm>
        </p:grpSpPr>
        <p:grpSp>
          <p:nvGrpSpPr>
            <p:cNvPr id="172" name="Group 171">
              <a:extLst>
                <a:ext uri="{FF2B5EF4-FFF2-40B4-BE49-F238E27FC236}">
                  <a16:creationId xmlns:a16="http://schemas.microsoft.com/office/drawing/2014/main" id="{2D7E282A-FF12-0BE5-4435-E353B67A8FDA}"/>
                </a:ext>
              </a:extLst>
            </p:cNvPr>
            <p:cNvGrpSpPr/>
            <p:nvPr/>
          </p:nvGrpSpPr>
          <p:grpSpPr>
            <a:xfrm>
              <a:off x="860772" y="4884291"/>
              <a:ext cx="1487909" cy="212473"/>
              <a:chOff x="5354949" y="3009711"/>
              <a:chExt cx="1645739" cy="202758"/>
            </a:xfrm>
          </p:grpSpPr>
          <p:grpSp>
            <p:nvGrpSpPr>
              <p:cNvPr id="174" name="Group 173">
                <a:extLst>
                  <a:ext uri="{FF2B5EF4-FFF2-40B4-BE49-F238E27FC236}">
                    <a16:creationId xmlns:a16="http://schemas.microsoft.com/office/drawing/2014/main" id="{6F831343-8C29-F397-98D2-266923B8B5F0}"/>
                  </a:ext>
                </a:extLst>
              </p:cNvPr>
              <p:cNvGrpSpPr/>
              <p:nvPr/>
            </p:nvGrpSpPr>
            <p:grpSpPr>
              <a:xfrm>
                <a:off x="5458296" y="3153610"/>
                <a:ext cx="1445092" cy="45719"/>
                <a:chOff x="5458296" y="3153610"/>
                <a:chExt cx="1445092" cy="45719"/>
              </a:xfrm>
            </p:grpSpPr>
            <p:cxnSp>
              <p:nvCxnSpPr>
                <p:cNvPr id="178" name="Straight Connector 177">
                  <a:extLst>
                    <a:ext uri="{FF2B5EF4-FFF2-40B4-BE49-F238E27FC236}">
                      <a16:creationId xmlns:a16="http://schemas.microsoft.com/office/drawing/2014/main" id="{765CC1F5-8DFB-9BBA-E493-77084D92BE1E}"/>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79" name="Oval 178">
                  <a:extLst>
                    <a:ext uri="{FF2B5EF4-FFF2-40B4-BE49-F238E27FC236}">
                      <a16:creationId xmlns:a16="http://schemas.microsoft.com/office/drawing/2014/main" id="{6065627B-3E36-DA5B-62CC-8DC2CEB80BDD}"/>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80" name="Oval 179">
                  <a:extLst>
                    <a:ext uri="{FF2B5EF4-FFF2-40B4-BE49-F238E27FC236}">
                      <a16:creationId xmlns:a16="http://schemas.microsoft.com/office/drawing/2014/main" id="{CB1B4651-F997-73C8-2819-D0635D1AB769}"/>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75" name="Straight Connector 174">
                <a:extLst>
                  <a:ext uri="{FF2B5EF4-FFF2-40B4-BE49-F238E27FC236}">
                    <a16:creationId xmlns:a16="http://schemas.microsoft.com/office/drawing/2014/main" id="{C850569A-549F-3931-396E-9F367692659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6" name="TextBox 175">
                <a:extLst>
                  <a:ext uri="{FF2B5EF4-FFF2-40B4-BE49-F238E27FC236}">
                    <a16:creationId xmlns:a16="http://schemas.microsoft.com/office/drawing/2014/main" id="{D171CC90-F170-F24C-90E2-07C0E26A151F}"/>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77" name="TextBox 176">
                <a:extLst>
                  <a:ext uri="{FF2B5EF4-FFF2-40B4-BE49-F238E27FC236}">
                    <a16:creationId xmlns:a16="http://schemas.microsoft.com/office/drawing/2014/main" id="{D476A90B-8D08-70CF-10E2-359D4733D96B}"/>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73" name="Oval 172">
              <a:extLst>
                <a:ext uri="{FF2B5EF4-FFF2-40B4-BE49-F238E27FC236}">
                  <a16:creationId xmlns:a16="http://schemas.microsoft.com/office/drawing/2014/main" id="{B8B29232-FD73-634F-F609-FC2B118F05E8}"/>
                </a:ext>
              </a:extLst>
            </p:cNvPr>
            <p:cNvSpPr/>
            <p:nvPr/>
          </p:nvSpPr>
          <p:spPr>
            <a:xfrm>
              <a:off x="216570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40" name="TextBox 39">
            <a:extLst>
              <a:ext uri="{FF2B5EF4-FFF2-40B4-BE49-F238E27FC236}">
                <a16:creationId xmlns:a16="http://schemas.microsoft.com/office/drawing/2014/main" id="{93C935E4-DCD8-A871-385C-D89CD1BE6549}"/>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dirty="0"/>
              <a:t>Midlertidige omkostninger</a:t>
            </a:r>
            <a:endParaRPr lang="da-DK" sz="900" noProof="0" dirty="0"/>
          </a:p>
          <a:p>
            <a:pPr>
              <a:lnSpc>
                <a:spcPct val="200000"/>
              </a:lnSpc>
            </a:pPr>
            <a:r>
              <a:rPr lang="da-DK" sz="900" noProof="0" dirty="0"/>
              <a:t> Projektledelse </a:t>
            </a:r>
          </a:p>
          <a:p>
            <a:pPr>
              <a:lnSpc>
                <a:spcPct val="200000"/>
              </a:lnSpc>
            </a:pPr>
            <a:endParaRPr lang="da-DK" sz="900" noProof="0" dirty="0"/>
          </a:p>
          <a:p>
            <a:pPr>
              <a:lnSpc>
                <a:spcPct val="200000"/>
              </a:lnSpc>
            </a:pPr>
            <a:r>
              <a:rPr lang="da-DK" sz="900" noProof="0" dirty="0"/>
              <a:t> Organisatorisk implementering</a:t>
            </a:r>
          </a:p>
          <a:p>
            <a:pPr>
              <a:lnSpc>
                <a:spcPct val="200000"/>
              </a:lnSpc>
            </a:pPr>
            <a:r>
              <a:rPr lang="da-DK" sz="900" noProof="0" dirty="0"/>
              <a:t> </a:t>
            </a:r>
          </a:p>
          <a:p>
            <a:pPr>
              <a:lnSpc>
                <a:spcPct val="200000"/>
              </a:lnSpc>
            </a:pPr>
            <a:r>
              <a:rPr lang="da-DK" sz="900" noProof="0" dirty="0"/>
              <a:t> Teknisk implementering</a:t>
            </a:r>
          </a:p>
          <a:p>
            <a:pPr>
              <a:lnSpc>
                <a:spcPct val="150000"/>
              </a:lnSpc>
            </a:pPr>
            <a:endParaRPr lang="da-DK" sz="900" noProof="0" dirty="0"/>
          </a:p>
          <a:p>
            <a:pPr>
              <a:lnSpc>
                <a:spcPct val="150000"/>
              </a:lnSpc>
            </a:pPr>
            <a:endParaRPr lang="da-DK" sz="900" b="1" noProof="0" dirty="0">
              <a:solidFill>
                <a:srgbClr val="36465A"/>
              </a:solidFill>
            </a:endParaRPr>
          </a:p>
          <a:p>
            <a:pPr>
              <a:lnSpc>
                <a:spcPct val="150000"/>
              </a:lnSpc>
            </a:pPr>
            <a:r>
              <a:rPr lang="da-DK" sz="900" b="1" noProof="0" dirty="0">
                <a:solidFill>
                  <a:srgbClr val="36465A"/>
                </a:solidFill>
              </a:rPr>
              <a:t>Driftsomkostninger</a:t>
            </a:r>
          </a:p>
          <a:p>
            <a:pPr>
              <a:lnSpc>
                <a:spcPct val="200000"/>
              </a:lnSpc>
            </a:pPr>
            <a:r>
              <a:rPr lang="da-DK" sz="900" noProof="0" dirty="0">
                <a:solidFill>
                  <a:schemeClr val="accent4">
                    <a:lumMod val="50000"/>
                  </a:schemeClr>
                </a:solidFill>
              </a:rPr>
              <a:t> Teknologi</a:t>
            </a:r>
          </a:p>
          <a:p>
            <a:pPr>
              <a:lnSpc>
                <a:spcPct val="200000"/>
              </a:lnSpc>
            </a:pPr>
            <a:endParaRPr lang="da-DK" sz="900" noProof="0" dirty="0">
              <a:solidFill>
                <a:schemeClr val="accent4">
                  <a:lumMod val="50000"/>
                </a:schemeClr>
              </a:solidFill>
            </a:endParaRPr>
          </a:p>
          <a:p>
            <a:pPr>
              <a:lnSpc>
                <a:spcPct val="200000"/>
              </a:lnSpc>
            </a:pPr>
            <a:r>
              <a:rPr lang="da-DK" sz="900" noProof="0" dirty="0">
                <a:solidFill>
                  <a:schemeClr val="accent4">
                    <a:lumMod val="50000"/>
                  </a:schemeClr>
                </a:solidFill>
              </a:rPr>
              <a:t> Nye kompetencer </a:t>
            </a:r>
          </a:p>
          <a:p>
            <a:pPr>
              <a:lnSpc>
                <a:spcPct val="200000"/>
              </a:lnSpc>
            </a:pPr>
            <a:endParaRPr lang="da-DK" sz="900" noProof="0" dirty="0">
              <a:solidFill>
                <a:schemeClr val="accent4">
                  <a:lumMod val="50000"/>
                </a:schemeClr>
              </a:solidFill>
            </a:endParaRPr>
          </a:p>
          <a:p>
            <a:pPr>
              <a:lnSpc>
                <a:spcPct val="200000"/>
              </a:lnSpc>
            </a:pPr>
            <a:r>
              <a:rPr lang="da-DK" sz="900" noProof="0" dirty="0">
                <a:solidFill>
                  <a:schemeClr val="accent4">
                    <a:lumMod val="50000"/>
                  </a:schemeClr>
                </a:solidFill>
              </a:rPr>
              <a:t> Drift og support</a:t>
            </a:r>
          </a:p>
        </p:txBody>
      </p:sp>
      <p:grpSp>
        <p:nvGrpSpPr>
          <p:cNvPr id="41" name="Group 40">
            <a:extLst>
              <a:ext uri="{FF2B5EF4-FFF2-40B4-BE49-F238E27FC236}">
                <a16:creationId xmlns:a16="http://schemas.microsoft.com/office/drawing/2014/main" id="{8B9BC2B5-3299-B3E7-7876-EA36EFCBA30E}"/>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42" name="Oval 41">
              <a:extLst>
                <a:ext uri="{FF2B5EF4-FFF2-40B4-BE49-F238E27FC236}">
                  <a16:creationId xmlns:a16="http://schemas.microsoft.com/office/drawing/2014/main" id="{1A81324C-9E40-53B7-FC78-A65ECCFC1AED}"/>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3" name="Freeform 11">
              <a:extLst>
                <a:ext uri="{FF2B5EF4-FFF2-40B4-BE49-F238E27FC236}">
                  <a16:creationId xmlns:a16="http://schemas.microsoft.com/office/drawing/2014/main" id="{E46157F3-F324-F590-D6A0-4EA177828164}"/>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212" name="Group 211">
            <a:extLst>
              <a:ext uri="{FF2B5EF4-FFF2-40B4-BE49-F238E27FC236}">
                <a16:creationId xmlns:a16="http://schemas.microsoft.com/office/drawing/2014/main" id="{2774B534-C68E-40E9-AAF9-811B322ABB44}"/>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129" name="Oval 128">
              <a:extLst>
                <a:ext uri="{FF2B5EF4-FFF2-40B4-BE49-F238E27FC236}">
                  <a16:creationId xmlns:a16="http://schemas.microsoft.com/office/drawing/2014/main" id="{BEE12920-7CB4-DEE7-F84B-752537588277}"/>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30" name="Freeform 19">
              <a:extLst>
                <a:ext uri="{FF2B5EF4-FFF2-40B4-BE49-F238E27FC236}">
                  <a16:creationId xmlns:a16="http://schemas.microsoft.com/office/drawing/2014/main" id="{3F8BC699-11C7-28F7-8BFC-9AD16405EEA2}"/>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pic>
        <p:nvPicPr>
          <p:cNvPr id="219" name="Graphic 9">
            <a:extLst>
              <a:ext uri="{FF2B5EF4-FFF2-40B4-BE49-F238E27FC236}">
                <a16:creationId xmlns:a16="http://schemas.microsoft.com/office/drawing/2014/main" id="{56B5228C-15A5-1DAE-891C-463823094E71}"/>
              </a:ext>
              <a:ext uri="{C183D7F6-B498-43B3-948B-1728B52AA6E4}">
                <adec:decorative xmlns:adec="http://schemas.microsoft.com/office/drawing/2017/decorative" val="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473144" y="4350702"/>
            <a:ext cx="431800" cy="349250"/>
          </a:xfrm>
          <a:prstGeom prst="rect">
            <a:avLst/>
          </a:prstGeom>
        </p:spPr>
      </p:pic>
      <p:sp>
        <p:nvSpPr>
          <p:cNvPr id="220" name="TextBox 219">
            <a:extLst>
              <a:ext uri="{FF2B5EF4-FFF2-40B4-BE49-F238E27FC236}">
                <a16:creationId xmlns:a16="http://schemas.microsoft.com/office/drawing/2014/main" id="{E122FB91-E731-53B7-E2EA-693B1E23F8AC}"/>
              </a:ext>
            </a:extLst>
          </p:cNvPr>
          <p:cNvSpPr txBox="1"/>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Nøgletal</a:t>
            </a:r>
            <a:endParaRPr lang="da-DK" noProof="0"/>
          </a:p>
        </p:txBody>
      </p:sp>
      <p:sp>
        <p:nvSpPr>
          <p:cNvPr id="222" name="TextBox 221">
            <a:extLst>
              <a:ext uri="{FF2B5EF4-FFF2-40B4-BE49-F238E27FC236}">
                <a16:creationId xmlns:a16="http://schemas.microsoft.com/office/drawing/2014/main" id="{81B0D9E8-9F95-1A2D-8ACC-4AB8DE9CAA66}"/>
              </a:ext>
              <a:ext uri="{C183D7F6-B498-43B3-948B-1728B52AA6E4}">
                <adec:decorative xmlns:adec="http://schemas.microsoft.com/office/drawing/2017/decorative" val="0"/>
              </a:ext>
            </a:extLst>
          </p:cNvPr>
          <p:cNvSpPr txBox="1"/>
          <p:nvPr/>
        </p:nvSpPr>
        <p:spPr>
          <a:xfrm>
            <a:off x="10330124" y="2033118"/>
            <a:ext cx="1578671" cy="954107"/>
          </a:xfrm>
          <a:prstGeom prst="rect">
            <a:avLst/>
          </a:prstGeom>
          <a:noFill/>
        </p:spPr>
        <p:txBody>
          <a:bodyPr wrap="square">
            <a:spAutoFit/>
          </a:bodyPr>
          <a:lstStyle/>
          <a:p>
            <a:r>
              <a:rPr lang="da-DK" sz="1400" noProof="0" dirty="0">
                <a:solidFill>
                  <a:srgbClr val="EE2F66"/>
                </a:solidFill>
              </a:rPr>
              <a:t>70%</a:t>
            </a:r>
          </a:p>
          <a:p>
            <a:r>
              <a:rPr lang="da-DK" sz="800" noProof="0" dirty="0"/>
              <a:t>Reduktion af omkostninger til MS-licenser. Besparelsen skal ses i sammenhæng med det samlede investeringsbehov og nye driftsomkostninger.</a:t>
            </a:r>
          </a:p>
        </p:txBody>
      </p:sp>
      <p:sp>
        <p:nvSpPr>
          <p:cNvPr id="223" name="Freeform 9">
            <a:extLst>
              <a:ext uri="{FF2B5EF4-FFF2-40B4-BE49-F238E27FC236}">
                <a16:creationId xmlns:a16="http://schemas.microsoft.com/office/drawing/2014/main" id="{97EF80C5-7034-91D1-BDEF-8A1477054EAB}"/>
              </a:ext>
              <a:ext uri="{C183D7F6-B498-43B3-948B-1728B52AA6E4}">
                <adec:decorative xmlns:adec="http://schemas.microsoft.com/office/drawing/2017/decorative" val="1"/>
              </a:ext>
            </a:extLst>
          </p:cNvPr>
          <p:cNvSpPr>
            <a:spLocks noEditPoints="1"/>
          </p:cNvSpPr>
          <p:nvPr/>
        </p:nvSpPr>
        <p:spPr bwMode="auto">
          <a:xfrm>
            <a:off x="9677024" y="2189230"/>
            <a:ext cx="383113" cy="368290"/>
          </a:xfrm>
          <a:custGeom>
            <a:avLst/>
            <a:gdLst>
              <a:gd name="T0" fmla="*/ 168 w 208"/>
              <a:gd name="T1" fmla="*/ 56 h 200"/>
              <a:gd name="T2" fmla="*/ 56 w 208"/>
              <a:gd name="T3" fmla="*/ 56 h 200"/>
              <a:gd name="T4" fmla="*/ 112 w 208"/>
              <a:gd name="T5" fmla="*/ 8 h 200"/>
              <a:gd name="T6" fmla="*/ 112 w 208"/>
              <a:gd name="T7" fmla="*/ 104 h 200"/>
              <a:gd name="T8" fmla="*/ 112 w 208"/>
              <a:gd name="T9" fmla="*/ 8 h 200"/>
              <a:gd name="T10" fmla="*/ 24 w 208"/>
              <a:gd name="T11" fmla="*/ 168 h 200"/>
              <a:gd name="T12" fmla="*/ 24 w 208"/>
              <a:gd name="T13" fmla="*/ 184 h 200"/>
              <a:gd name="T14" fmla="*/ 207 w 208"/>
              <a:gd name="T15" fmla="*/ 117 h 200"/>
              <a:gd name="T16" fmla="*/ 190 w 208"/>
              <a:gd name="T17" fmla="*/ 108 h 200"/>
              <a:gd name="T18" fmla="*/ 170 w 208"/>
              <a:gd name="T19" fmla="*/ 108 h 200"/>
              <a:gd name="T20" fmla="*/ 150 w 208"/>
              <a:gd name="T21" fmla="*/ 108 h 200"/>
              <a:gd name="T22" fmla="*/ 130 w 208"/>
              <a:gd name="T23" fmla="*/ 120 h 200"/>
              <a:gd name="T24" fmla="*/ 61 w 208"/>
              <a:gd name="T25" fmla="*/ 130 h 200"/>
              <a:gd name="T26" fmla="*/ 48 w 208"/>
              <a:gd name="T27" fmla="*/ 140 h 200"/>
              <a:gd name="T28" fmla="*/ 47 w 208"/>
              <a:gd name="T29" fmla="*/ 129 h 200"/>
              <a:gd name="T30" fmla="*/ 4 w 208"/>
              <a:gd name="T31" fmla="*/ 128 h 200"/>
              <a:gd name="T32" fmla="*/ 4 w 208"/>
              <a:gd name="T33" fmla="*/ 136 h 200"/>
              <a:gd name="T34" fmla="*/ 40 w 208"/>
              <a:gd name="T35" fmla="*/ 192 h 200"/>
              <a:gd name="T36" fmla="*/ 0 w 208"/>
              <a:gd name="T37" fmla="*/ 196 h 200"/>
              <a:gd name="T38" fmla="*/ 44 w 208"/>
              <a:gd name="T39" fmla="*/ 200 h 200"/>
              <a:gd name="T40" fmla="*/ 48 w 208"/>
              <a:gd name="T41" fmla="*/ 196 h 200"/>
              <a:gd name="T42" fmla="*/ 96 w 208"/>
              <a:gd name="T43" fmla="*/ 192 h 200"/>
              <a:gd name="T44" fmla="*/ 153 w 208"/>
              <a:gd name="T45" fmla="*/ 176 h 200"/>
              <a:gd name="T46" fmla="*/ 207 w 208"/>
              <a:gd name="T47" fmla="*/ 123 h 200"/>
              <a:gd name="T48" fmla="*/ 207 w 208"/>
              <a:gd name="T49" fmla="*/ 117 h 200"/>
              <a:gd name="T50" fmla="*/ 150 w 208"/>
              <a:gd name="T51" fmla="*/ 116 h 200"/>
              <a:gd name="T52" fmla="*/ 140 w 208"/>
              <a:gd name="T53" fmla="*/ 130 h 200"/>
              <a:gd name="T54" fmla="*/ 140 w 208"/>
              <a:gd name="T55" fmla="*/ 124 h 200"/>
              <a:gd name="T56" fmla="*/ 143 w 208"/>
              <a:gd name="T57" fmla="*/ 119 h 200"/>
              <a:gd name="T58" fmla="*/ 170 w 208"/>
              <a:gd name="T59" fmla="*/ 116 h 200"/>
              <a:gd name="T60" fmla="*/ 146 w 208"/>
              <a:gd name="T61" fmla="*/ 144 h 200"/>
              <a:gd name="T62" fmla="*/ 163 w 208"/>
              <a:gd name="T63" fmla="*/ 119 h 200"/>
              <a:gd name="T64" fmla="*/ 95 w 208"/>
              <a:gd name="T65" fmla="*/ 184 h 200"/>
              <a:gd name="T66" fmla="*/ 48 w 208"/>
              <a:gd name="T67" fmla="*/ 148 h 200"/>
              <a:gd name="T68" fmla="*/ 66 w 208"/>
              <a:gd name="T69" fmla="*/ 135 h 200"/>
              <a:gd name="T70" fmla="*/ 132 w 208"/>
              <a:gd name="T71" fmla="*/ 128 h 200"/>
              <a:gd name="T72" fmla="*/ 120 w 208"/>
              <a:gd name="T73" fmla="*/ 140 h 200"/>
              <a:gd name="T74" fmla="*/ 92 w 208"/>
              <a:gd name="T75" fmla="*/ 146 h 200"/>
              <a:gd name="T76" fmla="*/ 148 w 208"/>
              <a:gd name="T77" fmla="*/ 152 h 200"/>
              <a:gd name="T78" fmla="*/ 183 w 208"/>
              <a:gd name="T79" fmla="*/ 119 h 200"/>
              <a:gd name="T80" fmla="*/ 197 w 208"/>
              <a:gd name="T81" fmla="*/ 119 h 200"/>
              <a:gd name="T82" fmla="*/ 150 w 208"/>
              <a:gd name="T83" fmla="*/ 168 h 200"/>
              <a:gd name="T84" fmla="*/ 116 w 208"/>
              <a:gd name="T85" fmla="*/ 60 h 200"/>
              <a:gd name="T86" fmla="*/ 116 w 208"/>
              <a:gd name="T87" fmla="*/ 76 h 200"/>
              <a:gd name="T88" fmla="*/ 92 w 208"/>
              <a:gd name="T89" fmla="*/ 80 h 200"/>
              <a:gd name="T90" fmla="*/ 108 w 208"/>
              <a:gd name="T91" fmla="*/ 84 h 200"/>
              <a:gd name="T92" fmla="*/ 112 w 208"/>
              <a:gd name="T93" fmla="*/ 96 h 200"/>
              <a:gd name="T94" fmla="*/ 116 w 208"/>
              <a:gd name="T95" fmla="*/ 84 h 200"/>
              <a:gd name="T96" fmla="*/ 116 w 208"/>
              <a:gd name="T97" fmla="*/ 52 h 200"/>
              <a:gd name="T98" fmla="*/ 100 w 208"/>
              <a:gd name="T99" fmla="*/ 44 h 200"/>
              <a:gd name="T100" fmla="*/ 128 w 208"/>
              <a:gd name="T101" fmla="*/ 36 h 200"/>
              <a:gd name="T102" fmla="*/ 128 w 208"/>
              <a:gd name="T103" fmla="*/ 28 h 200"/>
              <a:gd name="T104" fmla="*/ 116 w 208"/>
              <a:gd name="T105" fmla="*/ 28 h 200"/>
              <a:gd name="T106" fmla="*/ 112 w 208"/>
              <a:gd name="T107" fmla="*/ 16 h 200"/>
              <a:gd name="T108" fmla="*/ 108 w 208"/>
              <a:gd name="T109" fmla="*/ 28 h 200"/>
              <a:gd name="T110" fmla="*/ 92 w 208"/>
              <a:gd name="T111" fmla="*/ 44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208" h="200">
                <a:moveTo>
                  <a:pt x="112" y="112"/>
                </a:moveTo>
                <a:cubicBezTo>
                  <a:pt x="143" y="112"/>
                  <a:pt x="168" y="87"/>
                  <a:pt x="168" y="56"/>
                </a:cubicBezTo>
                <a:cubicBezTo>
                  <a:pt x="168" y="25"/>
                  <a:pt x="143" y="0"/>
                  <a:pt x="112" y="0"/>
                </a:cubicBezTo>
                <a:cubicBezTo>
                  <a:pt x="81" y="0"/>
                  <a:pt x="56" y="25"/>
                  <a:pt x="56" y="56"/>
                </a:cubicBezTo>
                <a:cubicBezTo>
                  <a:pt x="56" y="87"/>
                  <a:pt x="81" y="112"/>
                  <a:pt x="112" y="112"/>
                </a:cubicBezTo>
                <a:close/>
                <a:moveTo>
                  <a:pt x="112" y="8"/>
                </a:moveTo>
                <a:cubicBezTo>
                  <a:pt x="139" y="8"/>
                  <a:pt x="160" y="29"/>
                  <a:pt x="160" y="56"/>
                </a:cubicBezTo>
                <a:cubicBezTo>
                  <a:pt x="160" y="83"/>
                  <a:pt x="139" y="104"/>
                  <a:pt x="112" y="104"/>
                </a:cubicBezTo>
                <a:cubicBezTo>
                  <a:pt x="85" y="104"/>
                  <a:pt x="64" y="83"/>
                  <a:pt x="64" y="56"/>
                </a:cubicBezTo>
                <a:cubicBezTo>
                  <a:pt x="64" y="29"/>
                  <a:pt x="85" y="8"/>
                  <a:pt x="112" y="8"/>
                </a:cubicBezTo>
                <a:close/>
                <a:moveTo>
                  <a:pt x="32" y="176"/>
                </a:moveTo>
                <a:cubicBezTo>
                  <a:pt x="32" y="172"/>
                  <a:pt x="28" y="168"/>
                  <a:pt x="24" y="168"/>
                </a:cubicBezTo>
                <a:cubicBezTo>
                  <a:pt x="20" y="168"/>
                  <a:pt x="16" y="172"/>
                  <a:pt x="16" y="176"/>
                </a:cubicBezTo>
                <a:cubicBezTo>
                  <a:pt x="16" y="180"/>
                  <a:pt x="20" y="184"/>
                  <a:pt x="24" y="184"/>
                </a:cubicBezTo>
                <a:cubicBezTo>
                  <a:pt x="28" y="184"/>
                  <a:pt x="32" y="180"/>
                  <a:pt x="32" y="176"/>
                </a:cubicBezTo>
                <a:close/>
                <a:moveTo>
                  <a:pt x="207" y="117"/>
                </a:moveTo>
                <a:cubicBezTo>
                  <a:pt x="203" y="113"/>
                  <a:pt x="203" y="113"/>
                  <a:pt x="203" y="113"/>
                </a:cubicBezTo>
                <a:cubicBezTo>
                  <a:pt x="199" y="110"/>
                  <a:pt x="195" y="108"/>
                  <a:pt x="190" y="108"/>
                </a:cubicBezTo>
                <a:cubicBezTo>
                  <a:pt x="187" y="108"/>
                  <a:pt x="183" y="109"/>
                  <a:pt x="180" y="111"/>
                </a:cubicBezTo>
                <a:cubicBezTo>
                  <a:pt x="177" y="109"/>
                  <a:pt x="173" y="108"/>
                  <a:pt x="170" y="108"/>
                </a:cubicBezTo>
                <a:cubicBezTo>
                  <a:pt x="167" y="108"/>
                  <a:pt x="163" y="109"/>
                  <a:pt x="160" y="111"/>
                </a:cubicBezTo>
                <a:cubicBezTo>
                  <a:pt x="157" y="109"/>
                  <a:pt x="153" y="108"/>
                  <a:pt x="150" y="108"/>
                </a:cubicBezTo>
                <a:cubicBezTo>
                  <a:pt x="145" y="108"/>
                  <a:pt x="141" y="110"/>
                  <a:pt x="137" y="113"/>
                </a:cubicBezTo>
                <a:cubicBezTo>
                  <a:pt x="130" y="120"/>
                  <a:pt x="130" y="120"/>
                  <a:pt x="130" y="120"/>
                </a:cubicBezTo>
                <a:cubicBezTo>
                  <a:pt x="84" y="120"/>
                  <a:pt x="84" y="120"/>
                  <a:pt x="84" y="120"/>
                </a:cubicBezTo>
                <a:cubicBezTo>
                  <a:pt x="75" y="120"/>
                  <a:pt x="67" y="123"/>
                  <a:pt x="61" y="130"/>
                </a:cubicBezTo>
                <a:cubicBezTo>
                  <a:pt x="52" y="138"/>
                  <a:pt x="52" y="138"/>
                  <a:pt x="52" y="138"/>
                </a:cubicBezTo>
                <a:cubicBezTo>
                  <a:pt x="51" y="139"/>
                  <a:pt x="49" y="140"/>
                  <a:pt x="48" y="140"/>
                </a:cubicBezTo>
                <a:cubicBezTo>
                  <a:pt x="48" y="132"/>
                  <a:pt x="48" y="132"/>
                  <a:pt x="48" y="132"/>
                </a:cubicBezTo>
                <a:cubicBezTo>
                  <a:pt x="48" y="131"/>
                  <a:pt x="48" y="130"/>
                  <a:pt x="47" y="129"/>
                </a:cubicBezTo>
                <a:cubicBezTo>
                  <a:pt x="46" y="128"/>
                  <a:pt x="45" y="128"/>
                  <a:pt x="44" y="128"/>
                </a:cubicBezTo>
                <a:cubicBezTo>
                  <a:pt x="4" y="128"/>
                  <a:pt x="4" y="128"/>
                  <a:pt x="4" y="128"/>
                </a:cubicBezTo>
                <a:cubicBezTo>
                  <a:pt x="2" y="128"/>
                  <a:pt x="0" y="130"/>
                  <a:pt x="0" y="132"/>
                </a:cubicBezTo>
                <a:cubicBezTo>
                  <a:pt x="0" y="134"/>
                  <a:pt x="2" y="136"/>
                  <a:pt x="4" y="136"/>
                </a:cubicBezTo>
                <a:cubicBezTo>
                  <a:pt x="40" y="136"/>
                  <a:pt x="40" y="136"/>
                  <a:pt x="40" y="136"/>
                </a:cubicBezTo>
                <a:cubicBezTo>
                  <a:pt x="40" y="192"/>
                  <a:pt x="40" y="192"/>
                  <a:pt x="40" y="192"/>
                </a:cubicBezTo>
                <a:cubicBezTo>
                  <a:pt x="4" y="192"/>
                  <a:pt x="4" y="192"/>
                  <a:pt x="4" y="192"/>
                </a:cubicBezTo>
                <a:cubicBezTo>
                  <a:pt x="2" y="192"/>
                  <a:pt x="0" y="194"/>
                  <a:pt x="0" y="196"/>
                </a:cubicBezTo>
                <a:cubicBezTo>
                  <a:pt x="0" y="198"/>
                  <a:pt x="2" y="200"/>
                  <a:pt x="4" y="200"/>
                </a:cubicBezTo>
                <a:cubicBezTo>
                  <a:pt x="44" y="200"/>
                  <a:pt x="44" y="200"/>
                  <a:pt x="44" y="200"/>
                </a:cubicBezTo>
                <a:cubicBezTo>
                  <a:pt x="45" y="200"/>
                  <a:pt x="46" y="200"/>
                  <a:pt x="47" y="199"/>
                </a:cubicBezTo>
                <a:cubicBezTo>
                  <a:pt x="48" y="198"/>
                  <a:pt x="48" y="197"/>
                  <a:pt x="48" y="196"/>
                </a:cubicBezTo>
                <a:cubicBezTo>
                  <a:pt x="48" y="192"/>
                  <a:pt x="48" y="192"/>
                  <a:pt x="48" y="192"/>
                </a:cubicBezTo>
                <a:cubicBezTo>
                  <a:pt x="96" y="192"/>
                  <a:pt x="96" y="192"/>
                  <a:pt x="96" y="192"/>
                </a:cubicBezTo>
                <a:cubicBezTo>
                  <a:pt x="97" y="192"/>
                  <a:pt x="97" y="192"/>
                  <a:pt x="97" y="192"/>
                </a:cubicBezTo>
                <a:cubicBezTo>
                  <a:pt x="153" y="176"/>
                  <a:pt x="153" y="176"/>
                  <a:pt x="153" y="176"/>
                </a:cubicBezTo>
                <a:cubicBezTo>
                  <a:pt x="154" y="176"/>
                  <a:pt x="154" y="175"/>
                  <a:pt x="155" y="175"/>
                </a:cubicBezTo>
                <a:cubicBezTo>
                  <a:pt x="207" y="123"/>
                  <a:pt x="207" y="123"/>
                  <a:pt x="207" y="123"/>
                </a:cubicBezTo>
                <a:cubicBezTo>
                  <a:pt x="208" y="122"/>
                  <a:pt x="208" y="121"/>
                  <a:pt x="208" y="120"/>
                </a:cubicBezTo>
                <a:cubicBezTo>
                  <a:pt x="208" y="119"/>
                  <a:pt x="208" y="118"/>
                  <a:pt x="207" y="117"/>
                </a:cubicBezTo>
                <a:close/>
                <a:moveTo>
                  <a:pt x="143" y="119"/>
                </a:moveTo>
                <a:cubicBezTo>
                  <a:pt x="145" y="117"/>
                  <a:pt x="147" y="116"/>
                  <a:pt x="150" y="116"/>
                </a:cubicBezTo>
                <a:cubicBezTo>
                  <a:pt x="151" y="116"/>
                  <a:pt x="153" y="116"/>
                  <a:pt x="154" y="117"/>
                </a:cubicBezTo>
                <a:cubicBezTo>
                  <a:pt x="140" y="130"/>
                  <a:pt x="140" y="130"/>
                  <a:pt x="140" y="130"/>
                </a:cubicBezTo>
                <a:cubicBezTo>
                  <a:pt x="140" y="130"/>
                  <a:pt x="140" y="129"/>
                  <a:pt x="140" y="128"/>
                </a:cubicBezTo>
                <a:cubicBezTo>
                  <a:pt x="140" y="124"/>
                  <a:pt x="140" y="124"/>
                  <a:pt x="140" y="124"/>
                </a:cubicBezTo>
                <a:cubicBezTo>
                  <a:pt x="140" y="123"/>
                  <a:pt x="140" y="123"/>
                  <a:pt x="140" y="122"/>
                </a:cubicBezTo>
                <a:lnTo>
                  <a:pt x="143" y="119"/>
                </a:lnTo>
                <a:close/>
                <a:moveTo>
                  <a:pt x="163" y="119"/>
                </a:moveTo>
                <a:cubicBezTo>
                  <a:pt x="165" y="117"/>
                  <a:pt x="167" y="116"/>
                  <a:pt x="170" y="116"/>
                </a:cubicBezTo>
                <a:cubicBezTo>
                  <a:pt x="171" y="116"/>
                  <a:pt x="173" y="116"/>
                  <a:pt x="174" y="117"/>
                </a:cubicBezTo>
                <a:cubicBezTo>
                  <a:pt x="146" y="144"/>
                  <a:pt x="146" y="144"/>
                  <a:pt x="146" y="144"/>
                </a:cubicBezTo>
                <a:cubicBezTo>
                  <a:pt x="138" y="144"/>
                  <a:pt x="138" y="144"/>
                  <a:pt x="138" y="144"/>
                </a:cubicBezTo>
                <a:lnTo>
                  <a:pt x="163" y="119"/>
                </a:lnTo>
                <a:close/>
                <a:moveTo>
                  <a:pt x="150" y="168"/>
                </a:moveTo>
                <a:cubicBezTo>
                  <a:pt x="95" y="184"/>
                  <a:pt x="95" y="184"/>
                  <a:pt x="95" y="184"/>
                </a:cubicBezTo>
                <a:cubicBezTo>
                  <a:pt x="48" y="184"/>
                  <a:pt x="48" y="184"/>
                  <a:pt x="48" y="184"/>
                </a:cubicBezTo>
                <a:cubicBezTo>
                  <a:pt x="48" y="148"/>
                  <a:pt x="48" y="148"/>
                  <a:pt x="48" y="148"/>
                </a:cubicBezTo>
                <a:cubicBezTo>
                  <a:pt x="52" y="148"/>
                  <a:pt x="55" y="147"/>
                  <a:pt x="58" y="144"/>
                </a:cubicBezTo>
                <a:cubicBezTo>
                  <a:pt x="66" y="135"/>
                  <a:pt x="66" y="135"/>
                  <a:pt x="66" y="135"/>
                </a:cubicBezTo>
                <a:cubicBezTo>
                  <a:pt x="71" y="131"/>
                  <a:pt x="77" y="128"/>
                  <a:pt x="84" y="128"/>
                </a:cubicBezTo>
                <a:cubicBezTo>
                  <a:pt x="132" y="128"/>
                  <a:pt x="132" y="128"/>
                  <a:pt x="132" y="128"/>
                </a:cubicBezTo>
                <a:cubicBezTo>
                  <a:pt x="132" y="128"/>
                  <a:pt x="132" y="128"/>
                  <a:pt x="132" y="128"/>
                </a:cubicBezTo>
                <a:cubicBezTo>
                  <a:pt x="132" y="135"/>
                  <a:pt x="127" y="140"/>
                  <a:pt x="120" y="140"/>
                </a:cubicBezTo>
                <a:cubicBezTo>
                  <a:pt x="98" y="140"/>
                  <a:pt x="98" y="140"/>
                  <a:pt x="98" y="140"/>
                </a:cubicBezTo>
                <a:cubicBezTo>
                  <a:pt x="95" y="140"/>
                  <a:pt x="92" y="143"/>
                  <a:pt x="92" y="146"/>
                </a:cubicBezTo>
                <a:cubicBezTo>
                  <a:pt x="92" y="149"/>
                  <a:pt x="95" y="152"/>
                  <a:pt x="98" y="152"/>
                </a:cubicBezTo>
                <a:cubicBezTo>
                  <a:pt x="148" y="152"/>
                  <a:pt x="148" y="152"/>
                  <a:pt x="148" y="152"/>
                </a:cubicBezTo>
                <a:cubicBezTo>
                  <a:pt x="149" y="152"/>
                  <a:pt x="150" y="152"/>
                  <a:pt x="151" y="151"/>
                </a:cubicBezTo>
                <a:cubicBezTo>
                  <a:pt x="183" y="119"/>
                  <a:pt x="183" y="119"/>
                  <a:pt x="183" y="119"/>
                </a:cubicBezTo>
                <a:cubicBezTo>
                  <a:pt x="185" y="117"/>
                  <a:pt x="187" y="116"/>
                  <a:pt x="190" y="116"/>
                </a:cubicBezTo>
                <a:cubicBezTo>
                  <a:pt x="193" y="116"/>
                  <a:pt x="195" y="117"/>
                  <a:pt x="197" y="119"/>
                </a:cubicBezTo>
                <a:cubicBezTo>
                  <a:pt x="198" y="120"/>
                  <a:pt x="198" y="120"/>
                  <a:pt x="198" y="120"/>
                </a:cubicBezTo>
                <a:lnTo>
                  <a:pt x="150" y="168"/>
                </a:lnTo>
                <a:close/>
                <a:moveTo>
                  <a:pt x="108" y="60"/>
                </a:moveTo>
                <a:cubicBezTo>
                  <a:pt x="116" y="60"/>
                  <a:pt x="116" y="60"/>
                  <a:pt x="116" y="60"/>
                </a:cubicBezTo>
                <a:cubicBezTo>
                  <a:pt x="120" y="60"/>
                  <a:pt x="124" y="64"/>
                  <a:pt x="124" y="68"/>
                </a:cubicBezTo>
                <a:cubicBezTo>
                  <a:pt x="124" y="72"/>
                  <a:pt x="120" y="76"/>
                  <a:pt x="116" y="76"/>
                </a:cubicBezTo>
                <a:cubicBezTo>
                  <a:pt x="96" y="76"/>
                  <a:pt x="96" y="76"/>
                  <a:pt x="96" y="76"/>
                </a:cubicBezTo>
                <a:cubicBezTo>
                  <a:pt x="94" y="76"/>
                  <a:pt x="92" y="78"/>
                  <a:pt x="92" y="80"/>
                </a:cubicBezTo>
                <a:cubicBezTo>
                  <a:pt x="92" y="82"/>
                  <a:pt x="94" y="84"/>
                  <a:pt x="96" y="84"/>
                </a:cubicBezTo>
                <a:cubicBezTo>
                  <a:pt x="108" y="84"/>
                  <a:pt x="108" y="84"/>
                  <a:pt x="108" y="84"/>
                </a:cubicBezTo>
                <a:cubicBezTo>
                  <a:pt x="108" y="92"/>
                  <a:pt x="108" y="92"/>
                  <a:pt x="108" y="92"/>
                </a:cubicBezTo>
                <a:cubicBezTo>
                  <a:pt x="108" y="94"/>
                  <a:pt x="110" y="96"/>
                  <a:pt x="112" y="96"/>
                </a:cubicBezTo>
                <a:cubicBezTo>
                  <a:pt x="114" y="96"/>
                  <a:pt x="116" y="94"/>
                  <a:pt x="116" y="92"/>
                </a:cubicBezTo>
                <a:cubicBezTo>
                  <a:pt x="116" y="84"/>
                  <a:pt x="116" y="84"/>
                  <a:pt x="116" y="84"/>
                </a:cubicBezTo>
                <a:cubicBezTo>
                  <a:pt x="125" y="84"/>
                  <a:pt x="132" y="77"/>
                  <a:pt x="132" y="68"/>
                </a:cubicBezTo>
                <a:cubicBezTo>
                  <a:pt x="132" y="59"/>
                  <a:pt x="125" y="52"/>
                  <a:pt x="116" y="52"/>
                </a:cubicBezTo>
                <a:cubicBezTo>
                  <a:pt x="108" y="52"/>
                  <a:pt x="108" y="52"/>
                  <a:pt x="108" y="52"/>
                </a:cubicBezTo>
                <a:cubicBezTo>
                  <a:pt x="104" y="52"/>
                  <a:pt x="100" y="48"/>
                  <a:pt x="100" y="44"/>
                </a:cubicBezTo>
                <a:cubicBezTo>
                  <a:pt x="100" y="40"/>
                  <a:pt x="104" y="36"/>
                  <a:pt x="108" y="36"/>
                </a:cubicBezTo>
                <a:cubicBezTo>
                  <a:pt x="128" y="36"/>
                  <a:pt x="128" y="36"/>
                  <a:pt x="128" y="36"/>
                </a:cubicBezTo>
                <a:cubicBezTo>
                  <a:pt x="130" y="36"/>
                  <a:pt x="132" y="34"/>
                  <a:pt x="132" y="32"/>
                </a:cubicBezTo>
                <a:cubicBezTo>
                  <a:pt x="132" y="30"/>
                  <a:pt x="130" y="28"/>
                  <a:pt x="128" y="28"/>
                </a:cubicBezTo>
                <a:cubicBezTo>
                  <a:pt x="128" y="28"/>
                  <a:pt x="128" y="28"/>
                  <a:pt x="128" y="28"/>
                </a:cubicBezTo>
                <a:cubicBezTo>
                  <a:pt x="116" y="28"/>
                  <a:pt x="116" y="28"/>
                  <a:pt x="116" y="28"/>
                </a:cubicBezTo>
                <a:cubicBezTo>
                  <a:pt x="116" y="20"/>
                  <a:pt x="116" y="20"/>
                  <a:pt x="116" y="20"/>
                </a:cubicBezTo>
                <a:cubicBezTo>
                  <a:pt x="116" y="18"/>
                  <a:pt x="114" y="16"/>
                  <a:pt x="112" y="16"/>
                </a:cubicBezTo>
                <a:cubicBezTo>
                  <a:pt x="110" y="16"/>
                  <a:pt x="108" y="18"/>
                  <a:pt x="108" y="20"/>
                </a:cubicBezTo>
                <a:cubicBezTo>
                  <a:pt x="108" y="28"/>
                  <a:pt x="108" y="28"/>
                  <a:pt x="108" y="28"/>
                </a:cubicBezTo>
                <a:cubicBezTo>
                  <a:pt x="108" y="28"/>
                  <a:pt x="108" y="28"/>
                  <a:pt x="108" y="28"/>
                </a:cubicBezTo>
                <a:cubicBezTo>
                  <a:pt x="99" y="28"/>
                  <a:pt x="92" y="35"/>
                  <a:pt x="92" y="44"/>
                </a:cubicBezTo>
                <a:cubicBezTo>
                  <a:pt x="92" y="53"/>
                  <a:pt x="99" y="60"/>
                  <a:pt x="108" y="60"/>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225" name="TextBox 224">
            <a:extLst>
              <a:ext uri="{FF2B5EF4-FFF2-40B4-BE49-F238E27FC236}">
                <a16:creationId xmlns:a16="http://schemas.microsoft.com/office/drawing/2014/main" id="{436B98FE-9D8A-B0ED-6DBA-44EAA9280774}"/>
              </a:ext>
              <a:ext uri="{C183D7F6-B498-43B3-948B-1728B52AA6E4}">
                <adec:decorative xmlns:adec="http://schemas.microsoft.com/office/drawing/2017/decorative" val="0"/>
              </a:ext>
            </a:extLst>
          </p:cNvPr>
          <p:cNvSpPr txBox="1"/>
          <p:nvPr/>
        </p:nvSpPr>
        <p:spPr>
          <a:xfrm>
            <a:off x="10330124" y="3670590"/>
            <a:ext cx="1519861" cy="800219"/>
          </a:xfrm>
          <a:prstGeom prst="rect">
            <a:avLst/>
          </a:prstGeom>
          <a:noFill/>
        </p:spPr>
        <p:txBody>
          <a:bodyPr wrap="square">
            <a:spAutoFit/>
          </a:bodyPr>
          <a:lstStyle/>
          <a:p>
            <a:r>
              <a:rPr lang="da-DK" sz="1400" noProof="0" dirty="0">
                <a:solidFill>
                  <a:srgbClr val="EE2F66"/>
                </a:solidFill>
              </a:rPr>
              <a:t>€ 1-1,5 mio.</a:t>
            </a:r>
          </a:p>
          <a:p>
            <a:r>
              <a:rPr lang="da-DK" sz="800" noProof="0" dirty="0"/>
              <a:t>Årlig besparelse anvendt på at investere i open source- transformationen og dække nye driftsomkostninger.</a:t>
            </a:r>
          </a:p>
        </p:txBody>
      </p:sp>
      <p:sp>
        <p:nvSpPr>
          <p:cNvPr id="226" name="Freeform 15">
            <a:extLst>
              <a:ext uri="{FF2B5EF4-FFF2-40B4-BE49-F238E27FC236}">
                <a16:creationId xmlns:a16="http://schemas.microsoft.com/office/drawing/2014/main" id="{96C15794-B157-B602-BDD6-1B02D979E055}"/>
              </a:ext>
              <a:ext uri="{C183D7F6-B498-43B3-948B-1728B52AA6E4}">
                <adec:decorative xmlns:adec="http://schemas.microsoft.com/office/drawing/2017/decorative" val="1"/>
              </a:ext>
            </a:extLst>
          </p:cNvPr>
          <p:cNvSpPr>
            <a:spLocks noEditPoints="1"/>
          </p:cNvSpPr>
          <p:nvPr/>
        </p:nvSpPr>
        <p:spPr bwMode="auto">
          <a:xfrm>
            <a:off x="9709779" y="3716460"/>
            <a:ext cx="317603" cy="317603"/>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3 w 208"/>
              <a:gd name="T11" fmla="*/ 49 h 208"/>
              <a:gd name="T12" fmla="*/ 64 w 208"/>
              <a:gd name="T13" fmla="*/ 48 h 208"/>
              <a:gd name="T14" fmla="*/ 44 w 208"/>
              <a:gd name="T15" fmla="*/ 66 h 208"/>
              <a:gd name="T16" fmla="*/ 23 w 208"/>
              <a:gd name="T17" fmla="*/ 48 h 208"/>
              <a:gd name="T18" fmla="*/ 0 w 208"/>
              <a:gd name="T19" fmla="*/ 69 h 208"/>
              <a:gd name="T20" fmla="*/ 16 w 208"/>
              <a:gd name="T21" fmla="*/ 144 h 208"/>
              <a:gd name="T22" fmla="*/ 17 w 208"/>
              <a:gd name="T23" fmla="*/ 207 h 208"/>
              <a:gd name="T24" fmla="*/ 68 w 208"/>
              <a:gd name="T25" fmla="*/ 208 h 208"/>
              <a:gd name="T26" fmla="*/ 72 w 208"/>
              <a:gd name="T27" fmla="*/ 204 h 208"/>
              <a:gd name="T28" fmla="*/ 80 w 208"/>
              <a:gd name="T29" fmla="*/ 72 h 208"/>
              <a:gd name="T30" fmla="*/ 144 w 208"/>
              <a:gd name="T31" fmla="*/ 52 h 208"/>
              <a:gd name="T32" fmla="*/ 64 w 208"/>
              <a:gd name="T33" fmla="*/ 200 h 208"/>
              <a:gd name="T34" fmla="*/ 48 w 208"/>
              <a:gd name="T35" fmla="*/ 132 h 208"/>
              <a:gd name="T36" fmla="*/ 40 w 208"/>
              <a:gd name="T37" fmla="*/ 132 h 208"/>
              <a:gd name="T38" fmla="*/ 24 w 208"/>
              <a:gd name="T39" fmla="*/ 200 h 208"/>
              <a:gd name="T40" fmla="*/ 24 w 208"/>
              <a:gd name="T41" fmla="*/ 140 h 208"/>
              <a:gd name="T42" fmla="*/ 24 w 208"/>
              <a:gd name="T43" fmla="*/ 84 h 208"/>
              <a:gd name="T44" fmla="*/ 16 w 208"/>
              <a:gd name="T45" fmla="*/ 84 h 208"/>
              <a:gd name="T46" fmla="*/ 8 w 208"/>
              <a:gd name="T47" fmla="*/ 124 h 208"/>
              <a:gd name="T48" fmla="*/ 15 w 208"/>
              <a:gd name="T49" fmla="*/ 59 h 208"/>
              <a:gd name="T50" fmla="*/ 41 w 208"/>
              <a:gd name="T51" fmla="*/ 75 h 208"/>
              <a:gd name="T52" fmla="*/ 47 w 208"/>
              <a:gd name="T53" fmla="*/ 75 h 208"/>
              <a:gd name="T54" fmla="*/ 135 w 208"/>
              <a:gd name="T55" fmla="*/ 56 h 208"/>
              <a:gd name="T56" fmla="*/ 80 w 208"/>
              <a:gd name="T57" fmla="*/ 64 h 208"/>
              <a:gd name="T58" fmla="*/ 148 w 208"/>
              <a:gd name="T59" fmla="*/ 88 h 208"/>
              <a:gd name="T60" fmla="*/ 148 w 208"/>
              <a:gd name="T61" fmla="*/ 208 h 208"/>
              <a:gd name="T62" fmla="*/ 148 w 208"/>
              <a:gd name="T63" fmla="*/ 88 h 208"/>
              <a:gd name="T64" fmla="*/ 96 w 208"/>
              <a:gd name="T65" fmla="*/ 148 h 208"/>
              <a:gd name="T66" fmla="*/ 200 w 208"/>
              <a:gd name="T67" fmla="*/ 148 h 208"/>
              <a:gd name="T68" fmla="*/ 152 w 208"/>
              <a:gd name="T69" fmla="*/ 144 h 208"/>
              <a:gd name="T70" fmla="*/ 136 w 208"/>
              <a:gd name="T71" fmla="*/ 136 h 208"/>
              <a:gd name="T72" fmla="*/ 164 w 208"/>
              <a:gd name="T73" fmla="*/ 128 h 208"/>
              <a:gd name="T74" fmla="*/ 164 w 208"/>
              <a:gd name="T75" fmla="*/ 120 h 208"/>
              <a:gd name="T76" fmla="*/ 152 w 208"/>
              <a:gd name="T77" fmla="*/ 108 h 208"/>
              <a:gd name="T78" fmla="*/ 144 w 208"/>
              <a:gd name="T79" fmla="*/ 108 h 208"/>
              <a:gd name="T80" fmla="*/ 128 w 208"/>
              <a:gd name="T81" fmla="*/ 136 h 208"/>
              <a:gd name="T82" fmla="*/ 152 w 208"/>
              <a:gd name="T83" fmla="*/ 152 h 208"/>
              <a:gd name="T84" fmla="*/ 152 w 208"/>
              <a:gd name="T85" fmla="*/ 168 h 208"/>
              <a:gd name="T86" fmla="*/ 128 w 208"/>
              <a:gd name="T87" fmla="*/ 172 h 208"/>
              <a:gd name="T88" fmla="*/ 144 w 208"/>
              <a:gd name="T89" fmla="*/ 176 h 208"/>
              <a:gd name="T90" fmla="*/ 148 w 208"/>
              <a:gd name="T91" fmla="*/ 192 h 208"/>
              <a:gd name="T92" fmla="*/ 152 w 208"/>
              <a:gd name="T93" fmla="*/ 176 h 208"/>
              <a:gd name="T94" fmla="*/ 152 w 208"/>
              <a:gd name="T95" fmla="*/ 14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44" y="52"/>
                </a:move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cubicBezTo>
                  <a:pt x="124" y="72"/>
                  <a:pt x="124" y="72"/>
                  <a:pt x="124" y="72"/>
                </a:cubicBezTo>
                <a:cubicBezTo>
                  <a:pt x="135" y="72"/>
                  <a:pt x="144" y="63"/>
                  <a:pt x="144" y="52"/>
                </a:cubicBez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140"/>
                  <a:pt x="24" y="140"/>
                  <a:pt x="24" y="140"/>
                </a:cubicBezTo>
                <a:cubicBezTo>
                  <a:pt x="24" y="140"/>
                  <a:pt x="24" y="140"/>
                  <a:pt x="24" y="140"/>
                </a:cubicBezTo>
                <a:cubicBezTo>
                  <a:pt x="24" y="140"/>
                  <a:pt x="24" y="140"/>
                  <a:pt x="24" y="14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148" y="88"/>
                </a:moveTo>
                <a:cubicBezTo>
                  <a:pt x="115" y="88"/>
                  <a:pt x="88" y="115"/>
                  <a:pt x="88" y="148"/>
                </a:cubicBezTo>
                <a:cubicBezTo>
                  <a:pt x="88" y="181"/>
                  <a:pt x="115" y="208"/>
                  <a:pt x="148" y="208"/>
                </a:cubicBezTo>
                <a:cubicBezTo>
                  <a:pt x="181" y="208"/>
                  <a:pt x="208" y="181"/>
                  <a:pt x="208" y="148"/>
                </a:cubicBezTo>
                <a:cubicBezTo>
                  <a:pt x="208" y="115"/>
                  <a:pt x="181" y="88"/>
                  <a:pt x="148" y="88"/>
                </a:cubicBezTo>
                <a:close/>
                <a:moveTo>
                  <a:pt x="148" y="200"/>
                </a:moveTo>
                <a:cubicBezTo>
                  <a:pt x="119" y="200"/>
                  <a:pt x="96" y="177"/>
                  <a:pt x="96" y="148"/>
                </a:cubicBezTo>
                <a:cubicBezTo>
                  <a:pt x="96" y="119"/>
                  <a:pt x="119" y="96"/>
                  <a:pt x="148" y="96"/>
                </a:cubicBezTo>
                <a:cubicBezTo>
                  <a:pt x="177" y="96"/>
                  <a:pt x="200" y="119"/>
                  <a:pt x="200" y="148"/>
                </a:cubicBezTo>
                <a:cubicBezTo>
                  <a:pt x="200" y="177"/>
                  <a:pt x="177" y="200"/>
                  <a:pt x="148" y="200"/>
                </a:cubicBezTo>
                <a:close/>
                <a:moveTo>
                  <a:pt x="152" y="144"/>
                </a:moveTo>
                <a:cubicBezTo>
                  <a:pt x="144" y="144"/>
                  <a:pt x="144" y="144"/>
                  <a:pt x="144" y="144"/>
                </a:cubicBezTo>
                <a:cubicBezTo>
                  <a:pt x="140" y="144"/>
                  <a:pt x="136" y="140"/>
                  <a:pt x="136" y="136"/>
                </a:cubicBezTo>
                <a:cubicBezTo>
                  <a:pt x="136" y="132"/>
                  <a:pt x="140" y="128"/>
                  <a:pt x="144" y="128"/>
                </a:cubicBezTo>
                <a:cubicBezTo>
                  <a:pt x="164" y="128"/>
                  <a:pt x="164" y="128"/>
                  <a:pt x="164" y="128"/>
                </a:cubicBezTo>
                <a:cubicBezTo>
                  <a:pt x="166" y="128"/>
                  <a:pt x="168" y="126"/>
                  <a:pt x="168" y="124"/>
                </a:cubicBezTo>
                <a:cubicBezTo>
                  <a:pt x="168" y="122"/>
                  <a:pt x="166" y="120"/>
                  <a:pt x="164" y="120"/>
                </a:cubicBezTo>
                <a:cubicBezTo>
                  <a:pt x="152" y="120"/>
                  <a:pt x="152" y="120"/>
                  <a:pt x="152" y="120"/>
                </a:cubicBezTo>
                <a:cubicBezTo>
                  <a:pt x="152" y="108"/>
                  <a:pt x="152" y="108"/>
                  <a:pt x="152" y="108"/>
                </a:cubicBezTo>
                <a:cubicBezTo>
                  <a:pt x="152" y="106"/>
                  <a:pt x="150" y="104"/>
                  <a:pt x="148" y="104"/>
                </a:cubicBezTo>
                <a:cubicBezTo>
                  <a:pt x="146" y="104"/>
                  <a:pt x="144" y="106"/>
                  <a:pt x="144" y="108"/>
                </a:cubicBezTo>
                <a:cubicBezTo>
                  <a:pt x="144" y="120"/>
                  <a:pt x="144" y="120"/>
                  <a:pt x="144" y="120"/>
                </a:cubicBezTo>
                <a:cubicBezTo>
                  <a:pt x="135" y="120"/>
                  <a:pt x="128" y="127"/>
                  <a:pt x="128" y="136"/>
                </a:cubicBezTo>
                <a:cubicBezTo>
                  <a:pt x="128" y="145"/>
                  <a:pt x="135" y="152"/>
                  <a:pt x="144" y="152"/>
                </a:cubicBezTo>
                <a:cubicBezTo>
                  <a:pt x="152" y="152"/>
                  <a:pt x="152" y="152"/>
                  <a:pt x="152" y="152"/>
                </a:cubicBezTo>
                <a:cubicBezTo>
                  <a:pt x="156" y="152"/>
                  <a:pt x="160" y="156"/>
                  <a:pt x="160" y="160"/>
                </a:cubicBezTo>
                <a:cubicBezTo>
                  <a:pt x="160" y="164"/>
                  <a:pt x="156" y="168"/>
                  <a:pt x="152" y="168"/>
                </a:cubicBezTo>
                <a:cubicBezTo>
                  <a:pt x="132" y="168"/>
                  <a:pt x="132" y="168"/>
                  <a:pt x="132" y="168"/>
                </a:cubicBezTo>
                <a:cubicBezTo>
                  <a:pt x="130" y="168"/>
                  <a:pt x="128" y="170"/>
                  <a:pt x="128" y="172"/>
                </a:cubicBezTo>
                <a:cubicBezTo>
                  <a:pt x="128" y="174"/>
                  <a:pt x="130" y="176"/>
                  <a:pt x="132" y="176"/>
                </a:cubicBezTo>
                <a:cubicBezTo>
                  <a:pt x="144" y="176"/>
                  <a:pt x="144" y="176"/>
                  <a:pt x="144" y="176"/>
                </a:cubicBezTo>
                <a:cubicBezTo>
                  <a:pt x="144" y="188"/>
                  <a:pt x="144" y="188"/>
                  <a:pt x="144" y="188"/>
                </a:cubicBezTo>
                <a:cubicBezTo>
                  <a:pt x="144" y="190"/>
                  <a:pt x="146" y="192"/>
                  <a:pt x="148" y="192"/>
                </a:cubicBezTo>
                <a:cubicBezTo>
                  <a:pt x="150" y="192"/>
                  <a:pt x="152" y="190"/>
                  <a:pt x="152" y="188"/>
                </a:cubicBezTo>
                <a:cubicBezTo>
                  <a:pt x="152" y="176"/>
                  <a:pt x="152" y="176"/>
                  <a:pt x="152" y="176"/>
                </a:cubicBezTo>
                <a:cubicBezTo>
                  <a:pt x="161" y="176"/>
                  <a:pt x="168" y="169"/>
                  <a:pt x="168" y="160"/>
                </a:cubicBezTo>
                <a:cubicBezTo>
                  <a:pt x="168" y="151"/>
                  <a:pt x="161" y="144"/>
                  <a:pt x="152" y="14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228" name="TextBox 227">
            <a:extLst>
              <a:ext uri="{FF2B5EF4-FFF2-40B4-BE49-F238E27FC236}">
                <a16:creationId xmlns:a16="http://schemas.microsoft.com/office/drawing/2014/main" id="{1554B3E5-36B0-FDD3-3495-3E8B9CB7BCD7}"/>
              </a:ext>
              <a:ext uri="{C183D7F6-B498-43B3-948B-1728B52AA6E4}">
                <adec:decorative xmlns:adec="http://schemas.microsoft.com/office/drawing/2017/decorative" val="0"/>
              </a:ext>
            </a:extLst>
          </p:cNvPr>
          <p:cNvSpPr txBox="1"/>
          <p:nvPr/>
        </p:nvSpPr>
        <p:spPr>
          <a:xfrm>
            <a:off x="10330124" y="2928798"/>
            <a:ext cx="1519861" cy="800219"/>
          </a:xfrm>
          <a:prstGeom prst="rect">
            <a:avLst/>
          </a:prstGeom>
          <a:noFill/>
        </p:spPr>
        <p:txBody>
          <a:bodyPr wrap="square">
            <a:spAutoFit/>
          </a:bodyPr>
          <a:lstStyle/>
          <a:p>
            <a:r>
              <a:rPr lang="da-DK" sz="1400" noProof="0">
                <a:solidFill>
                  <a:srgbClr val="EE2F66"/>
                </a:solidFill>
              </a:rPr>
              <a:t>+20 </a:t>
            </a:r>
            <a:endParaRPr lang="da-DK" sz="1400" noProof="0">
              <a:solidFill>
                <a:srgbClr val="2C8027"/>
              </a:solidFill>
            </a:endParaRPr>
          </a:p>
          <a:p>
            <a:r>
              <a:rPr lang="da-DK" sz="800" noProof="0"/>
              <a:t>Private leverandører med lokal forankring, som bistår Schleswig-Holstein i et samlet økosystem.</a:t>
            </a:r>
          </a:p>
        </p:txBody>
      </p:sp>
      <p:sp>
        <p:nvSpPr>
          <p:cNvPr id="229" name="Freeform 17">
            <a:extLst>
              <a:ext uri="{FF2B5EF4-FFF2-40B4-BE49-F238E27FC236}">
                <a16:creationId xmlns:a16="http://schemas.microsoft.com/office/drawing/2014/main" id="{3646F4F7-23E0-CC53-536B-090086FBE5BA}"/>
              </a:ext>
              <a:ext uri="{C183D7F6-B498-43B3-948B-1728B52AA6E4}">
                <adec:decorative xmlns:adec="http://schemas.microsoft.com/office/drawing/2017/decorative" val="1"/>
              </a:ext>
            </a:extLst>
          </p:cNvPr>
          <p:cNvSpPr>
            <a:spLocks noEditPoints="1"/>
          </p:cNvSpPr>
          <p:nvPr/>
        </p:nvSpPr>
        <p:spPr bwMode="auto">
          <a:xfrm>
            <a:off x="9689044" y="3020439"/>
            <a:ext cx="359072" cy="359072"/>
          </a:xfrm>
          <a:custGeom>
            <a:avLst/>
            <a:gdLst>
              <a:gd name="T0" fmla="*/ 204 w 208"/>
              <a:gd name="T1" fmla="*/ 80 h 208"/>
              <a:gd name="T2" fmla="*/ 163 w 208"/>
              <a:gd name="T3" fmla="*/ 73 h 208"/>
              <a:gd name="T4" fmla="*/ 132 w 208"/>
              <a:gd name="T5" fmla="*/ 72 h 208"/>
              <a:gd name="T6" fmla="*/ 128 w 208"/>
              <a:gd name="T7" fmla="*/ 76 h 208"/>
              <a:gd name="T8" fmla="*/ 129 w 208"/>
              <a:gd name="T9" fmla="*/ 127 h 208"/>
              <a:gd name="T10" fmla="*/ 164 w 208"/>
              <a:gd name="T11" fmla="*/ 128 h 208"/>
              <a:gd name="T12" fmla="*/ 156 w 208"/>
              <a:gd name="T13" fmla="*/ 144 h 208"/>
              <a:gd name="T14" fmla="*/ 108 w 208"/>
              <a:gd name="T15" fmla="*/ 56 h 208"/>
              <a:gd name="T16" fmla="*/ 143 w 208"/>
              <a:gd name="T17" fmla="*/ 55 h 208"/>
              <a:gd name="T18" fmla="*/ 144 w 208"/>
              <a:gd name="T19" fmla="*/ 12 h 208"/>
              <a:gd name="T20" fmla="*/ 140 w 208"/>
              <a:gd name="T21" fmla="*/ 8 h 208"/>
              <a:gd name="T22" fmla="*/ 99 w 208"/>
              <a:gd name="T23" fmla="*/ 1 h 208"/>
              <a:gd name="T24" fmla="*/ 68 w 208"/>
              <a:gd name="T25" fmla="*/ 0 h 208"/>
              <a:gd name="T26" fmla="*/ 64 w 208"/>
              <a:gd name="T27" fmla="*/ 4 h 208"/>
              <a:gd name="T28" fmla="*/ 65 w 208"/>
              <a:gd name="T29" fmla="*/ 55 h 208"/>
              <a:gd name="T30" fmla="*/ 100 w 208"/>
              <a:gd name="T31" fmla="*/ 56 h 208"/>
              <a:gd name="T32" fmla="*/ 52 w 208"/>
              <a:gd name="T33" fmla="*/ 144 h 208"/>
              <a:gd name="T34" fmla="*/ 44 w 208"/>
              <a:gd name="T35" fmla="*/ 128 h 208"/>
              <a:gd name="T36" fmla="*/ 79 w 208"/>
              <a:gd name="T37" fmla="*/ 127 h 208"/>
              <a:gd name="T38" fmla="*/ 80 w 208"/>
              <a:gd name="T39" fmla="*/ 84 h 208"/>
              <a:gd name="T40" fmla="*/ 76 w 208"/>
              <a:gd name="T41" fmla="*/ 80 h 208"/>
              <a:gd name="T42" fmla="*/ 35 w 208"/>
              <a:gd name="T43" fmla="*/ 73 h 208"/>
              <a:gd name="T44" fmla="*/ 4 w 208"/>
              <a:gd name="T45" fmla="*/ 72 h 208"/>
              <a:gd name="T46" fmla="*/ 0 w 208"/>
              <a:gd name="T47" fmla="*/ 76 h 208"/>
              <a:gd name="T48" fmla="*/ 1 w 208"/>
              <a:gd name="T49" fmla="*/ 127 h 208"/>
              <a:gd name="T50" fmla="*/ 36 w 208"/>
              <a:gd name="T51" fmla="*/ 128 h 208"/>
              <a:gd name="T52" fmla="*/ 52 w 208"/>
              <a:gd name="T53" fmla="*/ 152 h 208"/>
              <a:gd name="T54" fmla="*/ 100 w 208"/>
              <a:gd name="T55" fmla="*/ 168 h 208"/>
              <a:gd name="T56" fmla="*/ 44 w 208"/>
              <a:gd name="T57" fmla="*/ 184 h 208"/>
              <a:gd name="T58" fmla="*/ 44 w 208"/>
              <a:gd name="T59" fmla="*/ 192 h 208"/>
              <a:gd name="T60" fmla="*/ 104 w 208"/>
              <a:gd name="T61" fmla="*/ 208 h 208"/>
              <a:gd name="T62" fmla="*/ 164 w 208"/>
              <a:gd name="T63" fmla="*/ 192 h 208"/>
              <a:gd name="T64" fmla="*/ 164 w 208"/>
              <a:gd name="T65" fmla="*/ 184 h 208"/>
              <a:gd name="T66" fmla="*/ 108 w 208"/>
              <a:gd name="T67" fmla="*/ 168 h 208"/>
              <a:gd name="T68" fmla="*/ 156 w 208"/>
              <a:gd name="T69" fmla="*/ 152 h 208"/>
              <a:gd name="T70" fmla="*/ 172 w 208"/>
              <a:gd name="T71" fmla="*/ 128 h 208"/>
              <a:gd name="T72" fmla="*/ 207 w 208"/>
              <a:gd name="T73" fmla="*/ 127 h 208"/>
              <a:gd name="T74" fmla="*/ 208 w 208"/>
              <a:gd name="T75" fmla="*/ 84 h 208"/>
              <a:gd name="T76" fmla="*/ 72 w 208"/>
              <a:gd name="T77" fmla="*/ 48 h 208"/>
              <a:gd name="T78" fmla="*/ 94 w 208"/>
              <a:gd name="T79" fmla="*/ 8 h 208"/>
              <a:gd name="T80" fmla="*/ 104 w 208"/>
              <a:gd name="T81" fmla="*/ 16 h 208"/>
              <a:gd name="T82" fmla="*/ 136 w 208"/>
              <a:gd name="T83" fmla="*/ 48 h 208"/>
              <a:gd name="T84" fmla="*/ 8 w 208"/>
              <a:gd name="T85" fmla="*/ 80 h 208"/>
              <a:gd name="T86" fmla="*/ 37 w 208"/>
              <a:gd name="T87" fmla="*/ 87 h 208"/>
              <a:gd name="T88" fmla="*/ 72 w 208"/>
              <a:gd name="T89" fmla="*/ 88 h 208"/>
              <a:gd name="T90" fmla="*/ 8 w 208"/>
              <a:gd name="T91" fmla="*/ 120 h 208"/>
              <a:gd name="T92" fmla="*/ 116 w 208"/>
              <a:gd name="T93" fmla="*/ 188 h 208"/>
              <a:gd name="T94" fmla="*/ 92 w 208"/>
              <a:gd name="T95" fmla="*/ 188 h 208"/>
              <a:gd name="T96" fmla="*/ 92 w 208"/>
              <a:gd name="T97" fmla="*/ 188 h 208"/>
              <a:gd name="T98" fmla="*/ 116 w 208"/>
              <a:gd name="T99" fmla="*/ 188 h 208"/>
              <a:gd name="T100" fmla="*/ 136 w 208"/>
              <a:gd name="T101" fmla="*/ 80 h 208"/>
              <a:gd name="T102" fmla="*/ 165 w 208"/>
              <a:gd name="T103" fmla="*/ 87 h 208"/>
              <a:gd name="T104" fmla="*/ 200 w 208"/>
              <a:gd name="T105" fmla="*/ 88 h 208"/>
              <a:gd name="T106" fmla="*/ 136 w 208"/>
              <a:gd name="T107" fmla="*/ 12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208" h="208">
                <a:moveTo>
                  <a:pt x="207" y="81"/>
                </a:moveTo>
                <a:cubicBezTo>
                  <a:pt x="206" y="80"/>
                  <a:pt x="205" y="80"/>
                  <a:pt x="204" y="80"/>
                </a:cubicBezTo>
                <a:cubicBezTo>
                  <a:pt x="170" y="80"/>
                  <a:pt x="170" y="80"/>
                  <a:pt x="170" y="80"/>
                </a:cubicBezTo>
                <a:cubicBezTo>
                  <a:pt x="163" y="73"/>
                  <a:pt x="163" y="73"/>
                  <a:pt x="163" y="73"/>
                </a:cubicBezTo>
                <a:cubicBezTo>
                  <a:pt x="162" y="72"/>
                  <a:pt x="161" y="72"/>
                  <a:pt x="160" y="72"/>
                </a:cubicBezTo>
                <a:cubicBezTo>
                  <a:pt x="132" y="72"/>
                  <a:pt x="132" y="72"/>
                  <a:pt x="132" y="72"/>
                </a:cubicBezTo>
                <a:cubicBezTo>
                  <a:pt x="131" y="72"/>
                  <a:pt x="130" y="72"/>
                  <a:pt x="129" y="73"/>
                </a:cubicBezTo>
                <a:cubicBezTo>
                  <a:pt x="128" y="74"/>
                  <a:pt x="128" y="75"/>
                  <a:pt x="128" y="76"/>
                </a:cubicBezTo>
                <a:cubicBezTo>
                  <a:pt x="128" y="124"/>
                  <a:pt x="128" y="124"/>
                  <a:pt x="128" y="124"/>
                </a:cubicBezTo>
                <a:cubicBezTo>
                  <a:pt x="128" y="125"/>
                  <a:pt x="128" y="126"/>
                  <a:pt x="129" y="127"/>
                </a:cubicBezTo>
                <a:cubicBezTo>
                  <a:pt x="130" y="128"/>
                  <a:pt x="131" y="128"/>
                  <a:pt x="132" y="128"/>
                </a:cubicBezTo>
                <a:cubicBezTo>
                  <a:pt x="164" y="128"/>
                  <a:pt x="164" y="128"/>
                  <a:pt x="164" y="128"/>
                </a:cubicBezTo>
                <a:cubicBezTo>
                  <a:pt x="164" y="136"/>
                  <a:pt x="164" y="136"/>
                  <a:pt x="164" y="136"/>
                </a:cubicBezTo>
                <a:cubicBezTo>
                  <a:pt x="164" y="140"/>
                  <a:pt x="160" y="144"/>
                  <a:pt x="156" y="144"/>
                </a:cubicBezTo>
                <a:cubicBezTo>
                  <a:pt x="108" y="144"/>
                  <a:pt x="108" y="144"/>
                  <a:pt x="108" y="144"/>
                </a:cubicBezTo>
                <a:cubicBezTo>
                  <a:pt x="108" y="56"/>
                  <a:pt x="108" y="56"/>
                  <a:pt x="108" y="56"/>
                </a:cubicBezTo>
                <a:cubicBezTo>
                  <a:pt x="140" y="56"/>
                  <a:pt x="140" y="56"/>
                  <a:pt x="140" y="56"/>
                </a:cubicBezTo>
                <a:cubicBezTo>
                  <a:pt x="141" y="56"/>
                  <a:pt x="142" y="56"/>
                  <a:pt x="143" y="55"/>
                </a:cubicBezTo>
                <a:cubicBezTo>
                  <a:pt x="144" y="54"/>
                  <a:pt x="144" y="53"/>
                  <a:pt x="144" y="52"/>
                </a:cubicBezTo>
                <a:cubicBezTo>
                  <a:pt x="144" y="12"/>
                  <a:pt x="144" y="12"/>
                  <a:pt x="144" y="12"/>
                </a:cubicBezTo>
                <a:cubicBezTo>
                  <a:pt x="144" y="11"/>
                  <a:pt x="144" y="10"/>
                  <a:pt x="143" y="9"/>
                </a:cubicBezTo>
                <a:cubicBezTo>
                  <a:pt x="142" y="8"/>
                  <a:pt x="141" y="8"/>
                  <a:pt x="140" y="8"/>
                </a:cubicBezTo>
                <a:cubicBezTo>
                  <a:pt x="106" y="8"/>
                  <a:pt x="106" y="8"/>
                  <a:pt x="106" y="8"/>
                </a:cubicBezTo>
                <a:cubicBezTo>
                  <a:pt x="99" y="1"/>
                  <a:pt x="99" y="1"/>
                  <a:pt x="99" y="1"/>
                </a:cubicBezTo>
                <a:cubicBezTo>
                  <a:pt x="98" y="0"/>
                  <a:pt x="97" y="0"/>
                  <a:pt x="96" y="0"/>
                </a:cubicBezTo>
                <a:cubicBezTo>
                  <a:pt x="68" y="0"/>
                  <a:pt x="68" y="0"/>
                  <a:pt x="68" y="0"/>
                </a:cubicBezTo>
                <a:cubicBezTo>
                  <a:pt x="67" y="0"/>
                  <a:pt x="66" y="0"/>
                  <a:pt x="65" y="1"/>
                </a:cubicBezTo>
                <a:cubicBezTo>
                  <a:pt x="64" y="2"/>
                  <a:pt x="64" y="3"/>
                  <a:pt x="64" y="4"/>
                </a:cubicBezTo>
                <a:cubicBezTo>
                  <a:pt x="64" y="52"/>
                  <a:pt x="64" y="52"/>
                  <a:pt x="64" y="52"/>
                </a:cubicBezTo>
                <a:cubicBezTo>
                  <a:pt x="64" y="53"/>
                  <a:pt x="64" y="54"/>
                  <a:pt x="65" y="55"/>
                </a:cubicBezTo>
                <a:cubicBezTo>
                  <a:pt x="66" y="56"/>
                  <a:pt x="67" y="56"/>
                  <a:pt x="68" y="56"/>
                </a:cubicBezTo>
                <a:cubicBezTo>
                  <a:pt x="100" y="56"/>
                  <a:pt x="100" y="56"/>
                  <a:pt x="100" y="56"/>
                </a:cubicBezTo>
                <a:cubicBezTo>
                  <a:pt x="100" y="144"/>
                  <a:pt x="100" y="144"/>
                  <a:pt x="100" y="144"/>
                </a:cubicBezTo>
                <a:cubicBezTo>
                  <a:pt x="52" y="144"/>
                  <a:pt x="52" y="144"/>
                  <a:pt x="52" y="144"/>
                </a:cubicBezTo>
                <a:cubicBezTo>
                  <a:pt x="48" y="144"/>
                  <a:pt x="44" y="140"/>
                  <a:pt x="44" y="136"/>
                </a:cubicBezTo>
                <a:cubicBezTo>
                  <a:pt x="44" y="128"/>
                  <a:pt x="44" y="128"/>
                  <a:pt x="44" y="128"/>
                </a:cubicBezTo>
                <a:cubicBezTo>
                  <a:pt x="76" y="128"/>
                  <a:pt x="76" y="128"/>
                  <a:pt x="76" y="128"/>
                </a:cubicBezTo>
                <a:cubicBezTo>
                  <a:pt x="77" y="128"/>
                  <a:pt x="78" y="128"/>
                  <a:pt x="79" y="127"/>
                </a:cubicBezTo>
                <a:cubicBezTo>
                  <a:pt x="80" y="126"/>
                  <a:pt x="80" y="125"/>
                  <a:pt x="80" y="124"/>
                </a:cubicBezTo>
                <a:cubicBezTo>
                  <a:pt x="80" y="84"/>
                  <a:pt x="80" y="84"/>
                  <a:pt x="80" y="84"/>
                </a:cubicBezTo>
                <a:cubicBezTo>
                  <a:pt x="80" y="83"/>
                  <a:pt x="80" y="82"/>
                  <a:pt x="79" y="81"/>
                </a:cubicBezTo>
                <a:cubicBezTo>
                  <a:pt x="78" y="80"/>
                  <a:pt x="77" y="80"/>
                  <a:pt x="76" y="80"/>
                </a:cubicBezTo>
                <a:cubicBezTo>
                  <a:pt x="42" y="80"/>
                  <a:pt x="42" y="80"/>
                  <a:pt x="42" y="80"/>
                </a:cubicBezTo>
                <a:cubicBezTo>
                  <a:pt x="35" y="73"/>
                  <a:pt x="35" y="73"/>
                  <a:pt x="35" y="73"/>
                </a:cubicBezTo>
                <a:cubicBezTo>
                  <a:pt x="34" y="72"/>
                  <a:pt x="33" y="72"/>
                  <a:pt x="32" y="72"/>
                </a:cubicBezTo>
                <a:cubicBezTo>
                  <a:pt x="4" y="72"/>
                  <a:pt x="4" y="72"/>
                  <a:pt x="4" y="72"/>
                </a:cubicBezTo>
                <a:cubicBezTo>
                  <a:pt x="3" y="72"/>
                  <a:pt x="2" y="72"/>
                  <a:pt x="1" y="73"/>
                </a:cubicBezTo>
                <a:cubicBezTo>
                  <a:pt x="0" y="74"/>
                  <a:pt x="0" y="75"/>
                  <a:pt x="0" y="76"/>
                </a:cubicBezTo>
                <a:cubicBezTo>
                  <a:pt x="0" y="124"/>
                  <a:pt x="0" y="124"/>
                  <a:pt x="0" y="124"/>
                </a:cubicBezTo>
                <a:cubicBezTo>
                  <a:pt x="0" y="125"/>
                  <a:pt x="0" y="126"/>
                  <a:pt x="1" y="127"/>
                </a:cubicBezTo>
                <a:cubicBezTo>
                  <a:pt x="2" y="128"/>
                  <a:pt x="3" y="128"/>
                  <a:pt x="4" y="128"/>
                </a:cubicBezTo>
                <a:cubicBezTo>
                  <a:pt x="36" y="128"/>
                  <a:pt x="36" y="128"/>
                  <a:pt x="36" y="128"/>
                </a:cubicBezTo>
                <a:cubicBezTo>
                  <a:pt x="36" y="136"/>
                  <a:pt x="36" y="136"/>
                  <a:pt x="36" y="136"/>
                </a:cubicBezTo>
                <a:cubicBezTo>
                  <a:pt x="36" y="145"/>
                  <a:pt x="43" y="152"/>
                  <a:pt x="52" y="152"/>
                </a:cubicBezTo>
                <a:cubicBezTo>
                  <a:pt x="100" y="152"/>
                  <a:pt x="100" y="152"/>
                  <a:pt x="100" y="152"/>
                </a:cubicBezTo>
                <a:cubicBezTo>
                  <a:pt x="100" y="168"/>
                  <a:pt x="100" y="168"/>
                  <a:pt x="100" y="168"/>
                </a:cubicBezTo>
                <a:cubicBezTo>
                  <a:pt x="92" y="170"/>
                  <a:pt x="86" y="176"/>
                  <a:pt x="84" y="184"/>
                </a:cubicBezTo>
                <a:cubicBezTo>
                  <a:pt x="44" y="184"/>
                  <a:pt x="44" y="184"/>
                  <a:pt x="44" y="184"/>
                </a:cubicBezTo>
                <a:cubicBezTo>
                  <a:pt x="42" y="184"/>
                  <a:pt x="40" y="186"/>
                  <a:pt x="40" y="188"/>
                </a:cubicBezTo>
                <a:cubicBezTo>
                  <a:pt x="40" y="190"/>
                  <a:pt x="42" y="192"/>
                  <a:pt x="44" y="192"/>
                </a:cubicBezTo>
                <a:cubicBezTo>
                  <a:pt x="84" y="192"/>
                  <a:pt x="84" y="192"/>
                  <a:pt x="84" y="192"/>
                </a:cubicBezTo>
                <a:cubicBezTo>
                  <a:pt x="86" y="201"/>
                  <a:pt x="94" y="208"/>
                  <a:pt x="104" y="208"/>
                </a:cubicBezTo>
                <a:cubicBezTo>
                  <a:pt x="114" y="208"/>
                  <a:pt x="122" y="201"/>
                  <a:pt x="124" y="192"/>
                </a:cubicBezTo>
                <a:cubicBezTo>
                  <a:pt x="164" y="192"/>
                  <a:pt x="164" y="192"/>
                  <a:pt x="164" y="192"/>
                </a:cubicBezTo>
                <a:cubicBezTo>
                  <a:pt x="166" y="192"/>
                  <a:pt x="168" y="190"/>
                  <a:pt x="168" y="188"/>
                </a:cubicBezTo>
                <a:cubicBezTo>
                  <a:pt x="168" y="186"/>
                  <a:pt x="166" y="184"/>
                  <a:pt x="164" y="184"/>
                </a:cubicBezTo>
                <a:cubicBezTo>
                  <a:pt x="124" y="184"/>
                  <a:pt x="124" y="184"/>
                  <a:pt x="124" y="184"/>
                </a:cubicBezTo>
                <a:cubicBezTo>
                  <a:pt x="122" y="176"/>
                  <a:pt x="116" y="170"/>
                  <a:pt x="108" y="168"/>
                </a:cubicBezTo>
                <a:cubicBezTo>
                  <a:pt x="108" y="152"/>
                  <a:pt x="108" y="152"/>
                  <a:pt x="108" y="152"/>
                </a:cubicBezTo>
                <a:cubicBezTo>
                  <a:pt x="156" y="152"/>
                  <a:pt x="156" y="152"/>
                  <a:pt x="156" y="152"/>
                </a:cubicBezTo>
                <a:cubicBezTo>
                  <a:pt x="165" y="152"/>
                  <a:pt x="172" y="145"/>
                  <a:pt x="172" y="136"/>
                </a:cubicBezTo>
                <a:cubicBezTo>
                  <a:pt x="172" y="128"/>
                  <a:pt x="172" y="128"/>
                  <a:pt x="172" y="128"/>
                </a:cubicBezTo>
                <a:cubicBezTo>
                  <a:pt x="204" y="128"/>
                  <a:pt x="204" y="128"/>
                  <a:pt x="204" y="128"/>
                </a:cubicBezTo>
                <a:cubicBezTo>
                  <a:pt x="205" y="128"/>
                  <a:pt x="206" y="128"/>
                  <a:pt x="207" y="127"/>
                </a:cubicBezTo>
                <a:cubicBezTo>
                  <a:pt x="208" y="126"/>
                  <a:pt x="208" y="125"/>
                  <a:pt x="208" y="124"/>
                </a:cubicBezTo>
                <a:cubicBezTo>
                  <a:pt x="208" y="84"/>
                  <a:pt x="208" y="84"/>
                  <a:pt x="208" y="84"/>
                </a:cubicBezTo>
                <a:cubicBezTo>
                  <a:pt x="208" y="83"/>
                  <a:pt x="208" y="82"/>
                  <a:pt x="207" y="81"/>
                </a:cubicBezTo>
                <a:close/>
                <a:moveTo>
                  <a:pt x="72" y="48"/>
                </a:moveTo>
                <a:cubicBezTo>
                  <a:pt x="72" y="8"/>
                  <a:pt x="72" y="8"/>
                  <a:pt x="72" y="8"/>
                </a:cubicBezTo>
                <a:cubicBezTo>
                  <a:pt x="94" y="8"/>
                  <a:pt x="94" y="8"/>
                  <a:pt x="94" y="8"/>
                </a:cubicBezTo>
                <a:cubicBezTo>
                  <a:pt x="101" y="15"/>
                  <a:pt x="101" y="15"/>
                  <a:pt x="101" y="15"/>
                </a:cubicBezTo>
                <a:cubicBezTo>
                  <a:pt x="102" y="16"/>
                  <a:pt x="103" y="16"/>
                  <a:pt x="104" y="16"/>
                </a:cubicBezTo>
                <a:cubicBezTo>
                  <a:pt x="136" y="16"/>
                  <a:pt x="136" y="16"/>
                  <a:pt x="136" y="16"/>
                </a:cubicBezTo>
                <a:cubicBezTo>
                  <a:pt x="136" y="48"/>
                  <a:pt x="136" y="48"/>
                  <a:pt x="136" y="48"/>
                </a:cubicBezTo>
                <a:lnTo>
                  <a:pt x="72" y="48"/>
                </a:lnTo>
                <a:close/>
                <a:moveTo>
                  <a:pt x="8" y="80"/>
                </a:moveTo>
                <a:cubicBezTo>
                  <a:pt x="30" y="80"/>
                  <a:pt x="30" y="80"/>
                  <a:pt x="30" y="80"/>
                </a:cubicBezTo>
                <a:cubicBezTo>
                  <a:pt x="37" y="87"/>
                  <a:pt x="37" y="87"/>
                  <a:pt x="37" y="87"/>
                </a:cubicBezTo>
                <a:cubicBezTo>
                  <a:pt x="38" y="88"/>
                  <a:pt x="39" y="88"/>
                  <a:pt x="40" y="88"/>
                </a:cubicBezTo>
                <a:cubicBezTo>
                  <a:pt x="72" y="88"/>
                  <a:pt x="72" y="88"/>
                  <a:pt x="72" y="88"/>
                </a:cubicBezTo>
                <a:cubicBezTo>
                  <a:pt x="72" y="120"/>
                  <a:pt x="72" y="120"/>
                  <a:pt x="72" y="120"/>
                </a:cubicBezTo>
                <a:cubicBezTo>
                  <a:pt x="8" y="120"/>
                  <a:pt x="8" y="120"/>
                  <a:pt x="8" y="120"/>
                </a:cubicBezTo>
                <a:lnTo>
                  <a:pt x="8" y="80"/>
                </a:lnTo>
                <a:close/>
                <a:moveTo>
                  <a:pt x="116" y="188"/>
                </a:moveTo>
                <a:cubicBezTo>
                  <a:pt x="116" y="195"/>
                  <a:pt x="111" y="200"/>
                  <a:pt x="104" y="200"/>
                </a:cubicBezTo>
                <a:cubicBezTo>
                  <a:pt x="97" y="200"/>
                  <a:pt x="92" y="195"/>
                  <a:pt x="92" y="188"/>
                </a:cubicBezTo>
                <a:cubicBezTo>
                  <a:pt x="92" y="188"/>
                  <a:pt x="92" y="188"/>
                  <a:pt x="92" y="188"/>
                </a:cubicBezTo>
                <a:cubicBezTo>
                  <a:pt x="92" y="188"/>
                  <a:pt x="92" y="188"/>
                  <a:pt x="92" y="188"/>
                </a:cubicBezTo>
                <a:cubicBezTo>
                  <a:pt x="92" y="181"/>
                  <a:pt x="97" y="176"/>
                  <a:pt x="104" y="176"/>
                </a:cubicBezTo>
                <a:cubicBezTo>
                  <a:pt x="111" y="176"/>
                  <a:pt x="116" y="181"/>
                  <a:pt x="116" y="188"/>
                </a:cubicBezTo>
                <a:close/>
                <a:moveTo>
                  <a:pt x="136" y="120"/>
                </a:moveTo>
                <a:cubicBezTo>
                  <a:pt x="136" y="80"/>
                  <a:pt x="136" y="80"/>
                  <a:pt x="136" y="80"/>
                </a:cubicBezTo>
                <a:cubicBezTo>
                  <a:pt x="158" y="80"/>
                  <a:pt x="158" y="80"/>
                  <a:pt x="158" y="80"/>
                </a:cubicBezTo>
                <a:cubicBezTo>
                  <a:pt x="165" y="87"/>
                  <a:pt x="165" y="87"/>
                  <a:pt x="165" y="87"/>
                </a:cubicBezTo>
                <a:cubicBezTo>
                  <a:pt x="166" y="88"/>
                  <a:pt x="167" y="88"/>
                  <a:pt x="168" y="88"/>
                </a:cubicBezTo>
                <a:cubicBezTo>
                  <a:pt x="200" y="88"/>
                  <a:pt x="200" y="88"/>
                  <a:pt x="200" y="88"/>
                </a:cubicBezTo>
                <a:cubicBezTo>
                  <a:pt x="200" y="120"/>
                  <a:pt x="200" y="120"/>
                  <a:pt x="200" y="120"/>
                </a:cubicBezTo>
                <a:lnTo>
                  <a:pt x="136" y="120"/>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pic>
        <p:nvPicPr>
          <p:cNvPr id="27" name="Graphic 26">
            <a:extLst>
              <a:ext uri="{FF2B5EF4-FFF2-40B4-BE49-F238E27FC236}">
                <a16:creationId xmlns:a16="http://schemas.microsoft.com/office/drawing/2014/main" id="{284BF079-FE7B-27F1-5D89-29E8F90DD006}"/>
              </a:ext>
              <a:ext uri="{C183D7F6-B498-43B3-948B-1728B52AA6E4}">
                <adec:decorative xmlns:adec="http://schemas.microsoft.com/office/drawing/2017/decorative" val="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0007612" y="252814"/>
            <a:ext cx="2014851" cy="842208"/>
          </a:xfrm>
          <a:prstGeom prst="rect">
            <a:avLst/>
          </a:prstGeom>
        </p:spPr>
      </p:pic>
      <p:grpSp>
        <p:nvGrpSpPr>
          <p:cNvPr id="13" name="Group 12">
            <a:extLst>
              <a:ext uri="{FF2B5EF4-FFF2-40B4-BE49-F238E27FC236}">
                <a16:creationId xmlns:a16="http://schemas.microsoft.com/office/drawing/2014/main" id="{AAD9879A-9B2F-DAD4-24B4-093CB4FB5460}"/>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4" name="Rectangle 13">
              <a:extLst>
                <a:ext uri="{FF2B5EF4-FFF2-40B4-BE49-F238E27FC236}">
                  <a16:creationId xmlns:a16="http://schemas.microsoft.com/office/drawing/2014/main" id="{D3377676-9D06-16D1-12DD-ED03DF0203E6}"/>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5" name="Rectangle 14">
              <a:extLst>
                <a:ext uri="{FF2B5EF4-FFF2-40B4-BE49-F238E27FC236}">
                  <a16:creationId xmlns:a16="http://schemas.microsoft.com/office/drawing/2014/main" id="{27D48627-C3F1-AD2B-9BBA-B8C9F9EF53E5}"/>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16" name="TextBox 15">
            <a:extLst>
              <a:ext uri="{FF2B5EF4-FFF2-40B4-BE49-F238E27FC236}">
                <a16:creationId xmlns:a16="http://schemas.microsoft.com/office/drawing/2014/main" id="{A4510450-9231-D57C-FC04-D38647015371}"/>
              </a:ext>
            </a:extLst>
          </p:cNvPr>
          <p:cNvSpPr txBox="1"/>
          <p:nvPr/>
        </p:nvSpPr>
        <p:spPr>
          <a:xfrm>
            <a:off x="9390941" y="4669260"/>
            <a:ext cx="2395552" cy="1518013"/>
          </a:xfrm>
          <a:prstGeom prst="rect">
            <a:avLst/>
          </a:prstGeom>
          <a:noFill/>
        </p:spPr>
        <p:txBody>
          <a:bodyPr wrap="square">
            <a:spAutoFit/>
          </a:bodyPr>
          <a:lstStyle/>
          <a:p>
            <a:pPr algn="l">
              <a:spcBef>
                <a:spcPts val="400"/>
              </a:spcBef>
              <a:spcAft>
                <a:spcPts val="400"/>
              </a:spcAft>
              <a:buNone/>
            </a:pPr>
            <a:r>
              <a:rPr lang="da-DK" sz="1100" b="0" i="1" noProof="0" dirty="0">
                <a:solidFill>
                  <a:srgbClr val="64778A"/>
                </a:solidFill>
                <a:effectLst/>
                <a:latin typeface="Arial" panose="020B0604020202020204" pitchFamily="34" charset="0"/>
                <a:ea typeface="Arial" panose="020B0604020202020204" pitchFamily="34" charset="0"/>
                <a:cs typeface="Times New Roman" panose="02020603050405020304" pitchFamily="18" charset="0"/>
              </a:rPr>
              <a:t>Digital suverænitet betyder, at enkeltpersoner og institutioner har de nødvendige kapabiliteter og kompetencer til at udfylde deres roller i den digitale verden uafhængigt, autonomt og sikkert”</a:t>
            </a:r>
            <a:endParaRPr lang="da-DK" sz="1100" b="0" i="1" noProof="0" dirty="0">
              <a:solidFill>
                <a:srgbClr val="000000"/>
              </a:solidFill>
              <a:effectLst/>
              <a:latin typeface="Arial" panose="020B0604020202020204" pitchFamily="34" charset="0"/>
              <a:ea typeface="Arial" panose="020B0604020202020204" pitchFamily="34" charset="0"/>
              <a:cs typeface="Times New Roman" panose="02020603050405020304" pitchFamily="18" charset="0"/>
            </a:endParaRPr>
          </a:p>
          <a:p>
            <a:pPr algn="l">
              <a:spcBef>
                <a:spcPts val="400"/>
              </a:spcBef>
              <a:spcAft>
                <a:spcPts val="400"/>
              </a:spcAft>
              <a:buNone/>
            </a:pPr>
            <a:r>
              <a:rPr lang="da-DK" sz="900" b="1" noProof="0" dirty="0">
                <a:solidFill>
                  <a:srgbClr val="000000"/>
                </a:solidFill>
                <a:effectLst/>
                <a:latin typeface="Arial" panose="020B0604020202020204" pitchFamily="34" charset="0"/>
                <a:ea typeface="Arial" panose="020B0604020202020204" pitchFamily="34" charset="0"/>
                <a:cs typeface="Times New Roman" panose="02020603050405020304" pitchFamily="18" charset="0"/>
              </a:rPr>
              <a:t>Dirk </a:t>
            </a:r>
            <a:r>
              <a:rPr lang="da-DK" sz="900" b="1" noProof="0" dirty="0" err="1">
                <a:solidFill>
                  <a:srgbClr val="000000"/>
                </a:solidFill>
                <a:effectLst/>
                <a:latin typeface="Arial" panose="020B0604020202020204" pitchFamily="34" charset="0"/>
                <a:ea typeface="Arial" panose="020B0604020202020204" pitchFamily="34" charset="0"/>
                <a:cs typeface="Times New Roman" panose="02020603050405020304" pitchFamily="18" charset="0"/>
              </a:rPr>
              <a:t>Schrödter</a:t>
            </a:r>
            <a:br>
              <a:rPr lang="da-DK" sz="900" noProof="0" dirty="0">
                <a:solidFill>
                  <a:srgbClr val="000000"/>
                </a:solidFill>
                <a:effectLst/>
                <a:latin typeface="Arial" panose="020B0604020202020204" pitchFamily="34" charset="0"/>
                <a:ea typeface="Arial" panose="020B0604020202020204" pitchFamily="34" charset="0"/>
                <a:cs typeface="Times New Roman" panose="02020603050405020304" pitchFamily="18" charset="0"/>
              </a:rPr>
            </a:br>
            <a:r>
              <a:rPr lang="da-DK" sz="900" noProof="0" dirty="0">
                <a:solidFill>
                  <a:srgbClr val="000000"/>
                </a:solidFill>
                <a:effectLst/>
                <a:latin typeface="Arial" panose="020B0604020202020204" pitchFamily="34" charset="0"/>
                <a:ea typeface="Arial" panose="020B0604020202020204" pitchFamily="34" charset="0"/>
                <a:cs typeface="Times New Roman" panose="02020603050405020304" pitchFamily="18" charset="0"/>
              </a:rPr>
              <a:t>Digitaliseringsminister, Schleswig-Holstein.</a:t>
            </a:r>
          </a:p>
        </p:txBody>
      </p:sp>
    </p:spTree>
    <p:extLst>
      <p:ext uri="{BB962C8B-B14F-4D97-AF65-F5344CB8AC3E}">
        <p14:creationId xmlns:p14="http://schemas.microsoft.com/office/powerpoint/2010/main" val="34920261"/>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0BBDB37-223F-DE73-8E32-520E2FD8757F}"/>
            </a:ext>
          </a:extLst>
        </p:cNvPr>
        <p:cNvGrpSpPr/>
        <p:nvPr/>
      </p:nvGrpSpPr>
      <p:grpSpPr>
        <a:xfrm>
          <a:off x="0" y="0"/>
          <a:ext cx="0" cy="0"/>
          <a:chOff x="0" y="0"/>
          <a:chExt cx="0" cy="0"/>
        </a:xfrm>
      </p:grpSpPr>
      <p:sp>
        <p:nvSpPr>
          <p:cNvPr id="126" name="Rectangle: Rounded Corners 125">
            <a:extLst>
              <a:ext uri="{FF2B5EF4-FFF2-40B4-BE49-F238E27FC236}">
                <a16:creationId xmlns:a16="http://schemas.microsoft.com/office/drawing/2014/main" id="{4E53ABB1-1115-0014-A975-4DC5CCE70258}"/>
              </a:ext>
            </a:extLst>
          </p:cNvPr>
          <p:cNvSpPr/>
          <p:nvPr/>
        </p:nvSpPr>
        <p:spPr>
          <a:xfrm>
            <a:off x="169304" y="11734"/>
            <a:ext cx="7263342"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4 | Center for Digital Suverænitet i Offentlig Forvaltning (</a:t>
            </a:r>
            <a:r>
              <a:rPr lang="da-DK" sz="1600" b="1" noProof="0" dirty="0" err="1">
                <a:solidFill>
                  <a:srgbClr val="36465A"/>
                </a:solidFill>
              </a:rPr>
              <a:t>ZenDiS</a:t>
            </a:r>
            <a:r>
              <a:rPr lang="da-DK" sz="1600" b="1" noProof="0" dirty="0">
                <a:solidFill>
                  <a:srgbClr val="36465A"/>
                </a:solidFill>
              </a:rPr>
              <a:t>)</a:t>
            </a:r>
          </a:p>
        </p:txBody>
      </p:sp>
      <p:sp>
        <p:nvSpPr>
          <p:cNvPr id="2" name="Title 1">
            <a:extLst>
              <a:ext uri="{FF2B5EF4-FFF2-40B4-BE49-F238E27FC236}">
                <a16:creationId xmlns:a16="http://schemas.microsoft.com/office/drawing/2014/main" id="{8DD2F7CD-F5ED-CC1F-6BAF-501B918378E9}"/>
              </a:ext>
            </a:extLst>
          </p:cNvPr>
          <p:cNvSpPr>
            <a:spLocks noGrp="1"/>
          </p:cNvSpPr>
          <p:nvPr>
            <p:ph type="title"/>
          </p:nvPr>
        </p:nvSpPr>
        <p:spPr/>
        <p:txBody>
          <a:bodyPr/>
          <a:lstStyle/>
          <a:p>
            <a:r>
              <a:rPr lang="da-DK" sz="2200" noProof="0" dirty="0"/>
              <a:t>Side 1/3 | </a:t>
            </a:r>
            <a:r>
              <a:rPr lang="da-DK" sz="2200" b="1" noProof="0" dirty="0"/>
              <a:t>Sammenfatning af casen</a:t>
            </a:r>
          </a:p>
        </p:txBody>
      </p:sp>
      <p:pic>
        <p:nvPicPr>
          <p:cNvPr id="15" name="Picture 14">
            <a:extLst>
              <a:ext uri="{FF2B5EF4-FFF2-40B4-BE49-F238E27FC236}">
                <a16:creationId xmlns:a16="http://schemas.microsoft.com/office/drawing/2014/main" id="{05FC581F-A4FA-EE67-C85C-CBD040CAB2F7}"/>
              </a:ext>
              <a:ext uri="{C183D7F6-B498-43B3-948B-1728B52AA6E4}">
                <adec:decorative xmlns:adec="http://schemas.microsoft.com/office/drawing/2017/decorative" val="1"/>
              </a:ext>
            </a:extLst>
          </p:cNvPr>
          <p:cNvPicPr>
            <a:picLocks noChangeAspect="1"/>
          </p:cNvPicPr>
          <p:nvPr/>
        </p:nvPicPr>
        <p:blipFill>
          <a:blip r:embed="rId3"/>
          <a:stretch>
            <a:fillRect/>
          </a:stretch>
        </p:blipFill>
        <p:spPr>
          <a:xfrm>
            <a:off x="10617044" y="56347"/>
            <a:ext cx="1351031" cy="1316741"/>
          </a:xfrm>
          <a:prstGeom prst="rect">
            <a:avLst/>
          </a:prstGeom>
        </p:spPr>
      </p:pic>
      <p:sp>
        <p:nvSpPr>
          <p:cNvPr id="4" name="Rectangle: Rounded Corners 3">
            <a:extLst>
              <a:ext uri="{FF2B5EF4-FFF2-40B4-BE49-F238E27FC236}">
                <a16:creationId xmlns:a16="http://schemas.microsoft.com/office/drawing/2014/main" id="{D39532F3-9509-25AB-F8D5-0AAE855C8106}"/>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3" name="Rectangle: Rounded Corners 52">
            <a:extLst>
              <a:ext uri="{FF2B5EF4-FFF2-40B4-BE49-F238E27FC236}">
                <a16:creationId xmlns:a16="http://schemas.microsoft.com/office/drawing/2014/main" id="{A4C40B87-2B7A-268B-F06C-C063F1692BFB}"/>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9" name="Rectangle: Rounded Corners 8">
            <a:extLst>
              <a:ext uri="{FF2B5EF4-FFF2-40B4-BE49-F238E27FC236}">
                <a16:creationId xmlns:a16="http://schemas.microsoft.com/office/drawing/2014/main" id="{CC9EBABB-BF2E-E0C3-9568-8EDCA7778645}"/>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3" name="Content Placeholder 5">
            <a:extLst>
              <a:ext uri="{FF2B5EF4-FFF2-40B4-BE49-F238E27FC236}">
                <a16:creationId xmlns:a16="http://schemas.microsoft.com/office/drawing/2014/main" id="{03E2AD9D-DE9B-E538-DD4D-734B18FC54AC}"/>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11" name="Rectangle 10">
            <a:extLst>
              <a:ext uri="{FF2B5EF4-FFF2-40B4-BE49-F238E27FC236}">
                <a16:creationId xmlns:a16="http://schemas.microsoft.com/office/drawing/2014/main" id="{B5CFC858-ECBF-A71A-89BB-9E5A2E7CB417}"/>
              </a:ext>
            </a:extLst>
          </p:cNvPr>
          <p:cNvSpPr/>
          <p:nvPr/>
        </p:nvSpPr>
        <p:spPr>
          <a:xfrm>
            <a:off x="552449" y="2139037"/>
            <a:ext cx="2699428"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noProof="0" dirty="0" err="1">
                <a:solidFill>
                  <a:schemeClr val="tx1"/>
                </a:solidFill>
                <a:sym typeface="Wingdings" panose="05000000000000000000" pitchFamily="2" charset="2"/>
              </a:rPr>
              <a:t>ZenDiS</a:t>
            </a:r>
            <a:r>
              <a:rPr lang="da-DK" sz="900" noProof="0" dirty="0">
                <a:solidFill>
                  <a:schemeClr val="tx1"/>
                </a:solidFill>
                <a:sym typeface="Wingdings" panose="05000000000000000000" pitchFamily="2" charset="2"/>
              </a:rPr>
              <a:t> (</a:t>
            </a:r>
            <a:r>
              <a:rPr lang="da-DK" sz="900" noProof="0" dirty="0" err="1">
                <a:solidFill>
                  <a:schemeClr val="tx1"/>
                </a:solidFill>
                <a:sym typeface="Wingdings" panose="05000000000000000000" pitchFamily="2" charset="2"/>
              </a:rPr>
              <a:t>Zentrum</a:t>
            </a:r>
            <a:r>
              <a:rPr lang="da-DK" sz="900" noProof="0" dirty="0">
                <a:solidFill>
                  <a:schemeClr val="tx1"/>
                </a:solidFill>
                <a:sym typeface="Wingdings" panose="05000000000000000000" pitchFamily="2" charset="2"/>
              </a:rPr>
              <a:t> </a:t>
            </a:r>
            <a:r>
              <a:rPr lang="da-DK" sz="900" noProof="0" dirty="0" err="1">
                <a:solidFill>
                  <a:schemeClr val="tx1"/>
                </a:solidFill>
                <a:sym typeface="Wingdings" panose="05000000000000000000" pitchFamily="2" charset="2"/>
              </a:rPr>
              <a:t>für</a:t>
            </a:r>
            <a:r>
              <a:rPr lang="da-DK" sz="900" noProof="0" dirty="0">
                <a:solidFill>
                  <a:schemeClr val="tx1"/>
                </a:solidFill>
                <a:sym typeface="Wingdings" panose="05000000000000000000" pitchFamily="2" charset="2"/>
              </a:rPr>
              <a:t> Digitale </a:t>
            </a:r>
            <a:r>
              <a:rPr lang="da-DK" sz="900" noProof="0" dirty="0" err="1">
                <a:solidFill>
                  <a:schemeClr val="tx1"/>
                </a:solidFill>
                <a:sym typeface="Wingdings" panose="05000000000000000000" pitchFamily="2" charset="2"/>
              </a:rPr>
              <a:t>Souveränität</a:t>
            </a:r>
            <a:r>
              <a:rPr lang="da-DK" sz="900" noProof="0" dirty="0">
                <a:solidFill>
                  <a:schemeClr val="tx1"/>
                </a:solidFill>
                <a:sym typeface="Wingdings" panose="05000000000000000000" pitchFamily="2" charset="2"/>
              </a:rPr>
              <a:t> der </a:t>
            </a:r>
            <a:r>
              <a:rPr lang="da-DK" sz="900" noProof="0" dirty="0" err="1">
                <a:solidFill>
                  <a:schemeClr val="tx1"/>
                </a:solidFill>
                <a:sym typeface="Wingdings" panose="05000000000000000000" pitchFamily="2" charset="2"/>
              </a:rPr>
              <a:t>Öffentlichen</a:t>
            </a:r>
            <a:r>
              <a:rPr lang="da-DK" sz="900" noProof="0" dirty="0">
                <a:solidFill>
                  <a:schemeClr val="tx1"/>
                </a:solidFill>
                <a:sym typeface="Wingdings" panose="05000000000000000000" pitchFamily="2" charset="2"/>
              </a:rPr>
              <a:t> </a:t>
            </a:r>
            <a:r>
              <a:rPr lang="da-DK" sz="900" noProof="0" dirty="0" err="1">
                <a:solidFill>
                  <a:schemeClr val="tx1"/>
                </a:solidFill>
                <a:sym typeface="Wingdings" panose="05000000000000000000" pitchFamily="2" charset="2"/>
              </a:rPr>
              <a:t>Verwaltung</a:t>
            </a:r>
            <a:r>
              <a:rPr lang="da-DK" sz="900" noProof="0" dirty="0">
                <a:solidFill>
                  <a:schemeClr val="tx1"/>
                </a:solidFill>
                <a:sym typeface="Wingdings" panose="05000000000000000000" pitchFamily="2" charset="2"/>
              </a:rPr>
              <a:t>) er etableret som et offentligt ejet aktieselskab under den tyske regering og har til formål at styrke den offentlige sektors digitale suverænitet og reducere afhængigheden af store, </a:t>
            </a:r>
            <a:r>
              <a:rPr lang="da-DK" sz="900" noProof="0" dirty="0" err="1">
                <a:solidFill>
                  <a:schemeClr val="tx1"/>
                </a:solidFill>
                <a:sym typeface="Wingdings" panose="05000000000000000000" pitchFamily="2" charset="2"/>
              </a:rPr>
              <a:t>proprietære</a:t>
            </a:r>
            <a:r>
              <a:rPr lang="da-DK" sz="900" noProof="0" dirty="0">
                <a:solidFill>
                  <a:schemeClr val="tx1"/>
                </a:solidFill>
                <a:sym typeface="Wingdings" panose="05000000000000000000" pitchFamily="2" charset="2"/>
              </a:rPr>
              <a:t> teknologileverandører. </a:t>
            </a:r>
            <a:r>
              <a:rPr lang="da-DK" sz="900" noProof="0" dirty="0" err="1">
                <a:solidFill>
                  <a:schemeClr val="tx1"/>
                </a:solidFill>
              </a:rPr>
              <a:t>ZenDiS</a:t>
            </a:r>
            <a:r>
              <a:rPr lang="da-DK" sz="900" noProof="0" dirty="0">
                <a:solidFill>
                  <a:schemeClr val="tx1"/>
                </a:solidFill>
              </a:rPr>
              <a:t> driver open source-løsningerne </a:t>
            </a:r>
            <a:r>
              <a:rPr lang="da-DK" sz="900" b="1" noProof="0" dirty="0" err="1">
                <a:solidFill>
                  <a:schemeClr val="tx1"/>
                </a:solidFill>
              </a:rPr>
              <a:t>openDesk</a:t>
            </a:r>
            <a:r>
              <a:rPr lang="da-DK" sz="900" noProof="0" dirty="0">
                <a:solidFill>
                  <a:schemeClr val="tx1"/>
                </a:solidFill>
              </a:rPr>
              <a:t> (en suveræn digital arbejdsplads) og </a:t>
            </a:r>
            <a:r>
              <a:rPr lang="da-DK" sz="900" b="1" noProof="0" dirty="0" err="1">
                <a:solidFill>
                  <a:schemeClr val="tx1"/>
                </a:solidFill>
              </a:rPr>
              <a:t>openCode</a:t>
            </a:r>
            <a:r>
              <a:rPr lang="da-DK" sz="900" noProof="0" dirty="0">
                <a:solidFill>
                  <a:schemeClr val="tx1"/>
                </a:solidFill>
              </a:rPr>
              <a:t> (en platform for deling og udvikling af OSS). Derudover tilbyder </a:t>
            </a:r>
            <a:r>
              <a:rPr lang="da-DK" sz="900" noProof="0" dirty="0" err="1">
                <a:solidFill>
                  <a:schemeClr val="tx1"/>
                </a:solidFill>
              </a:rPr>
              <a:t>ZenDiS</a:t>
            </a:r>
            <a:r>
              <a:rPr lang="da-DK" sz="900" noProof="0" dirty="0">
                <a:solidFill>
                  <a:schemeClr val="tx1"/>
                </a:solidFill>
              </a:rPr>
              <a:t> strategisk rådgivning gennem analyser og “suverænitetstjek”.</a:t>
            </a:r>
          </a:p>
          <a:p>
            <a:endParaRPr lang="da-DK" sz="900" i="1" noProof="0" dirty="0">
              <a:solidFill>
                <a:schemeClr val="tx1"/>
              </a:solidFill>
            </a:endParaRPr>
          </a:p>
        </p:txBody>
      </p:sp>
      <p:grpSp>
        <p:nvGrpSpPr>
          <p:cNvPr id="127" name="Group 126" descr="Oversigt over teknologistakken og hvor casen rammer. Denne case rammer Digital Arbejdsplads og Datadeling og basis software">
            <a:extLst>
              <a:ext uri="{FF2B5EF4-FFF2-40B4-BE49-F238E27FC236}">
                <a16:creationId xmlns:a16="http://schemas.microsoft.com/office/drawing/2014/main" id="{4ECBA3B4-02B6-392F-A389-B500BC461EF4}"/>
              </a:ext>
              <a:ext uri="{C183D7F6-B498-43B3-948B-1728B52AA6E4}">
                <adec:decorative xmlns:adec="http://schemas.microsoft.com/office/drawing/2017/decorative" val="0"/>
              </a:ext>
            </a:extLst>
          </p:cNvPr>
          <p:cNvGrpSpPr/>
          <p:nvPr/>
        </p:nvGrpSpPr>
        <p:grpSpPr>
          <a:xfrm>
            <a:off x="713385" y="4079804"/>
            <a:ext cx="2338961" cy="2232878"/>
            <a:chOff x="713385" y="4086154"/>
            <a:chExt cx="2338961" cy="2232878"/>
          </a:xfrm>
        </p:grpSpPr>
        <p:sp>
          <p:nvSpPr>
            <p:cNvPr id="128" name="Rectangle: Rounded Corners 127">
              <a:extLst>
                <a:ext uri="{FF2B5EF4-FFF2-40B4-BE49-F238E27FC236}">
                  <a16:creationId xmlns:a16="http://schemas.microsoft.com/office/drawing/2014/main" id="{A0E597EF-AFB5-54E2-03EA-6E1B279A78A3}"/>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Digitale løsninger</a:t>
              </a:r>
            </a:p>
          </p:txBody>
        </p:sp>
        <p:sp>
          <p:nvSpPr>
            <p:cNvPr id="129" name="Rectangle: Rounded Corners 128">
              <a:extLst>
                <a:ext uri="{FF2B5EF4-FFF2-40B4-BE49-F238E27FC236}">
                  <a16:creationId xmlns:a16="http://schemas.microsoft.com/office/drawing/2014/main" id="{FF4B8791-C52F-C97F-B53D-BE7AD0A3EFF5}"/>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It-infrastruktur</a:t>
              </a:r>
            </a:p>
          </p:txBody>
        </p:sp>
        <p:sp>
          <p:nvSpPr>
            <p:cNvPr id="130" name="Rectangle 36">
              <a:extLst>
                <a:ext uri="{FF2B5EF4-FFF2-40B4-BE49-F238E27FC236}">
                  <a16:creationId xmlns:a16="http://schemas.microsoft.com/office/drawing/2014/main" id="{1419D312-BF59-D8A3-4421-581E3AB99D21}"/>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AI og digitale services</a:t>
              </a:r>
            </a:p>
          </p:txBody>
        </p:sp>
        <p:sp>
          <p:nvSpPr>
            <p:cNvPr id="131" name="Rectangle 43">
              <a:extLst>
                <a:ext uri="{FF2B5EF4-FFF2-40B4-BE49-F238E27FC236}">
                  <a16:creationId xmlns:a16="http://schemas.microsoft.com/office/drawing/2014/main" id="{23974EBA-7C4C-8939-5756-DC871BFC66EE}"/>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a:solidFill>
                    <a:schemeClr val="bg1"/>
                  </a:solidFill>
                </a:rPr>
                <a:t>Teknologistak</a:t>
              </a:r>
            </a:p>
          </p:txBody>
        </p:sp>
        <p:sp>
          <p:nvSpPr>
            <p:cNvPr id="132" name="Rectangle 36">
              <a:extLst>
                <a:ext uri="{FF2B5EF4-FFF2-40B4-BE49-F238E27FC236}">
                  <a16:creationId xmlns:a16="http://schemas.microsoft.com/office/drawing/2014/main" id="{60968369-E62E-4A79-1237-0E2E4CB6FFA4}"/>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Koncern- og fagsystemer</a:t>
              </a:r>
            </a:p>
          </p:txBody>
        </p:sp>
        <p:sp>
          <p:nvSpPr>
            <p:cNvPr id="133" name="Rectangle 36">
              <a:extLst>
                <a:ext uri="{FF2B5EF4-FFF2-40B4-BE49-F238E27FC236}">
                  <a16:creationId xmlns:a16="http://schemas.microsoft.com/office/drawing/2014/main" id="{4E96E59D-A909-EC9B-7A9B-DBB2D5047DC6}"/>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igital arbejdsplads</a:t>
              </a:r>
            </a:p>
          </p:txBody>
        </p:sp>
        <p:sp>
          <p:nvSpPr>
            <p:cNvPr id="134" name="Rectangle 36">
              <a:extLst>
                <a:ext uri="{FF2B5EF4-FFF2-40B4-BE49-F238E27FC236}">
                  <a16:creationId xmlns:a16="http://schemas.microsoft.com/office/drawing/2014/main" id="{3E670632-0C1E-AD5A-EA8C-4E2E7E49A540}"/>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ikkerhedsløsninger</a:t>
              </a:r>
            </a:p>
          </p:txBody>
        </p:sp>
        <p:sp>
          <p:nvSpPr>
            <p:cNvPr id="135" name="Rectangle 36">
              <a:extLst>
                <a:ext uri="{FF2B5EF4-FFF2-40B4-BE49-F238E27FC236}">
                  <a16:creationId xmlns:a16="http://schemas.microsoft.com/office/drawing/2014/main" id="{43BBDEAC-22C3-5443-EAAA-D3743F8DEDB6}"/>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deling og basis-software</a:t>
              </a:r>
            </a:p>
          </p:txBody>
        </p:sp>
        <p:sp>
          <p:nvSpPr>
            <p:cNvPr id="136" name="Rectangle 36">
              <a:extLst>
                <a:ext uri="{FF2B5EF4-FFF2-40B4-BE49-F238E27FC236}">
                  <a16:creationId xmlns:a16="http://schemas.microsoft.com/office/drawing/2014/main" id="{B7831E2B-466D-8076-6FB1-4C86C706188A}"/>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Cloud-services</a:t>
              </a:r>
            </a:p>
          </p:txBody>
        </p:sp>
        <p:sp>
          <p:nvSpPr>
            <p:cNvPr id="137" name="Rectangle 36">
              <a:extLst>
                <a:ext uri="{FF2B5EF4-FFF2-40B4-BE49-F238E27FC236}">
                  <a16:creationId xmlns:a16="http://schemas.microsoft.com/office/drawing/2014/main" id="{F0B0C2F8-85F8-0239-0F62-876B16BECBCB}"/>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evices og slutbrugerudstyr</a:t>
              </a:r>
            </a:p>
          </p:txBody>
        </p:sp>
        <p:sp>
          <p:nvSpPr>
            <p:cNvPr id="139" name="Rectangle 36">
              <a:extLst>
                <a:ext uri="{FF2B5EF4-FFF2-40B4-BE49-F238E27FC236}">
                  <a16:creationId xmlns:a16="http://schemas.microsoft.com/office/drawing/2014/main" id="{9356BCAE-84FF-68C7-2004-E46F03F141CF}"/>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centerinfrastruktur</a:t>
              </a:r>
            </a:p>
          </p:txBody>
        </p:sp>
        <p:sp>
          <p:nvSpPr>
            <p:cNvPr id="140" name="Rectangle 36">
              <a:extLst>
                <a:ext uri="{FF2B5EF4-FFF2-40B4-BE49-F238E27FC236}">
                  <a16:creationId xmlns:a16="http://schemas.microsoft.com/office/drawing/2014/main" id="{88FB3AC3-39C5-5B3B-6473-8AD8475E3499}"/>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Netværksinfrastruktur</a:t>
              </a:r>
            </a:p>
          </p:txBody>
        </p:sp>
      </p:grpSp>
      <p:sp>
        <p:nvSpPr>
          <p:cNvPr id="3" name="Content Placeholder 5">
            <a:extLst>
              <a:ext uri="{FF2B5EF4-FFF2-40B4-BE49-F238E27FC236}">
                <a16:creationId xmlns:a16="http://schemas.microsoft.com/office/drawing/2014/main" id="{522D8186-56A8-38CC-4D66-E9B210E4A70F}"/>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Karakteristika, gevinster og barrierer</a:t>
            </a:r>
          </a:p>
        </p:txBody>
      </p:sp>
      <p:grpSp>
        <p:nvGrpSpPr>
          <p:cNvPr id="142" name="Group 141" descr="Casen er i drifts fasen">
            <a:extLst>
              <a:ext uri="{FF2B5EF4-FFF2-40B4-BE49-F238E27FC236}">
                <a16:creationId xmlns:a16="http://schemas.microsoft.com/office/drawing/2014/main" id="{D334B4E1-B6E5-A8EE-F013-EF4AC01DF04F}"/>
              </a:ext>
              <a:ext uri="{C183D7F6-B498-43B3-948B-1728B52AA6E4}">
                <adec:decorative xmlns:adec="http://schemas.microsoft.com/office/drawing/2017/decorative" val="0"/>
              </a:ext>
            </a:extLst>
          </p:cNvPr>
          <p:cNvGrpSpPr/>
          <p:nvPr/>
        </p:nvGrpSpPr>
        <p:grpSpPr>
          <a:xfrm>
            <a:off x="6937091" y="1945363"/>
            <a:ext cx="2371002" cy="260416"/>
            <a:chOff x="6937091" y="1945363"/>
            <a:chExt cx="2371002" cy="260416"/>
          </a:xfrm>
        </p:grpSpPr>
        <p:grpSp>
          <p:nvGrpSpPr>
            <p:cNvPr id="143" name="Group 142">
              <a:extLst>
                <a:ext uri="{FF2B5EF4-FFF2-40B4-BE49-F238E27FC236}">
                  <a16:creationId xmlns:a16="http://schemas.microsoft.com/office/drawing/2014/main" id="{284FB42F-AF79-8E87-77C2-4AC6C3CECEB2}"/>
                </a:ext>
              </a:extLst>
            </p:cNvPr>
            <p:cNvGrpSpPr/>
            <p:nvPr/>
          </p:nvGrpSpPr>
          <p:grpSpPr>
            <a:xfrm>
              <a:off x="6937091" y="1945363"/>
              <a:ext cx="2371002" cy="233209"/>
              <a:chOff x="579065" y="3721174"/>
              <a:chExt cx="2371002" cy="233209"/>
            </a:xfrm>
          </p:grpSpPr>
          <p:cxnSp>
            <p:nvCxnSpPr>
              <p:cNvPr id="145" name="Straight Connector 144">
                <a:extLst>
                  <a:ext uri="{FF2B5EF4-FFF2-40B4-BE49-F238E27FC236}">
                    <a16:creationId xmlns:a16="http://schemas.microsoft.com/office/drawing/2014/main" id="{BED6EAA5-3585-AD00-E7A3-D30B725BA545}"/>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146" name="Straight Connector 145">
                <a:extLst>
                  <a:ext uri="{FF2B5EF4-FFF2-40B4-BE49-F238E27FC236}">
                    <a16:creationId xmlns:a16="http://schemas.microsoft.com/office/drawing/2014/main" id="{5023EBAF-9987-7590-C19F-AE7AC0AD9970}"/>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47" name="TextBox 146">
                <a:extLst>
                  <a:ext uri="{FF2B5EF4-FFF2-40B4-BE49-F238E27FC236}">
                    <a16:creationId xmlns:a16="http://schemas.microsoft.com/office/drawing/2014/main" id="{2C886368-69A1-E13A-9348-3A06E6E869CC}"/>
                  </a:ext>
                </a:extLst>
              </p:cNvPr>
              <p:cNvSpPr txBox="1"/>
              <p:nvPr/>
            </p:nvSpPr>
            <p:spPr>
              <a:xfrm>
                <a:off x="579065" y="3723935"/>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dé</a:t>
                </a:r>
              </a:p>
            </p:txBody>
          </p:sp>
          <p:sp>
            <p:nvSpPr>
              <p:cNvPr id="148" name="TextBox 147">
                <a:extLst>
                  <a:ext uri="{FF2B5EF4-FFF2-40B4-BE49-F238E27FC236}">
                    <a16:creationId xmlns:a16="http://schemas.microsoft.com/office/drawing/2014/main" id="{61B0B31D-E5D5-BBE0-7806-BF950994CE21}"/>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Projekt</a:t>
                </a:r>
              </a:p>
            </p:txBody>
          </p:sp>
          <p:sp>
            <p:nvSpPr>
              <p:cNvPr id="149" name="TextBox 148">
                <a:extLst>
                  <a:ext uri="{FF2B5EF4-FFF2-40B4-BE49-F238E27FC236}">
                    <a16:creationId xmlns:a16="http://schemas.microsoft.com/office/drawing/2014/main" id="{10C24F83-6C33-D712-9E3A-7DA8B3AE6B49}"/>
                  </a:ext>
                </a:extLst>
              </p:cNvPr>
              <p:cNvSpPr txBox="1"/>
              <p:nvPr/>
            </p:nvSpPr>
            <p:spPr>
              <a:xfrm>
                <a:off x="1681056" y="3722668"/>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mplementering</a:t>
                </a:r>
              </a:p>
            </p:txBody>
          </p:sp>
          <p:sp>
            <p:nvSpPr>
              <p:cNvPr id="150" name="TextBox 149">
                <a:extLst>
                  <a:ext uri="{FF2B5EF4-FFF2-40B4-BE49-F238E27FC236}">
                    <a16:creationId xmlns:a16="http://schemas.microsoft.com/office/drawing/2014/main" id="{A7A63C35-643A-14F9-6CE1-63023228AD7E}"/>
                  </a:ext>
                </a:extLst>
              </p:cNvPr>
              <p:cNvSpPr txBox="1"/>
              <p:nvPr/>
            </p:nvSpPr>
            <p:spPr>
              <a:xfrm>
                <a:off x="2299837" y="3723935"/>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Drift</a:t>
                </a:r>
              </a:p>
            </p:txBody>
          </p:sp>
          <p:cxnSp>
            <p:nvCxnSpPr>
              <p:cNvPr id="151" name="Straight Connector 150">
                <a:extLst>
                  <a:ext uri="{FF2B5EF4-FFF2-40B4-BE49-F238E27FC236}">
                    <a16:creationId xmlns:a16="http://schemas.microsoft.com/office/drawing/2014/main" id="{9ABD6530-C135-A416-7095-89021F8B9D75}"/>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152" name="Straight Connector 151">
                <a:extLst>
                  <a:ext uri="{FF2B5EF4-FFF2-40B4-BE49-F238E27FC236}">
                    <a16:creationId xmlns:a16="http://schemas.microsoft.com/office/drawing/2014/main" id="{43A7464D-2F07-0AB5-A660-6555D9816929}"/>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153" name="Straight Connector 152">
                <a:extLst>
                  <a:ext uri="{FF2B5EF4-FFF2-40B4-BE49-F238E27FC236}">
                    <a16:creationId xmlns:a16="http://schemas.microsoft.com/office/drawing/2014/main" id="{FF5060F9-6CDA-8BF0-A5A2-8A4D9FB7CC46}"/>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144" name="Oval 143">
              <a:extLst>
                <a:ext uri="{FF2B5EF4-FFF2-40B4-BE49-F238E27FC236}">
                  <a16:creationId xmlns:a16="http://schemas.microsoft.com/office/drawing/2014/main" id="{129747B2-4D94-D6CC-30A6-7D380A00C3F1}"/>
                </a:ext>
              </a:extLst>
            </p:cNvPr>
            <p:cNvSpPr/>
            <p:nvPr/>
          </p:nvSpPr>
          <p:spPr>
            <a:xfrm>
              <a:off x="8919000"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4" name="Rectangle 13">
            <a:extLst>
              <a:ext uri="{FF2B5EF4-FFF2-40B4-BE49-F238E27FC236}">
                <a16:creationId xmlns:a16="http://schemas.microsoft.com/office/drawing/2014/main" id="{3DFFC4E6-647F-C5E7-4D81-DFE0B475B193}"/>
              </a:ext>
            </a:extLst>
          </p:cNvPr>
          <p:cNvSpPr/>
          <p:nvPr/>
        </p:nvSpPr>
        <p:spPr>
          <a:xfrm>
            <a:off x="3408013" y="2146124"/>
            <a:ext cx="5681357"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900" b="1" noProof="0" dirty="0">
                <a:solidFill>
                  <a:srgbClr val="36465A"/>
                </a:solidFill>
              </a:rPr>
              <a:t>Generelle karakteristika</a:t>
            </a:r>
          </a:p>
          <a:p>
            <a:pPr marL="171450" indent="-171450">
              <a:buFont typeface="Wingdings" panose="05000000000000000000" pitchFamily="2" charset="2"/>
              <a:buChar char="Ø"/>
            </a:pPr>
            <a:r>
              <a:rPr lang="da-DK" sz="900" b="1" noProof="0" dirty="0">
                <a:solidFill>
                  <a:schemeClr val="tx1"/>
                </a:solidFill>
              </a:rPr>
              <a:t>Status på projekt: </a:t>
            </a:r>
            <a:r>
              <a:rPr lang="da-DK" sz="900" noProof="0" dirty="0" err="1">
                <a:solidFill>
                  <a:schemeClr val="tx1"/>
                </a:solidFill>
              </a:rPr>
              <a:t>ZenDiS</a:t>
            </a:r>
            <a:r>
              <a:rPr lang="da-DK" sz="900" noProof="0" dirty="0">
                <a:solidFill>
                  <a:schemeClr val="tx1"/>
                </a:solidFill>
              </a:rPr>
              <a:t> blev grundlagt i december 2022 og </a:t>
            </a:r>
            <a:r>
              <a:rPr lang="da-DK" sz="900" noProof="0" dirty="0">
                <a:solidFill>
                  <a:schemeClr val="tx1"/>
                </a:solidFill>
                <a:sym typeface="Wingdings" panose="05000000000000000000" pitchFamily="2" charset="2"/>
              </a:rPr>
              <a:t>fungerer som et nationalt udviklingscenter for digital suverænitet og open source</a:t>
            </a:r>
            <a:r>
              <a:rPr lang="da-DK" sz="900" noProof="0" dirty="0">
                <a:solidFill>
                  <a:schemeClr val="tx1"/>
                </a:solidFill>
              </a:rPr>
              <a:t>. </a:t>
            </a:r>
            <a:r>
              <a:rPr lang="da-DK" sz="900" noProof="0" dirty="0" err="1">
                <a:solidFill>
                  <a:schemeClr val="tx1"/>
                </a:solidFill>
              </a:rPr>
              <a:t>ZenDiS</a:t>
            </a:r>
            <a:r>
              <a:rPr lang="da-DK" sz="900" noProof="0" dirty="0">
                <a:solidFill>
                  <a:schemeClr val="tx1"/>
                </a:solidFill>
              </a:rPr>
              <a:t> har været i drift siden januar 2024.</a:t>
            </a:r>
          </a:p>
          <a:p>
            <a:pPr marL="171450" indent="-171450">
              <a:buFont typeface="Wingdings" panose="05000000000000000000" pitchFamily="2" charset="2"/>
              <a:buChar char="Ø"/>
            </a:pPr>
            <a:r>
              <a:rPr lang="da-DK" sz="900" b="1" noProof="0" dirty="0">
                <a:solidFill>
                  <a:schemeClr val="tx1"/>
                </a:solidFill>
              </a:rPr>
              <a:t>Antal myndigheder/organisationer: </a:t>
            </a:r>
            <a:r>
              <a:rPr lang="da-DK" sz="900" noProof="0" dirty="0" err="1">
                <a:solidFill>
                  <a:schemeClr val="tx1"/>
                </a:solidFill>
              </a:rPr>
              <a:t>ZenDiS</a:t>
            </a:r>
            <a:r>
              <a:rPr lang="da-DK" sz="900" noProof="0" dirty="0">
                <a:solidFill>
                  <a:schemeClr val="tx1"/>
                </a:solidFill>
              </a:rPr>
              <a:t> retter sig mod hele den offentlige sektor i Tyskland samt tilknyttede it-leverandører. Flere aktører som BMI, FITKO, Robert Koch-Institut og BWI/</a:t>
            </a:r>
            <a:r>
              <a:rPr lang="da-DK" sz="900" noProof="0" dirty="0" err="1">
                <a:solidFill>
                  <a:schemeClr val="tx1"/>
                </a:solidFill>
              </a:rPr>
              <a:t>Bundeswehr</a:t>
            </a:r>
            <a:r>
              <a:rPr lang="da-DK" sz="900" noProof="0" dirty="0">
                <a:solidFill>
                  <a:schemeClr val="tx1"/>
                </a:solidFill>
              </a:rPr>
              <a:t>* samarbejder med </a:t>
            </a:r>
            <a:r>
              <a:rPr lang="da-DK" sz="900" noProof="0" dirty="0" err="1">
                <a:solidFill>
                  <a:schemeClr val="tx1"/>
                </a:solidFill>
              </a:rPr>
              <a:t>ZenDiS</a:t>
            </a:r>
            <a:r>
              <a:rPr lang="da-DK" sz="900" noProof="0" dirty="0">
                <a:solidFill>
                  <a:schemeClr val="tx1"/>
                </a:solidFill>
              </a:rPr>
              <a:t> og anvender allerede løsningerne.</a:t>
            </a:r>
          </a:p>
          <a:p>
            <a:pPr marL="171450" indent="-171450">
              <a:buFont typeface="Wingdings" panose="05000000000000000000" pitchFamily="2" charset="2"/>
              <a:buChar char="Ø"/>
            </a:pPr>
            <a:r>
              <a:rPr lang="da-DK" sz="900" b="1" noProof="0" dirty="0">
                <a:solidFill>
                  <a:schemeClr val="tx1"/>
                </a:solidFill>
              </a:rPr>
              <a:t>Geografisk omfang: </a:t>
            </a:r>
            <a:r>
              <a:rPr lang="da-DK" sz="900" noProof="0" dirty="0">
                <a:solidFill>
                  <a:schemeClr val="tx1"/>
                </a:solidFill>
              </a:rPr>
              <a:t>Primært Tyskland, men </a:t>
            </a:r>
            <a:r>
              <a:rPr lang="da-DK" sz="900" noProof="0" dirty="0" err="1">
                <a:solidFill>
                  <a:schemeClr val="tx1"/>
                </a:solidFill>
              </a:rPr>
              <a:t>ZenDiS</a:t>
            </a:r>
            <a:r>
              <a:rPr lang="da-DK" sz="900" noProof="0" dirty="0">
                <a:solidFill>
                  <a:schemeClr val="tx1"/>
                </a:solidFill>
              </a:rPr>
              <a:t> arbejder også i europæiske samarbejder, bl.a. med Frankrigs DINUM og DG Connect i EU’s Digital Commons </a:t>
            </a:r>
            <a:r>
              <a:rPr lang="da-DK" sz="900" noProof="0" dirty="0" err="1">
                <a:solidFill>
                  <a:schemeClr val="tx1"/>
                </a:solidFill>
              </a:rPr>
              <a:t>Consortium</a:t>
            </a:r>
            <a:r>
              <a:rPr lang="da-DK" sz="900" noProof="0" dirty="0">
                <a:solidFill>
                  <a:schemeClr val="tx1"/>
                </a:solidFill>
              </a:rPr>
              <a:t> (DC-EDIC). Målet er at skabe </a:t>
            </a:r>
            <a:r>
              <a:rPr lang="da-DK" sz="900" noProof="0" dirty="0" err="1">
                <a:solidFill>
                  <a:schemeClr val="tx1"/>
                </a:solidFill>
              </a:rPr>
              <a:t>interoperable</a:t>
            </a:r>
            <a:r>
              <a:rPr lang="da-DK" sz="900" noProof="0" dirty="0">
                <a:solidFill>
                  <a:schemeClr val="tx1"/>
                </a:solidFill>
              </a:rPr>
              <a:t> løsninger på tværs af Europa.</a:t>
            </a:r>
          </a:p>
          <a:p>
            <a:pPr marL="171450" indent="-171450">
              <a:buFont typeface="Wingdings" panose="05000000000000000000" pitchFamily="2" charset="2"/>
              <a:buChar char="Ø"/>
            </a:pPr>
            <a:r>
              <a:rPr lang="da-DK" sz="900" b="1" noProof="0" dirty="0">
                <a:solidFill>
                  <a:schemeClr val="tx1"/>
                </a:solidFill>
              </a:rPr>
              <a:t>Antal brugere omfattet: </a:t>
            </a:r>
            <a:r>
              <a:rPr lang="da-DK" sz="900" noProof="0" dirty="0">
                <a:solidFill>
                  <a:schemeClr val="tx1"/>
                </a:solidFill>
              </a:rPr>
              <a:t>Flere tusinde brugere er allerede aktive på </a:t>
            </a:r>
            <a:r>
              <a:rPr lang="da-DK" sz="900" noProof="0" dirty="0" err="1">
                <a:solidFill>
                  <a:schemeClr val="tx1"/>
                </a:solidFill>
              </a:rPr>
              <a:t>openCode</a:t>
            </a:r>
            <a:r>
              <a:rPr lang="da-DK" sz="900" noProof="0" dirty="0">
                <a:solidFill>
                  <a:schemeClr val="tx1"/>
                </a:solidFill>
              </a:rPr>
              <a:t>, og </a:t>
            </a:r>
            <a:r>
              <a:rPr lang="da-DK" sz="900" noProof="0" dirty="0" err="1">
                <a:solidFill>
                  <a:schemeClr val="tx1"/>
                </a:solidFill>
              </a:rPr>
              <a:t>openDesk</a:t>
            </a:r>
            <a:r>
              <a:rPr lang="da-DK" sz="900" noProof="0" dirty="0">
                <a:solidFill>
                  <a:schemeClr val="tx1"/>
                </a:solidFill>
              </a:rPr>
              <a:t> er i udrulning til store dele af den offentlige sektor.</a:t>
            </a:r>
          </a:p>
          <a:p>
            <a:pPr marL="171450" indent="-171450">
              <a:buFont typeface="Wingdings" panose="05000000000000000000" pitchFamily="2" charset="2"/>
              <a:buChar char="Ø"/>
            </a:pPr>
            <a:r>
              <a:rPr lang="da-DK" sz="900" b="1" noProof="0" dirty="0">
                <a:solidFill>
                  <a:schemeClr val="tx1"/>
                </a:solidFill>
              </a:rPr>
              <a:t>Antal systemer berørt: </a:t>
            </a:r>
            <a:r>
              <a:rPr lang="da-DK" sz="900" noProof="0" dirty="0" err="1">
                <a:solidFill>
                  <a:schemeClr val="tx1"/>
                </a:solidFill>
              </a:rPr>
              <a:t>ZenDiS</a:t>
            </a:r>
            <a:r>
              <a:rPr lang="da-DK" sz="900" noProof="0" dirty="0">
                <a:solidFill>
                  <a:schemeClr val="tx1"/>
                </a:solidFill>
              </a:rPr>
              <a:t>’ løsninger erstatter eller supplerer </a:t>
            </a:r>
            <a:r>
              <a:rPr lang="da-DK" sz="900" noProof="0" dirty="0" err="1">
                <a:solidFill>
                  <a:schemeClr val="tx1"/>
                </a:solidFill>
              </a:rPr>
              <a:t>proprietære</a:t>
            </a:r>
            <a:r>
              <a:rPr lang="da-DK" sz="900" noProof="0" dirty="0">
                <a:solidFill>
                  <a:schemeClr val="tx1"/>
                </a:solidFill>
              </a:rPr>
              <a:t> systemer med open source-alternativer. </a:t>
            </a:r>
            <a:r>
              <a:rPr lang="da-DK" sz="900" noProof="0" dirty="0" err="1">
                <a:solidFill>
                  <a:schemeClr val="tx1"/>
                </a:solidFill>
              </a:rPr>
              <a:t>OpenDesk</a:t>
            </a:r>
            <a:r>
              <a:rPr lang="da-DK" sz="900" noProof="0" dirty="0">
                <a:solidFill>
                  <a:schemeClr val="tx1"/>
                </a:solidFill>
              </a:rPr>
              <a:t> integrerer bl.a. Open-</a:t>
            </a:r>
            <a:r>
              <a:rPr lang="da-DK" sz="900" noProof="0" dirty="0" err="1">
                <a:solidFill>
                  <a:schemeClr val="tx1"/>
                </a:solidFill>
              </a:rPr>
              <a:t>Xchange</a:t>
            </a:r>
            <a:r>
              <a:rPr lang="da-DK" sz="900" noProof="0" dirty="0">
                <a:solidFill>
                  <a:schemeClr val="tx1"/>
                </a:solidFill>
              </a:rPr>
              <a:t>, </a:t>
            </a:r>
            <a:r>
              <a:rPr lang="da-DK" sz="900" noProof="0" dirty="0" err="1">
                <a:solidFill>
                  <a:schemeClr val="tx1"/>
                </a:solidFill>
              </a:rPr>
              <a:t>Nextcloud</a:t>
            </a:r>
            <a:r>
              <a:rPr lang="da-DK" sz="900" noProof="0" dirty="0">
                <a:solidFill>
                  <a:schemeClr val="tx1"/>
                </a:solidFill>
              </a:rPr>
              <a:t>, </a:t>
            </a:r>
            <a:r>
              <a:rPr lang="da-DK" sz="900" noProof="0" dirty="0" err="1">
                <a:solidFill>
                  <a:schemeClr val="tx1"/>
                </a:solidFill>
              </a:rPr>
              <a:t>Collabora</a:t>
            </a:r>
            <a:r>
              <a:rPr lang="da-DK" sz="900" noProof="0" dirty="0">
                <a:solidFill>
                  <a:schemeClr val="tx1"/>
                </a:solidFill>
              </a:rPr>
              <a:t>, </a:t>
            </a:r>
            <a:r>
              <a:rPr lang="da-DK" sz="900" noProof="0" dirty="0" err="1">
                <a:solidFill>
                  <a:schemeClr val="tx1"/>
                </a:solidFill>
              </a:rPr>
              <a:t>Jitsi</a:t>
            </a:r>
            <a:r>
              <a:rPr lang="da-DK" sz="900" noProof="0" dirty="0">
                <a:solidFill>
                  <a:schemeClr val="tx1"/>
                </a:solidFill>
              </a:rPr>
              <a:t>, </a:t>
            </a:r>
            <a:r>
              <a:rPr lang="da-DK" sz="900" noProof="0" dirty="0" err="1">
                <a:solidFill>
                  <a:schemeClr val="tx1"/>
                </a:solidFill>
              </a:rPr>
              <a:t>OpenProject</a:t>
            </a:r>
            <a:r>
              <a:rPr lang="da-DK" sz="900" noProof="0" dirty="0">
                <a:solidFill>
                  <a:schemeClr val="tx1"/>
                </a:solidFill>
              </a:rPr>
              <a:t> og </a:t>
            </a:r>
            <a:r>
              <a:rPr lang="da-DK" sz="900" noProof="0" dirty="0" err="1">
                <a:solidFill>
                  <a:schemeClr val="tx1"/>
                </a:solidFill>
              </a:rPr>
              <a:t>XWiki</a:t>
            </a:r>
            <a:r>
              <a:rPr lang="da-DK" sz="900" noProof="0" dirty="0">
                <a:solidFill>
                  <a:schemeClr val="tx1"/>
                </a:solidFill>
              </a:rPr>
              <a:t>, hvilket betyder, at en bred vifte af eksisterende systemer i den offentlige sektor berøres.</a:t>
            </a:r>
            <a:endParaRPr lang="da-DK" sz="900" b="1" noProof="0" dirty="0">
              <a:solidFill>
                <a:schemeClr val="tx1"/>
              </a:solidFill>
            </a:endParaRPr>
          </a:p>
        </p:txBody>
      </p:sp>
      <p:sp>
        <p:nvSpPr>
          <p:cNvPr id="5" name="Content Placeholder 5">
            <a:extLst>
              <a:ext uri="{FF2B5EF4-FFF2-40B4-BE49-F238E27FC236}">
                <a16:creationId xmlns:a16="http://schemas.microsoft.com/office/drawing/2014/main" id="{06B3ED60-7D35-A952-CEC0-D15C9075B570}"/>
              </a:ext>
            </a:extLst>
          </p:cNvPr>
          <p:cNvSpPr txBox="1">
            <a:spLocks/>
          </p:cNvSpPr>
          <p:nvPr/>
        </p:nvSpPr>
        <p:spPr>
          <a:xfrm>
            <a:off x="546369" y="6419192"/>
            <a:ext cx="11456822" cy="21705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R="0" lvl="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700" b="0" i="1" u="none" strike="noStrike" kern="1200" cap="none" spc="0" normalizeH="0" noProof="0">
                <a:ln>
                  <a:noFill/>
                </a:ln>
                <a:solidFill>
                  <a:srgbClr val="000000"/>
                </a:solidFill>
                <a:effectLst/>
                <a:uLnTx/>
                <a:uFillTx/>
                <a:latin typeface="Arial" panose="020B0604020202020204"/>
                <a:ea typeface="+mn-ea"/>
                <a:cs typeface="+mn-cs"/>
              </a:rPr>
              <a:t>*BMI (</a:t>
            </a:r>
            <a:r>
              <a:rPr kumimoji="0" lang="da-DK" sz="700" b="0" i="1" u="none" strike="noStrike" kern="1200" cap="none" spc="0" normalizeH="0" noProof="0" err="1">
                <a:ln>
                  <a:noFill/>
                </a:ln>
                <a:solidFill>
                  <a:srgbClr val="000000"/>
                </a:solidFill>
                <a:effectLst/>
                <a:uLnTx/>
                <a:uFillTx/>
                <a:latin typeface="Arial" panose="020B0604020202020204"/>
                <a:ea typeface="+mn-ea"/>
                <a:cs typeface="+mn-cs"/>
              </a:rPr>
              <a:t>Bundesministerium</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des </a:t>
            </a:r>
            <a:r>
              <a:rPr kumimoji="0" lang="da-DK" sz="700" b="0" i="1" u="none" strike="noStrike" kern="1200" cap="none" spc="0" normalizeH="0" noProof="0" err="1">
                <a:ln>
                  <a:noFill/>
                </a:ln>
                <a:solidFill>
                  <a:srgbClr val="000000"/>
                </a:solidFill>
                <a:effectLst/>
                <a:uLnTx/>
                <a:uFillTx/>
                <a:latin typeface="Arial" panose="020B0604020202020204"/>
                <a:ea typeface="+mn-ea"/>
                <a:cs typeface="+mn-cs"/>
              </a:rPr>
              <a:t>Innern</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und </a:t>
            </a:r>
            <a:r>
              <a:rPr kumimoji="0" lang="da-DK" sz="700" b="0" i="1" u="none" strike="noStrike" kern="1200" cap="none" spc="0" normalizeH="0" noProof="0" err="1">
                <a:ln>
                  <a:noFill/>
                </a:ln>
                <a:solidFill>
                  <a:srgbClr val="000000"/>
                </a:solidFill>
                <a:effectLst/>
                <a:uLnTx/>
                <a:uFillTx/>
                <a:latin typeface="Arial" panose="020B0604020202020204"/>
                <a:ea typeface="+mn-ea"/>
                <a:cs typeface="+mn-cs"/>
              </a:rPr>
              <a:t>für</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a:t>
            </a:r>
            <a:r>
              <a:rPr kumimoji="0" lang="da-DK" sz="700" b="0" i="1" u="none" strike="noStrike" kern="1200" cap="none" spc="0" normalizeH="0" noProof="0" err="1">
                <a:ln>
                  <a:noFill/>
                </a:ln>
                <a:solidFill>
                  <a:srgbClr val="000000"/>
                </a:solidFill>
                <a:effectLst/>
                <a:uLnTx/>
                <a:uFillTx/>
                <a:latin typeface="Arial" panose="020B0604020202020204"/>
                <a:ea typeface="+mn-ea"/>
                <a:cs typeface="+mn-cs"/>
              </a:rPr>
              <a:t>Heimat</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er det føderale indenrigs- og samfundsministerium i Tyskland, FITKO (</a:t>
            </a:r>
            <a:r>
              <a:rPr kumimoji="0" lang="da-DK" sz="700" b="0" i="1" u="none" strike="noStrike" kern="1200" cap="none" spc="0" normalizeH="0" noProof="0" err="1">
                <a:ln>
                  <a:noFill/>
                </a:ln>
                <a:solidFill>
                  <a:srgbClr val="000000"/>
                </a:solidFill>
                <a:effectLst/>
                <a:uLnTx/>
                <a:uFillTx/>
                <a:latin typeface="Arial" panose="020B0604020202020204"/>
                <a:ea typeface="+mn-ea"/>
                <a:cs typeface="+mn-cs"/>
              </a:rPr>
              <a:t>Föderale</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IT-Kooperation) er den offentlige institution for føderale it-samarbejder, Robert Koch-Institut er den biomedicinske ledende forskningsinstitution under den tyske forbundsregering, BWI GmbH er it-udbyderen for </a:t>
            </a:r>
            <a:r>
              <a:rPr kumimoji="0" lang="da-DK" sz="700" b="0" i="1" u="none" strike="noStrike" kern="1200" cap="none" spc="0" normalizeH="0" noProof="0" err="1">
                <a:ln>
                  <a:noFill/>
                </a:ln>
                <a:solidFill>
                  <a:srgbClr val="000000"/>
                </a:solidFill>
                <a:effectLst/>
                <a:uLnTx/>
                <a:uFillTx/>
                <a:latin typeface="Arial" panose="020B0604020202020204"/>
                <a:ea typeface="+mn-ea"/>
                <a:cs typeface="+mn-cs"/>
              </a:rPr>
              <a:t>Bundeswehr</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Tysklands forsvarsområde) og den føderale regering. </a:t>
            </a:r>
          </a:p>
        </p:txBody>
      </p:sp>
      <p:sp>
        <p:nvSpPr>
          <p:cNvPr id="49" name="Isosceles Triangle 48">
            <a:extLst>
              <a:ext uri="{FF2B5EF4-FFF2-40B4-BE49-F238E27FC236}">
                <a16:creationId xmlns:a16="http://schemas.microsoft.com/office/drawing/2014/main" id="{DC71812A-FFB2-E119-B3B2-34FC0CDC62F5}"/>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6" name="Straight Connector 5">
            <a:extLst>
              <a:ext uri="{FF2B5EF4-FFF2-40B4-BE49-F238E27FC236}">
                <a16:creationId xmlns:a16="http://schemas.microsoft.com/office/drawing/2014/main" id="{938EBE88-2332-9E4C-C9D5-331FB0B483FD}"/>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05078C2D-E128-A077-8718-87EE5510C31B}"/>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Gevinster</a:t>
            </a:r>
            <a:r>
              <a:rPr lang="da-DK" sz="900" noProof="0" dirty="0">
                <a:solidFill>
                  <a:srgbClr val="024D78"/>
                </a:solidFill>
              </a:rPr>
              <a:t> </a:t>
            </a:r>
          </a:p>
        </p:txBody>
      </p:sp>
      <p:sp>
        <p:nvSpPr>
          <p:cNvPr id="59" name="Content Placeholder 5">
            <a:extLst>
              <a:ext uri="{FF2B5EF4-FFF2-40B4-BE49-F238E27FC236}">
                <a16:creationId xmlns:a16="http://schemas.microsoft.com/office/drawing/2014/main" id="{2CD811F2-FA9E-A525-1008-4F73DA228938}"/>
              </a:ext>
            </a:extLst>
          </p:cNvPr>
          <p:cNvSpPr txBox="1">
            <a:spLocks/>
          </p:cNvSpPr>
          <p:nvPr/>
        </p:nvSpPr>
        <p:spPr>
          <a:xfrm>
            <a:off x="3484616" y="4592612"/>
            <a:ext cx="2805034" cy="1627845"/>
          </a:xfrm>
          <a:prstGeom prst="rect">
            <a:avLst/>
          </a:prstGeom>
        </p:spPr>
        <p:txBody>
          <a:bodyPr vert="horz" lIns="0" tIns="0" rIns="0" bIns="0" rtlCol="0" anchor="t">
            <a:noAutofit/>
          </a:bodyPr>
          <a:lstStyle>
            <a:defPPr>
              <a:defRPr lang="en-US"/>
            </a:defPPr>
            <a:lvl1pPr marL="171450" indent="-171450" defTabSz="914400" eaLnBrk="0" fontAlgn="base" hangingPunct="0">
              <a:lnSpc>
                <a:spcPct val="100000"/>
              </a:lnSpc>
              <a:spcBef>
                <a:spcPct val="0"/>
              </a:spcBef>
              <a:spcAft>
                <a:spcPct val="0"/>
              </a:spcAft>
              <a:buClrTx/>
              <a:buFont typeface="Wingdings" panose="05000000000000000000" pitchFamily="2" charset="2"/>
              <a:buChar char="Ø"/>
              <a:defRPr sz="900" b="1" cap="none" baseline="0">
                <a:solidFill>
                  <a:srgbClr val="000000"/>
                </a:solidFill>
              </a:defRPr>
            </a:lvl1pPr>
            <a:lvl2pPr marL="0" indent="0" defTabSz="203892">
              <a:lnSpc>
                <a:spcPct val="100000"/>
              </a:lnSpc>
              <a:spcBef>
                <a:spcPts val="0"/>
              </a:spcBef>
              <a:spcAft>
                <a:spcPts val="600"/>
              </a:spcAft>
              <a:buClrTx/>
              <a:buFont typeface="Arial" panose="020B0604020202020204" pitchFamily="34" charset="0"/>
              <a:buNone/>
              <a:defRPr sz="1200" b="1" cap="none" baseline="0">
                <a:solidFill>
                  <a:schemeClr val="accent1"/>
                </a:solidFill>
              </a:defRPr>
            </a:lvl2pPr>
            <a:lvl3pPr marL="0" indent="0" defTabSz="203892">
              <a:lnSpc>
                <a:spcPct val="100000"/>
              </a:lnSpc>
              <a:spcBef>
                <a:spcPts val="0"/>
              </a:spcBef>
              <a:spcAft>
                <a:spcPts val="600"/>
              </a:spcAft>
              <a:buFont typeface="Arial" panose="020B0604020202020204" pitchFamily="34" charset="0"/>
              <a:buNone/>
              <a:defRPr sz="1100">
                <a:solidFill>
                  <a:schemeClr val="accent3"/>
                </a:solidFill>
              </a:defRPr>
            </a:lvl3pPr>
            <a:lvl4pPr marL="180000" indent="-180000" defTabSz="203892">
              <a:lnSpc>
                <a:spcPct val="100000"/>
              </a:lnSpc>
              <a:spcBef>
                <a:spcPts val="0"/>
              </a:spcBef>
              <a:spcAft>
                <a:spcPts val="600"/>
              </a:spcAft>
              <a:buClr>
                <a:srgbClr val="F62B44"/>
              </a:buClr>
              <a:buFont typeface="Arial" panose="020B0604020202020204" pitchFamily="34" charset="0"/>
              <a:buChar char="•"/>
              <a:defRPr sz="1100">
                <a:solidFill>
                  <a:schemeClr val="accent3"/>
                </a:solidFill>
              </a:defRPr>
            </a:lvl4pPr>
            <a:lvl5pPr marL="36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5pPr>
            <a:lvl6pPr marL="54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6pPr>
            <a:lvl7pPr marL="225425" indent="-225425" defTabSz="203892">
              <a:lnSpc>
                <a:spcPct val="100000"/>
              </a:lnSpc>
              <a:spcBef>
                <a:spcPts val="0"/>
              </a:spcBef>
              <a:spcAft>
                <a:spcPts val="600"/>
              </a:spcAft>
              <a:buClr>
                <a:srgbClr val="F62B44"/>
              </a:buClr>
              <a:buFont typeface="+mj-lt"/>
              <a:buAutoNum type="arabicPeriod"/>
              <a:defRPr sz="1100">
                <a:solidFill>
                  <a:schemeClr val="accent3"/>
                </a:solidFill>
              </a:defRPr>
            </a:lvl7pPr>
            <a:lvl8pPr marL="449263" indent="-215900" defTabSz="203892">
              <a:lnSpc>
                <a:spcPct val="100000"/>
              </a:lnSpc>
              <a:spcBef>
                <a:spcPts val="0"/>
              </a:spcBef>
              <a:spcAft>
                <a:spcPts val="600"/>
              </a:spcAft>
              <a:buClr>
                <a:srgbClr val="F62B44"/>
              </a:buClr>
              <a:buFont typeface="+mj-lt"/>
              <a:buAutoNum type="alphaLcParenR"/>
              <a:defRPr sz="1100">
                <a:solidFill>
                  <a:schemeClr val="accent3"/>
                </a:solidFill>
              </a:defRPr>
            </a:lvl8pPr>
            <a:lvl9pPr marL="630238" indent="-180975" defTabSz="203892">
              <a:lnSpc>
                <a:spcPct val="100000"/>
              </a:lnSpc>
              <a:spcBef>
                <a:spcPts val="0"/>
              </a:spcBef>
              <a:spcAft>
                <a:spcPts val="600"/>
              </a:spcAft>
              <a:buClr>
                <a:srgbClr val="F62B44"/>
              </a:buClr>
              <a:buSzPct val="100000"/>
              <a:buFont typeface="+mj-lt"/>
              <a:buAutoNum type="romanLcPeriod"/>
              <a:defRPr sz="1100">
                <a:solidFill>
                  <a:schemeClr val="accent3"/>
                </a:solidFill>
              </a:defRPr>
            </a:lvl9pPr>
          </a:lstStyle>
          <a:p>
            <a:r>
              <a:rPr lang="da-DK" noProof="0" dirty="0"/>
              <a:t>Handlefrihed og innovation: </a:t>
            </a:r>
            <a:r>
              <a:rPr lang="da-DK" b="0" noProof="0" dirty="0"/>
              <a:t>Mindre afhængighed af dominerende it-leverandører og fremme af open source og skaber et økosystem for offentlig innovation.</a:t>
            </a:r>
          </a:p>
          <a:p>
            <a:r>
              <a:rPr lang="da-DK" noProof="0" dirty="0"/>
              <a:t>Styrket position i EU: </a:t>
            </a:r>
            <a:r>
              <a:rPr lang="da-DK" b="0" noProof="0" dirty="0" err="1"/>
              <a:t>ZenDiS</a:t>
            </a:r>
            <a:r>
              <a:rPr lang="da-DK" b="0" noProof="0" dirty="0"/>
              <a:t> styrker Tysklands position i EU’s digitale strategi ved at bidrage til fælles open source-projekter og </a:t>
            </a:r>
            <a:r>
              <a:rPr lang="da-DK" b="0" noProof="0" dirty="0" err="1"/>
              <a:t>interoperabilitet</a:t>
            </a:r>
            <a:r>
              <a:rPr lang="da-DK" b="0" noProof="0" dirty="0"/>
              <a:t> mellem medlemslande.</a:t>
            </a:r>
          </a:p>
          <a:p>
            <a:r>
              <a:rPr lang="da-DK" noProof="0" dirty="0"/>
              <a:t>Lokal økonomi: </a:t>
            </a:r>
            <a:r>
              <a:rPr lang="da-DK" b="0" noProof="0" dirty="0"/>
              <a:t>Styrket lokal økonomi ved at involvere nationale og regionale it-leverandører, og dermed skabes arbejdspladser og kompetencer i hjemlandet.</a:t>
            </a:r>
          </a:p>
        </p:txBody>
      </p:sp>
      <p:sp>
        <p:nvSpPr>
          <p:cNvPr id="23" name="Content Placeholder 5">
            <a:extLst>
              <a:ext uri="{FF2B5EF4-FFF2-40B4-BE49-F238E27FC236}">
                <a16:creationId xmlns:a16="http://schemas.microsoft.com/office/drawing/2014/main" id="{5C797230-0271-62D1-98D6-72CE128A50E2}"/>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Barrierer</a:t>
            </a:r>
          </a:p>
        </p:txBody>
      </p:sp>
      <p:sp>
        <p:nvSpPr>
          <p:cNvPr id="60" name="Content Placeholder 5">
            <a:extLst>
              <a:ext uri="{FF2B5EF4-FFF2-40B4-BE49-F238E27FC236}">
                <a16:creationId xmlns:a16="http://schemas.microsoft.com/office/drawing/2014/main" id="{EF070A51-852A-A84A-43A1-B32A87B0802E}"/>
              </a:ext>
            </a:extLst>
          </p:cNvPr>
          <p:cNvSpPr txBox="1">
            <a:spLocks/>
          </p:cNvSpPr>
          <p:nvPr/>
        </p:nvSpPr>
        <p:spPr>
          <a:xfrm>
            <a:off x="6445567" y="4592612"/>
            <a:ext cx="2757738" cy="163562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ct val="0"/>
              </a:spcAft>
              <a:buFont typeface="Wingdings" panose="05000000000000000000" pitchFamily="2" charset="2"/>
              <a:buChar char="Ø"/>
            </a:pPr>
            <a:r>
              <a:rPr lang="da-DK" sz="900" noProof="0" dirty="0">
                <a:solidFill>
                  <a:srgbClr val="000000"/>
                </a:solidFill>
              </a:rPr>
              <a:t>Kompleksitet i interesseafstemning: </a:t>
            </a:r>
            <a:r>
              <a:rPr lang="da-DK" sz="900" b="0" noProof="0" dirty="0">
                <a:solidFill>
                  <a:srgbClr val="000000"/>
                </a:solidFill>
              </a:rPr>
              <a:t>Det er komplekst og tidskrævende at tilpasse løsningerne fra open source-leverandører til behovene hos brugere i den offentlige sektor og økosystemets overordnede mål. </a:t>
            </a:r>
          </a:p>
          <a:p>
            <a:pPr marL="171450" indent="-171450" defTabSz="914400" eaLnBrk="0" fontAlgn="base" hangingPunct="0">
              <a:spcBef>
                <a:spcPct val="0"/>
              </a:spcBef>
              <a:spcAft>
                <a:spcPct val="0"/>
              </a:spcAft>
              <a:buFont typeface="Wingdings" panose="05000000000000000000" pitchFamily="2" charset="2"/>
              <a:buChar char="Ø"/>
            </a:pPr>
            <a:r>
              <a:rPr lang="da-DK" sz="900" noProof="0" dirty="0" err="1">
                <a:solidFill>
                  <a:srgbClr val="000000"/>
                </a:solidFill>
              </a:rPr>
              <a:t>Initielle</a:t>
            </a:r>
            <a:r>
              <a:rPr lang="da-DK" sz="900" noProof="0" dirty="0">
                <a:solidFill>
                  <a:srgbClr val="000000"/>
                </a:solidFill>
              </a:rPr>
              <a:t> investeringer</a:t>
            </a:r>
            <a:r>
              <a:rPr lang="da-DK" sz="900" b="0" noProof="0" dirty="0">
                <a:solidFill>
                  <a:srgbClr val="000000"/>
                </a:solidFill>
              </a:rPr>
              <a:t>: Selvom open source bidrager til at reducere licensomkostninger på sigt, kræver det betydelige investeringer at bygge reelle alternativer, herunder omkostninger til udvikling, vedligehold, drift og support. </a:t>
            </a:r>
            <a:endParaRPr lang="da-DK" sz="900" b="0" noProof="0" dirty="0">
              <a:solidFill>
                <a:schemeClr val="tx1"/>
              </a:solidFill>
            </a:endParaRPr>
          </a:p>
        </p:txBody>
      </p:sp>
      <p:cxnSp>
        <p:nvCxnSpPr>
          <p:cNvPr id="25" name="Straight Connector 24">
            <a:extLst>
              <a:ext uri="{FF2B5EF4-FFF2-40B4-BE49-F238E27FC236}">
                <a16:creationId xmlns:a16="http://schemas.microsoft.com/office/drawing/2014/main" id="{8FB3BD81-7453-A755-B28E-2746806F0CC3}"/>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75150A1D-751A-F964-BE6B-AD2AF32D60F3}"/>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cxnSp>
        <p:nvCxnSpPr>
          <p:cNvPr id="57" name="Straight Connector 56">
            <a:extLst>
              <a:ext uri="{FF2B5EF4-FFF2-40B4-BE49-F238E27FC236}">
                <a16:creationId xmlns:a16="http://schemas.microsoft.com/office/drawing/2014/main" id="{1E343A7A-8BD8-AA7D-274F-3254778E7605}"/>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81512A8E-6C72-FE5E-C1CE-1DFA96C562C7}"/>
              </a:ext>
              <a:ext uri="{C183D7F6-B498-43B3-948B-1728B52AA6E4}">
                <adec:decorative xmlns:adec="http://schemas.microsoft.com/office/drawing/2017/decorative" val="1"/>
              </a:ext>
            </a:extLst>
          </p:cNvPr>
          <p:cNvCxnSpPr>
            <a:cxnSpLocks/>
          </p:cNvCxnSpPr>
          <p:nvPr/>
        </p:nvCxnSpPr>
        <p:spPr>
          <a:xfrm>
            <a:off x="6585098"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A73FA091-71F3-68E6-0845-3958F90F8C62}"/>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12D4F5E7-ACC7-A79B-5E5E-B3E5A642E725}"/>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18" name="Rectangle 117">
            <a:extLst>
              <a:ext uri="{FF2B5EF4-FFF2-40B4-BE49-F238E27FC236}">
                <a16:creationId xmlns:a16="http://schemas.microsoft.com/office/drawing/2014/main" id="{889DBC73-5A48-93E8-90A4-1A67B5C35A78}"/>
              </a:ext>
              <a:ext uri="{C183D7F6-B498-43B3-948B-1728B52AA6E4}">
                <adec:decorative xmlns:adec="http://schemas.microsoft.com/office/drawing/2017/decorative" val="1"/>
              </a:ext>
            </a:extLst>
          </p:cNvPr>
          <p:cNvSpPr>
            <a:spLocks/>
          </p:cNvSpPr>
          <p:nvPr/>
        </p:nvSpPr>
        <p:spPr>
          <a:xfrm>
            <a:off x="9671602" y="3133785"/>
            <a:ext cx="2257757" cy="38291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6" name="Rectangle 25">
            <a:extLst>
              <a:ext uri="{FF2B5EF4-FFF2-40B4-BE49-F238E27FC236}">
                <a16:creationId xmlns:a16="http://schemas.microsoft.com/office/drawing/2014/main" id="{06074355-D0EB-8B35-7406-83D71E7A4F44}"/>
              </a:ext>
              <a:ext uri="{C183D7F6-B498-43B3-948B-1728B52AA6E4}">
                <adec:decorative xmlns:adec="http://schemas.microsoft.com/office/drawing/2017/decorative" val="1"/>
              </a:ext>
            </a:extLst>
          </p:cNvPr>
          <p:cNvSpPr>
            <a:spLocks/>
          </p:cNvSpPr>
          <p:nvPr/>
        </p:nvSpPr>
        <p:spPr>
          <a:xfrm>
            <a:off x="1065164" y="4969720"/>
            <a:ext cx="1993792" cy="229534"/>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7" name="Rectangle 26">
            <a:extLst>
              <a:ext uri="{FF2B5EF4-FFF2-40B4-BE49-F238E27FC236}">
                <a16:creationId xmlns:a16="http://schemas.microsoft.com/office/drawing/2014/main" id="{26098EF7-D6C0-3EA4-8562-A03BE7D06AA6}"/>
              </a:ext>
              <a:ext uri="{C183D7F6-B498-43B3-948B-1728B52AA6E4}">
                <adec:decorative xmlns:adec="http://schemas.microsoft.com/office/drawing/2017/decorative" val="1"/>
              </a:ext>
            </a:extLst>
          </p:cNvPr>
          <p:cNvSpPr>
            <a:spLocks/>
          </p:cNvSpPr>
          <p:nvPr/>
        </p:nvSpPr>
        <p:spPr>
          <a:xfrm>
            <a:off x="1053582" y="4291708"/>
            <a:ext cx="1999072" cy="442217"/>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cxnSp>
        <p:nvCxnSpPr>
          <p:cNvPr id="141" name="Straight Connector 140">
            <a:extLst>
              <a:ext uri="{FF2B5EF4-FFF2-40B4-BE49-F238E27FC236}">
                <a16:creationId xmlns:a16="http://schemas.microsoft.com/office/drawing/2014/main" id="{FF89E298-16D8-AB9B-BE68-D6E25BB631B3}"/>
              </a:ext>
              <a:ext uri="{C183D7F6-B498-43B3-948B-1728B52AA6E4}">
                <adec:decorative xmlns:adec="http://schemas.microsoft.com/office/drawing/2017/decorative" val="1"/>
              </a:ext>
            </a:extLst>
          </p:cNvPr>
          <p:cNvCxnSpPr>
            <a:cxnSpLocks/>
          </p:cNvCxnSpPr>
          <p:nvPr/>
        </p:nvCxnSpPr>
        <p:spPr>
          <a:xfrm>
            <a:off x="3408176" y="2122972"/>
            <a:ext cx="3493285" cy="16064"/>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154" name="Group 153">
            <a:extLst>
              <a:ext uri="{FF2B5EF4-FFF2-40B4-BE49-F238E27FC236}">
                <a16:creationId xmlns:a16="http://schemas.microsoft.com/office/drawing/2014/main" id="{7DE88493-1121-8CA6-3E91-470402C8B466}"/>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55" name="Rectangle 154">
              <a:extLst>
                <a:ext uri="{FF2B5EF4-FFF2-40B4-BE49-F238E27FC236}">
                  <a16:creationId xmlns:a16="http://schemas.microsoft.com/office/drawing/2014/main" id="{AA1A3B8C-5B1B-EAB8-D30C-0D6E5BC432CD}"/>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56" name="Rectangle 155">
              <a:extLst>
                <a:ext uri="{FF2B5EF4-FFF2-40B4-BE49-F238E27FC236}">
                  <a16:creationId xmlns:a16="http://schemas.microsoft.com/office/drawing/2014/main" id="{1FB51228-8D74-45A8-4E95-AC65CB60D64C}"/>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7" name="Rectangle 6">
            <a:extLst>
              <a:ext uri="{FF2B5EF4-FFF2-40B4-BE49-F238E27FC236}">
                <a16:creationId xmlns:a16="http://schemas.microsoft.com/office/drawing/2014/main" id="{61550644-5D1B-7BA0-6C29-A1528F19897C}"/>
              </a:ext>
              <a:ext uri="{C183D7F6-B498-43B3-948B-1728B52AA6E4}">
                <adec:decorative xmlns:adec="http://schemas.microsoft.com/office/drawing/2017/decorative" val="1"/>
              </a:ext>
            </a:extLst>
          </p:cNvPr>
          <p:cNvSpPr>
            <a:spLocks/>
          </p:cNvSpPr>
          <p:nvPr/>
        </p:nvSpPr>
        <p:spPr>
          <a:xfrm>
            <a:off x="1077340" y="5425691"/>
            <a:ext cx="1977638" cy="898165"/>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8" name="Rectangle 7">
            <a:extLst>
              <a:ext uri="{FF2B5EF4-FFF2-40B4-BE49-F238E27FC236}">
                <a16:creationId xmlns:a16="http://schemas.microsoft.com/office/drawing/2014/main" id="{347939DC-7F41-1091-C084-E3E20F6454FE}"/>
              </a:ext>
              <a:ext uri="{C183D7F6-B498-43B3-948B-1728B52AA6E4}">
                <adec:decorative xmlns:adec="http://schemas.microsoft.com/office/drawing/2017/decorative" val="1"/>
              </a:ext>
            </a:extLst>
          </p:cNvPr>
          <p:cNvSpPr>
            <a:spLocks/>
          </p:cNvSpPr>
          <p:nvPr/>
        </p:nvSpPr>
        <p:spPr>
          <a:xfrm>
            <a:off x="9680595" y="2461314"/>
            <a:ext cx="2257757" cy="38291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grpSp>
        <p:nvGrpSpPr>
          <p:cNvPr id="52" name="Gruppe 51" descr="Casen addresserer virkemidlerne Strategi og organisation, arkitektur og åbne standarder samt alternative løsninger ">
            <a:extLst>
              <a:ext uri="{FF2B5EF4-FFF2-40B4-BE49-F238E27FC236}">
                <a16:creationId xmlns:a16="http://schemas.microsoft.com/office/drawing/2014/main" id="{0C5296CE-D89E-E005-7E03-063A7BC133CE}"/>
              </a:ext>
            </a:extLst>
          </p:cNvPr>
          <p:cNvGrpSpPr/>
          <p:nvPr/>
        </p:nvGrpSpPr>
        <p:grpSpPr>
          <a:xfrm>
            <a:off x="9603525" y="1812067"/>
            <a:ext cx="2399666" cy="2088724"/>
            <a:chOff x="9603525" y="1812067"/>
            <a:chExt cx="2399666" cy="2088724"/>
          </a:xfrm>
        </p:grpSpPr>
        <p:sp>
          <p:nvSpPr>
            <p:cNvPr id="54" name="Content Placeholder 5">
              <a:extLst>
                <a:ext uri="{FF2B5EF4-FFF2-40B4-BE49-F238E27FC236}">
                  <a16:creationId xmlns:a16="http://schemas.microsoft.com/office/drawing/2014/main" id="{9E95FB96-5BC7-084F-FCBE-4BEE344F994B}"/>
                </a:ext>
              </a:extLst>
            </p:cNvPr>
            <p:cNvSpPr txBox="1">
              <a:spLocks/>
            </p:cNvSpPr>
            <p:nvPr/>
          </p:nvSpPr>
          <p:spPr>
            <a:xfrm>
              <a:off x="9725863" y="1870757"/>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Virkemidler</a:t>
              </a:r>
            </a:p>
          </p:txBody>
        </p:sp>
        <p:sp>
          <p:nvSpPr>
            <p:cNvPr id="55" name="Rectangle: Rounded Corners 62">
              <a:extLst>
                <a:ext uri="{FF2B5EF4-FFF2-40B4-BE49-F238E27FC236}">
                  <a16:creationId xmlns:a16="http://schemas.microsoft.com/office/drawing/2014/main" id="{AEA94E2B-8463-C92E-D634-46BF59D179B6}"/>
                </a:ext>
              </a:extLst>
            </p:cNvPr>
            <p:cNvSpPr/>
            <p:nvPr/>
          </p:nvSpPr>
          <p:spPr>
            <a:xfrm>
              <a:off x="9603525" y="1812067"/>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dirty="0">
                <a:ln>
                  <a:noFill/>
                </a:ln>
                <a:solidFill>
                  <a:srgbClr val="A2B3C9"/>
                </a:solidFill>
                <a:effectLst/>
                <a:uLnTx/>
                <a:uFillTx/>
                <a:latin typeface="Arial" panose="020B0604020202020204"/>
                <a:ea typeface="+mn-ea"/>
                <a:cs typeface="+mn-cs"/>
              </a:endParaRPr>
            </a:p>
          </p:txBody>
        </p:sp>
        <p:sp>
          <p:nvSpPr>
            <p:cNvPr id="56" name="Rektangel: afrundede hjørner 10">
              <a:extLst>
                <a:ext uri="{FF2B5EF4-FFF2-40B4-BE49-F238E27FC236}">
                  <a16:creationId xmlns:a16="http://schemas.microsoft.com/office/drawing/2014/main" id="{BD1FACE4-699A-E2B9-D016-549457AE944F}"/>
                </a:ext>
              </a:extLst>
            </p:cNvPr>
            <p:cNvSpPr>
              <a:spLocks/>
            </p:cNvSpPr>
            <p:nvPr/>
          </p:nvSpPr>
          <p:spPr>
            <a:xfrm>
              <a:off x="9715033" y="2160296"/>
              <a:ext cx="2190658" cy="252000"/>
            </a:xfrm>
            <a:prstGeom prst="roundRect">
              <a:avLst>
                <a:gd name="adj" fmla="val 5714"/>
              </a:avLst>
            </a:prstGeom>
            <a:solidFill>
              <a:srgbClr val="B7E5EE"/>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61" name="TextBox 4">
              <a:extLst>
                <a:ext uri="{FF2B5EF4-FFF2-40B4-BE49-F238E27FC236}">
                  <a16:creationId xmlns:a16="http://schemas.microsoft.com/office/drawing/2014/main" id="{EF6A0151-F0D6-3EAE-3BB5-F5B1CCCC7D34}"/>
                </a:ext>
              </a:extLst>
            </p:cNvPr>
            <p:cNvSpPr txBox="1">
              <a:spLocks/>
            </p:cNvSpPr>
            <p:nvPr/>
          </p:nvSpPr>
          <p:spPr>
            <a:xfrm>
              <a:off x="10013065" y="2171242"/>
              <a:ext cx="1955475" cy="230108"/>
            </a:xfrm>
            <a:prstGeom prst="rect">
              <a:avLst/>
            </a:prstGeom>
            <a:noFill/>
          </p:spPr>
          <p:txBody>
            <a:bodyPr wrap="square" lIns="0" rtlCol="0" anchor="ctr">
              <a:noAutofit/>
            </a:bodyPr>
            <a:lstStyle/>
            <a:p>
              <a:r>
                <a:rPr lang="da-DK" sz="700" b="1" noProof="0" dirty="0">
                  <a:solidFill>
                    <a:srgbClr val="024D78"/>
                  </a:solidFill>
                </a:rPr>
                <a:t>01 | Strategi og organisation</a:t>
              </a:r>
            </a:p>
          </p:txBody>
        </p:sp>
        <p:sp>
          <p:nvSpPr>
            <p:cNvPr id="62" name="Rektangel: afrundede hjørner 5">
              <a:extLst>
                <a:ext uri="{FF2B5EF4-FFF2-40B4-BE49-F238E27FC236}">
                  <a16:creationId xmlns:a16="http://schemas.microsoft.com/office/drawing/2014/main" id="{3EA54F23-B93B-3EEF-9524-6023D0A3DEB7}"/>
                </a:ext>
              </a:extLst>
            </p:cNvPr>
            <p:cNvSpPr>
              <a:spLocks/>
            </p:cNvSpPr>
            <p:nvPr/>
          </p:nvSpPr>
          <p:spPr>
            <a:xfrm>
              <a:off x="9714378" y="3208895"/>
              <a:ext cx="2190658" cy="252000"/>
            </a:xfrm>
            <a:prstGeom prst="roundRect">
              <a:avLst>
                <a:gd name="adj" fmla="val 5714"/>
              </a:avLst>
            </a:prstGeom>
            <a:solidFill>
              <a:srgbClr val="B7E5EE">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63" name="Rektangel: afrundede hjørner 9">
              <a:extLst>
                <a:ext uri="{FF2B5EF4-FFF2-40B4-BE49-F238E27FC236}">
                  <a16:creationId xmlns:a16="http://schemas.microsoft.com/office/drawing/2014/main" id="{572B283B-EEBD-91A0-890C-31BAD4249EC0}"/>
                </a:ext>
              </a:extLst>
            </p:cNvPr>
            <p:cNvSpPr>
              <a:spLocks/>
            </p:cNvSpPr>
            <p:nvPr/>
          </p:nvSpPr>
          <p:spPr>
            <a:xfrm>
              <a:off x="9715296" y="2860854"/>
              <a:ext cx="2190193" cy="252000"/>
            </a:xfrm>
            <a:prstGeom prst="roundRect">
              <a:avLst>
                <a:gd name="adj" fmla="val 5714"/>
              </a:avLst>
            </a:prstGeom>
            <a:solidFill>
              <a:srgbClr val="B7E5EE">
                <a:alpha val="50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64" name="Rektangel: afrundede hjørner 39">
              <a:extLst>
                <a:ext uri="{FF2B5EF4-FFF2-40B4-BE49-F238E27FC236}">
                  <a16:creationId xmlns:a16="http://schemas.microsoft.com/office/drawing/2014/main" id="{24DDB5E5-A651-194A-9FAD-19840D6534EA}"/>
                </a:ext>
              </a:extLst>
            </p:cNvPr>
            <p:cNvSpPr>
              <a:spLocks/>
            </p:cNvSpPr>
            <p:nvPr/>
          </p:nvSpPr>
          <p:spPr>
            <a:xfrm>
              <a:off x="9714378" y="2489568"/>
              <a:ext cx="2190193" cy="252000"/>
            </a:xfrm>
            <a:prstGeom prst="roundRect">
              <a:avLst>
                <a:gd name="adj" fmla="val 5714"/>
              </a:avLst>
            </a:prstGeom>
            <a:solidFill>
              <a:srgbClr val="B7E5EE">
                <a:alpha val="7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65" name="Rektangel: afrundede hjørner 39">
              <a:extLst>
                <a:ext uri="{FF2B5EF4-FFF2-40B4-BE49-F238E27FC236}">
                  <a16:creationId xmlns:a16="http://schemas.microsoft.com/office/drawing/2014/main" id="{186C387C-FB00-8828-667E-CC698E858A3C}"/>
                </a:ext>
              </a:extLst>
            </p:cNvPr>
            <p:cNvSpPr>
              <a:spLocks/>
            </p:cNvSpPr>
            <p:nvPr/>
          </p:nvSpPr>
          <p:spPr>
            <a:xfrm>
              <a:off x="9714843" y="3561413"/>
              <a:ext cx="2190193" cy="252000"/>
            </a:xfrm>
            <a:prstGeom prst="roundRect">
              <a:avLst>
                <a:gd name="adj" fmla="val 5714"/>
              </a:avLst>
            </a:prstGeom>
            <a:solidFill>
              <a:srgbClr val="B7E5EE">
                <a:alpha val="1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66" name="TextBox 4">
              <a:extLst>
                <a:ext uri="{FF2B5EF4-FFF2-40B4-BE49-F238E27FC236}">
                  <a16:creationId xmlns:a16="http://schemas.microsoft.com/office/drawing/2014/main" id="{1C83A153-5F23-0C4E-CB85-D8FEF6FBD4F1}"/>
                </a:ext>
              </a:extLst>
            </p:cNvPr>
            <p:cNvSpPr txBox="1">
              <a:spLocks/>
            </p:cNvSpPr>
            <p:nvPr/>
          </p:nvSpPr>
          <p:spPr>
            <a:xfrm>
              <a:off x="10012600" y="3219841"/>
              <a:ext cx="1955475" cy="230108"/>
            </a:xfrm>
            <a:prstGeom prst="rect">
              <a:avLst/>
            </a:prstGeom>
            <a:noFill/>
          </p:spPr>
          <p:txBody>
            <a:bodyPr wrap="square" lIns="0" rtlCol="0" anchor="ctr">
              <a:noAutofit/>
            </a:bodyPr>
            <a:lstStyle/>
            <a:p>
              <a:r>
                <a:rPr lang="da-DK" sz="700" noProof="0" dirty="0">
                  <a:solidFill>
                    <a:srgbClr val="024D78"/>
                  </a:solidFill>
                </a:rPr>
                <a:t>04 | Indkøb, krav og leverandørsamarbejde</a:t>
              </a:r>
            </a:p>
          </p:txBody>
        </p:sp>
        <p:sp>
          <p:nvSpPr>
            <p:cNvPr id="67" name="TextBox 4">
              <a:extLst>
                <a:ext uri="{FF2B5EF4-FFF2-40B4-BE49-F238E27FC236}">
                  <a16:creationId xmlns:a16="http://schemas.microsoft.com/office/drawing/2014/main" id="{B2784678-01B6-CBA3-6B4D-E32D6CBB469F}"/>
                </a:ext>
              </a:extLst>
            </p:cNvPr>
            <p:cNvSpPr txBox="1">
              <a:spLocks/>
            </p:cNvSpPr>
            <p:nvPr/>
          </p:nvSpPr>
          <p:spPr>
            <a:xfrm>
              <a:off x="10013065" y="2871800"/>
              <a:ext cx="1955475" cy="230108"/>
            </a:xfrm>
            <a:prstGeom prst="rect">
              <a:avLst/>
            </a:prstGeom>
            <a:noFill/>
          </p:spPr>
          <p:txBody>
            <a:bodyPr wrap="square" lIns="0" rtlCol="0" anchor="ctr">
              <a:noAutofit/>
            </a:bodyPr>
            <a:lstStyle/>
            <a:p>
              <a:r>
                <a:rPr lang="da-DK" sz="700" b="1" noProof="0" dirty="0">
                  <a:solidFill>
                    <a:srgbClr val="024D78"/>
                  </a:solidFill>
                </a:rPr>
                <a:t>03 | Arkitektur og åbne standarder</a:t>
              </a:r>
            </a:p>
          </p:txBody>
        </p:sp>
        <p:sp>
          <p:nvSpPr>
            <p:cNvPr id="68" name="TextBox 4">
              <a:extLst>
                <a:ext uri="{FF2B5EF4-FFF2-40B4-BE49-F238E27FC236}">
                  <a16:creationId xmlns:a16="http://schemas.microsoft.com/office/drawing/2014/main" id="{71AC152C-F90F-AB7E-8F7D-44F5DC1188B6}"/>
                </a:ext>
              </a:extLst>
            </p:cNvPr>
            <p:cNvSpPr txBox="1">
              <a:spLocks/>
            </p:cNvSpPr>
            <p:nvPr/>
          </p:nvSpPr>
          <p:spPr>
            <a:xfrm>
              <a:off x="10012147" y="2500514"/>
              <a:ext cx="1955475" cy="230108"/>
            </a:xfrm>
            <a:prstGeom prst="rect">
              <a:avLst/>
            </a:prstGeom>
            <a:noFill/>
          </p:spPr>
          <p:txBody>
            <a:bodyPr wrap="square" lIns="0" rtlCol="0" anchor="ctr">
              <a:noAutofit/>
            </a:bodyPr>
            <a:lstStyle/>
            <a:p>
              <a:r>
                <a:rPr lang="da-DK" sz="700" noProof="0" dirty="0">
                  <a:solidFill>
                    <a:srgbClr val="024D78"/>
                  </a:solidFill>
                </a:rPr>
                <a:t>02 | Risikobaseret styring af afhængigheder</a:t>
              </a:r>
            </a:p>
          </p:txBody>
        </p:sp>
        <p:sp>
          <p:nvSpPr>
            <p:cNvPr id="69" name="TextBox 4">
              <a:extLst>
                <a:ext uri="{FF2B5EF4-FFF2-40B4-BE49-F238E27FC236}">
                  <a16:creationId xmlns:a16="http://schemas.microsoft.com/office/drawing/2014/main" id="{9CA92E0E-B087-E371-66E2-BBFFD185F620}"/>
                </a:ext>
              </a:extLst>
            </p:cNvPr>
            <p:cNvSpPr txBox="1">
              <a:spLocks/>
            </p:cNvSpPr>
            <p:nvPr/>
          </p:nvSpPr>
          <p:spPr>
            <a:xfrm>
              <a:off x="10013065" y="3572359"/>
              <a:ext cx="1955475" cy="230108"/>
            </a:xfrm>
            <a:prstGeom prst="rect">
              <a:avLst/>
            </a:prstGeom>
            <a:noFill/>
          </p:spPr>
          <p:txBody>
            <a:bodyPr wrap="square" lIns="0" rtlCol="0" anchor="ctr">
              <a:noAutofit/>
            </a:bodyPr>
            <a:lstStyle/>
            <a:p>
              <a:r>
                <a:rPr lang="da-DK" sz="700" b="1" noProof="0" dirty="0">
                  <a:solidFill>
                    <a:srgbClr val="024D78"/>
                  </a:solidFill>
                </a:rPr>
                <a:t>05 | Alternative løsninger</a:t>
              </a:r>
            </a:p>
          </p:txBody>
        </p:sp>
        <p:sp>
          <p:nvSpPr>
            <p:cNvPr id="70" name="Freeform 7">
              <a:extLst>
                <a:ext uri="{FF2B5EF4-FFF2-40B4-BE49-F238E27FC236}">
                  <a16:creationId xmlns:a16="http://schemas.microsoft.com/office/drawing/2014/main" id="{450F9C1F-6D35-86C4-8618-0B6DB8D42445}"/>
                </a:ext>
              </a:extLst>
            </p:cNvPr>
            <p:cNvSpPr>
              <a:spLocks noEditPoints="1"/>
            </p:cNvSpPr>
            <p:nvPr/>
          </p:nvSpPr>
          <p:spPr bwMode="auto">
            <a:xfrm>
              <a:off x="9787104" y="3249608"/>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71" name="Group 18">
              <a:extLst>
                <a:ext uri="{FF2B5EF4-FFF2-40B4-BE49-F238E27FC236}">
                  <a16:creationId xmlns:a16="http://schemas.microsoft.com/office/drawing/2014/main" id="{7263D095-308F-3E89-8DC7-192DD3A6E405}"/>
                </a:ext>
              </a:extLst>
            </p:cNvPr>
            <p:cNvGrpSpPr/>
            <p:nvPr/>
          </p:nvGrpSpPr>
          <p:grpSpPr>
            <a:xfrm>
              <a:off x="9779042" y="2912075"/>
              <a:ext cx="193946" cy="152578"/>
              <a:chOff x="8675444" y="2927353"/>
              <a:chExt cx="573087" cy="450850"/>
            </a:xfrm>
            <a:solidFill>
              <a:srgbClr val="024D78"/>
            </a:solidFill>
          </p:grpSpPr>
          <p:sp>
            <p:nvSpPr>
              <p:cNvPr id="80" name="Freeform 257">
                <a:extLst>
                  <a:ext uri="{FF2B5EF4-FFF2-40B4-BE49-F238E27FC236}">
                    <a16:creationId xmlns:a16="http://schemas.microsoft.com/office/drawing/2014/main" id="{00FAFB2B-8526-7697-BDF2-2189795BEE86}"/>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81" name="Freeform 258">
                <a:extLst>
                  <a:ext uri="{FF2B5EF4-FFF2-40B4-BE49-F238E27FC236}">
                    <a16:creationId xmlns:a16="http://schemas.microsoft.com/office/drawing/2014/main" id="{D29F422D-291F-635C-6C6C-C6E605E4DD73}"/>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82" name="Freeform 259">
                <a:extLst>
                  <a:ext uri="{FF2B5EF4-FFF2-40B4-BE49-F238E27FC236}">
                    <a16:creationId xmlns:a16="http://schemas.microsoft.com/office/drawing/2014/main" id="{B5BBFB02-E6C3-25A2-4BAF-07DC4B7C8C9F}"/>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72" name="Group 22">
              <a:extLst>
                <a:ext uri="{FF2B5EF4-FFF2-40B4-BE49-F238E27FC236}">
                  <a16:creationId xmlns:a16="http://schemas.microsoft.com/office/drawing/2014/main" id="{FBED1444-E220-737D-A102-BA6E4C5B394F}"/>
                </a:ext>
              </a:extLst>
            </p:cNvPr>
            <p:cNvGrpSpPr/>
            <p:nvPr/>
          </p:nvGrpSpPr>
          <p:grpSpPr>
            <a:xfrm>
              <a:off x="9785703" y="2518430"/>
              <a:ext cx="178788" cy="179199"/>
              <a:chOff x="8695953" y="3768979"/>
              <a:chExt cx="531804" cy="533027"/>
            </a:xfrm>
            <a:solidFill>
              <a:srgbClr val="024D78"/>
            </a:solidFill>
          </p:grpSpPr>
          <p:sp>
            <p:nvSpPr>
              <p:cNvPr id="77" name="Freeform 291">
                <a:extLst>
                  <a:ext uri="{FF2B5EF4-FFF2-40B4-BE49-F238E27FC236}">
                    <a16:creationId xmlns:a16="http://schemas.microsoft.com/office/drawing/2014/main" id="{C8C9BE8A-44F0-0B46-3CDB-A7B57EB290F7}"/>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8" name="Freeform 292">
                <a:extLst>
                  <a:ext uri="{FF2B5EF4-FFF2-40B4-BE49-F238E27FC236}">
                    <a16:creationId xmlns:a16="http://schemas.microsoft.com/office/drawing/2014/main" id="{D4CC45CC-5CE4-B25C-A86C-4FB309B3EB30}"/>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9" name="Freeform 293">
                <a:extLst>
                  <a:ext uri="{FF2B5EF4-FFF2-40B4-BE49-F238E27FC236}">
                    <a16:creationId xmlns:a16="http://schemas.microsoft.com/office/drawing/2014/main" id="{F443CD73-CB7F-9CA8-0C2E-176DD68E637D}"/>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73" name="Freeform 25">
              <a:extLst>
                <a:ext uri="{FF2B5EF4-FFF2-40B4-BE49-F238E27FC236}">
                  <a16:creationId xmlns:a16="http://schemas.microsoft.com/office/drawing/2014/main" id="{F5D923B1-B856-920B-7B57-454708BF7EA5}"/>
                </a:ext>
              </a:extLst>
            </p:cNvPr>
            <p:cNvSpPr>
              <a:spLocks noEditPoints="1"/>
            </p:cNvSpPr>
            <p:nvPr/>
          </p:nvSpPr>
          <p:spPr bwMode="auto">
            <a:xfrm>
              <a:off x="9770631" y="3593353"/>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74" name="Freeform 17">
              <a:extLst>
                <a:ext uri="{FF2B5EF4-FFF2-40B4-BE49-F238E27FC236}">
                  <a16:creationId xmlns:a16="http://schemas.microsoft.com/office/drawing/2014/main" id="{5A779345-3DB2-96F4-59B9-921E8F036A2A}"/>
                </a:ext>
              </a:extLst>
            </p:cNvPr>
            <p:cNvSpPr>
              <a:spLocks noEditPoints="1"/>
            </p:cNvSpPr>
            <p:nvPr/>
          </p:nvSpPr>
          <p:spPr bwMode="auto">
            <a:xfrm>
              <a:off x="9786544" y="2197020"/>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sp>
          <p:nvSpPr>
            <p:cNvPr id="75" name="Rectangle 26">
              <a:extLst>
                <a:ext uri="{FF2B5EF4-FFF2-40B4-BE49-F238E27FC236}">
                  <a16:creationId xmlns:a16="http://schemas.microsoft.com/office/drawing/2014/main" id="{221A43CC-5C1E-C547-4737-5766BB2C38F3}"/>
                </a:ext>
              </a:extLst>
            </p:cNvPr>
            <p:cNvSpPr>
              <a:spLocks/>
            </p:cNvSpPr>
            <p:nvPr/>
          </p:nvSpPr>
          <p:spPr>
            <a:xfrm>
              <a:off x="9660370" y="2449899"/>
              <a:ext cx="2265245" cy="30783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cxnSp>
          <p:nvCxnSpPr>
            <p:cNvPr id="76" name="Straight Connector 64">
              <a:extLst>
                <a:ext uri="{FF2B5EF4-FFF2-40B4-BE49-F238E27FC236}">
                  <a16:creationId xmlns:a16="http://schemas.microsoft.com/office/drawing/2014/main" id="{BF9A5046-D6A4-914C-6EE5-3CDA7D9E7C11}"/>
                </a:ext>
              </a:extLst>
            </p:cNvPr>
            <p:cNvCxnSpPr>
              <a:cxnSpLocks/>
            </p:cNvCxnSpPr>
            <p:nvPr/>
          </p:nvCxnSpPr>
          <p:spPr>
            <a:xfrm>
              <a:off x="9714378" y="2122972"/>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83" name="Rectangle 26">
              <a:extLst>
                <a:ext uri="{FF2B5EF4-FFF2-40B4-BE49-F238E27FC236}">
                  <a16:creationId xmlns:a16="http://schemas.microsoft.com/office/drawing/2014/main" id="{CA0A59BF-E207-0953-EE86-D1D7A1862C50}"/>
                </a:ext>
              </a:extLst>
            </p:cNvPr>
            <p:cNvSpPr>
              <a:spLocks/>
            </p:cNvSpPr>
            <p:nvPr/>
          </p:nvSpPr>
          <p:spPr>
            <a:xfrm>
              <a:off x="9660370" y="3186015"/>
              <a:ext cx="2265245" cy="30783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grpSp>
      <p:sp>
        <p:nvSpPr>
          <p:cNvPr id="29" name="Content Placeholder 5">
            <a:extLst>
              <a:ext uri="{FF2B5EF4-FFF2-40B4-BE49-F238E27FC236}">
                <a16:creationId xmlns:a16="http://schemas.microsoft.com/office/drawing/2014/main" id="{B607420F-11D6-DC6B-739A-EA8BE29DD866}"/>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Nøgleerfaringer og </a:t>
            </a:r>
            <a:r>
              <a:rPr lang="da-DK" sz="1100" noProof="0" dirty="0" err="1">
                <a:solidFill>
                  <a:srgbClr val="36465A"/>
                </a:solidFill>
              </a:rPr>
              <a:t>læringer</a:t>
            </a:r>
            <a:endParaRPr lang="da-DK" sz="1100" noProof="0">
              <a:solidFill>
                <a:srgbClr val="36465A"/>
              </a:solidFill>
            </a:endParaRPr>
          </a:p>
        </p:txBody>
      </p:sp>
      <p:sp>
        <p:nvSpPr>
          <p:cNvPr id="32" name="Content Placeholder 5">
            <a:extLst>
              <a:ext uri="{FF2B5EF4-FFF2-40B4-BE49-F238E27FC236}">
                <a16:creationId xmlns:a16="http://schemas.microsoft.com/office/drawing/2014/main" id="{8755F7BB-BD69-9A78-909E-35E280AC68B0}"/>
              </a:ext>
            </a:extLst>
          </p:cNvPr>
          <p:cNvSpPr txBox="1">
            <a:spLocks/>
          </p:cNvSpPr>
          <p:nvPr/>
        </p:nvSpPr>
        <p:spPr>
          <a:xfrm>
            <a:off x="9656566" y="4346558"/>
            <a:ext cx="2311509" cy="2013142"/>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ct val="0"/>
              </a:spcAft>
              <a:buFont typeface="Wingdings" panose="05000000000000000000" pitchFamily="2" charset="2"/>
              <a:buChar char="ü"/>
            </a:pPr>
            <a:r>
              <a:rPr lang="da-DK" sz="900" noProof="0" dirty="0">
                <a:solidFill>
                  <a:schemeClr val="tx1"/>
                </a:solidFill>
              </a:rPr>
              <a:t>Skab et økosystem, ikke enkeltstående løsninger</a:t>
            </a:r>
            <a:br>
              <a:rPr lang="da-DK" sz="900" noProof="0" dirty="0">
                <a:solidFill>
                  <a:schemeClr val="tx1"/>
                </a:solidFill>
              </a:rPr>
            </a:br>
            <a:r>
              <a:rPr lang="da-DK" sz="900" b="0" noProof="0" dirty="0">
                <a:solidFill>
                  <a:schemeClr val="tx1"/>
                </a:solidFill>
              </a:rPr>
              <a:t>Et økosystem skal være åbent og sikre, at løsningerne er kompatible, </a:t>
            </a:r>
            <a:r>
              <a:rPr lang="da-DK" sz="900" b="0" noProof="0" dirty="0" err="1">
                <a:solidFill>
                  <a:schemeClr val="tx1"/>
                </a:solidFill>
              </a:rPr>
              <a:t>interoperable</a:t>
            </a:r>
            <a:r>
              <a:rPr lang="da-DK" sz="900" b="0" noProof="0" dirty="0">
                <a:solidFill>
                  <a:schemeClr val="tx1"/>
                </a:solidFill>
              </a:rPr>
              <a:t> og skalerbare, så de kan deles og videreudvikles på tværs af organisationer (og på sigt lande). Det fremmer innovation og reducerer risikoen for bindinger.</a:t>
            </a:r>
            <a:endParaRPr lang="da-DK" sz="900" noProof="0" dirty="0">
              <a:solidFill>
                <a:schemeClr val="tx1"/>
              </a:solidFill>
            </a:endParaRPr>
          </a:p>
          <a:p>
            <a:pPr marL="171450" indent="-171450" defTabSz="914400" eaLnBrk="0" fontAlgn="base" hangingPunct="0">
              <a:spcBef>
                <a:spcPct val="0"/>
              </a:spcBef>
              <a:spcAft>
                <a:spcPct val="0"/>
              </a:spcAft>
              <a:buFont typeface="Wingdings" panose="05000000000000000000" pitchFamily="2" charset="2"/>
              <a:buChar char="ü"/>
            </a:pPr>
            <a:r>
              <a:rPr lang="da-DK" sz="900" noProof="0" dirty="0">
                <a:solidFill>
                  <a:schemeClr val="tx1"/>
                </a:solidFill>
                <a:sym typeface="Wingdings" panose="05000000000000000000" pitchFamily="2" charset="2"/>
              </a:rPr>
              <a:t>Kommerciel bæredygtighed og uafhængighed</a:t>
            </a:r>
            <a:br>
              <a:rPr lang="da-DK" sz="900" noProof="0" dirty="0">
                <a:solidFill>
                  <a:schemeClr val="tx1"/>
                </a:solidFill>
                <a:sym typeface="Wingdings" panose="05000000000000000000" pitchFamily="2" charset="2"/>
              </a:rPr>
            </a:br>
            <a:r>
              <a:rPr lang="da-DK" sz="900" b="0" noProof="0" dirty="0">
                <a:solidFill>
                  <a:schemeClr val="tx1"/>
                </a:solidFill>
                <a:sym typeface="Wingdings" panose="05000000000000000000" pitchFamily="2" charset="2"/>
              </a:rPr>
              <a:t>En robust forretningsmodel er afgørende for at sikre </a:t>
            </a:r>
            <a:r>
              <a:rPr lang="da-DK" sz="900" b="0" noProof="0" dirty="0" err="1">
                <a:solidFill>
                  <a:schemeClr val="tx1"/>
                </a:solidFill>
                <a:sym typeface="Wingdings" panose="05000000000000000000" pitchFamily="2" charset="2"/>
              </a:rPr>
              <a:t>ZenDiS</a:t>
            </a:r>
            <a:r>
              <a:rPr lang="da-DK" sz="900" b="0" noProof="0" dirty="0">
                <a:solidFill>
                  <a:schemeClr val="tx1"/>
                </a:solidFill>
                <a:sym typeface="Wingdings" panose="05000000000000000000" pitchFamily="2" charset="2"/>
              </a:rPr>
              <a:t>’ langsigtede succes via en bæredygtig kommerciel platform, der kan drives uden </a:t>
            </a:r>
            <a:r>
              <a:rPr lang="da-DK" sz="900" b="0" noProof="0" dirty="0">
                <a:solidFill>
                  <a:schemeClr val="tx1"/>
                </a:solidFill>
              </a:rPr>
              <a:t>subsidiering.</a:t>
            </a:r>
          </a:p>
          <a:p>
            <a:pPr marL="171450" indent="-171450" defTabSz="914400" eaLnBrk="0" fontAlgn="base" hangingPunct="0">
              <a:spcBef>
                <a:spcPct val="0"/>
              </a:spcBef>
              <a:spcAft>
                <a:spcPct val="0"/>
              </a:spcAft>
              <a:buFont typeface="Wingdings" panose="05000000000000000000" pitchFamily="2" charset="2"/>
              <a:buChar char="ü"/>
            </a:pPr>
            <a:endParaRPr lang="da-DK" sz="900" b="0" noProof="0" dirty="0">
              <a:solidFill>
                <a:srgbClr val="36465A"/>
              </a:solidFill>
              <a:highlight>
                <a:srgbClr val="FFFF00"/>
              </a:highlight>
            </a:endParaRPr>
          </a:p>
          <a:p>
            <a:pPr marL="171450" indent="-171450">
              <a:spcAft>
                <a:spcPts val="300"/>
              </a:spcAft>
              <a:buFont typeface="Arial" panose="020B0604020202020204" pitchFamily="34" charset="0"/>
              <a:buChar char="•"/>
            </a:pPr>
            <a:endParaRPr lang="da-DK" sz="900" noProof="0" dirty="0">
              <a:solidFill>
                <a:schemeClr val="tx1"/>
              </a:solidFill>
            </a:endParaRPr>
          </a:p>
          <a:p>
            <a:pPr marL="171450" indent="-171450">
              <a:spcAft>
                <a:spcPts val="300"/>
              </a:spcAft>
              <a:buFont typeface="Arial" panose="020B0604020202020204" pitchFamily="34" charset="0"/>
              <a:buChar char="•"/>
            </a:pPr>
            <a:endParaRPr lang="da-DK" sz="900" b="0" noProof="0" dirty="0">
              <a:solidFill>
                <a:schemeClr val="tx1"/>
              </a:solidFill>
            </a:endParaRPr>
          </a:p>
        </p:txBody>
      </p:sp>
    </p:spTree>
    <p:extLst>
      <p:ext uri="{BB962C8B-B14F-4D97-AF65-F5344CB8AC3E}">
        <p14:creationId xmlns:p14="http://schemas.microsoft.com/office/powerpoint/2010/main" val="171795858"/>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CCEDB59-D69B-31E9-DA73-4CDB664541D6}"/>
            </a:ext>
          </a:extLst>
        </p:cNvPr>
        <p:cNvGrpSpPr/>
        <p:nvPr/>
      </p:nvGrpSpPr>
      <p:grpSpPr>
        <a:xfrm>
          <a:off x="0" y="0"/>
          <a:ext cx="0" cy="0"/>
          <a:chOff x="0" y="0"/>
          <a:chExt cx="0" cy="0"/>
        </a:xfrm>
      </p:grpSpPr>
      <p:sp>
        <p:nvSpPr>
          <p:cNvPr id="16" name="Rectangle: Rounded Corners 15">
            <a:extLst>
              <a:ext uri="{FF2B5EF4-FFF2-40B4-BE49-F238E27FC236}">
                <a16:creationId xmlns:a16="http://schemas.microsoft.com/office/drawing/2014/main" id="{12CEC1A8-4C7A-9874-FB93-D4524083AFE8}"/>
              </a:ext>
            </a:extLst>
          </p:cNvPr>
          <p:cNvSpPr/>
          <p:nvPr/>
        </p:nvSpPr>
        <p:spPr>
          <a:xfrm>
            <a:off x="169304" y="11734"/>
            <a:ext cx="7263342"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4 | Center for Digital Suverænitet i Offentlig Forvaltning (</a:t>
            </a:r>
            <a:r>
              <a:rPr lang="da-DK" sz="1600" b="1" noProof="0" dirty="0" err="1">
                <a:solidFill>
                  <a:srgbClr val="36465A"/>
                </a:solidFill>
              </a:rPr>
              <a:t>ZenDiS</a:t>
            </a:r>
            <a:r>
              <a:rPr lang="da-DK" sz="1600" b="1" noProof="0" dirty="0">
                <a:solidFill>
                  <a:srgbClr val="36465A"/>
                </a:solidFill>
              </a:rPr>
              <a:t>)</a:t>
            </a:r>
          </a:p>
        </p:txBody>
      </p:sp>
      <p:sp>
        <p:nvSpPr>
          <p:cNvPr id="2" name="Title 1">
            <a:extLst>
              <a:ext uri="{FF2B5EF4-FFF2-40B4-BE49-F238E27FC236}">
                <a16:creationId xmlns:a16="http://schemas.microsoft.com/office/drawing/2014/main" id="{AA880949-7D77-B08F-D2AB-757A405346C7}"/>
              </a:ext>
            </a:extLst>
          </p:cNvPr>
          <p:cNvSpPr>
            <a:spLocks noGrp="1"/>
          </p:cNvSpPr>
          <p:nvPr>
            <p:ph type="title"/>
          </p:nvPr>
        </p:nvSpPr>
        <p:spPr/>
        <p:txBody>
          <a:bodyPr/>
          <a:lstStyle/>
          <a:p>
            <a:r>
              <a:rPr lang="da-DK" sz="2200" noProof="0" dirty="0"/>
              <a:t>Side 2/3 | </a:t>
            </a:r>
            <a:r>
              <a:rPr lang="da-DK" sz="2200" b="1" noProof="0" dirty="0"/>
              <a:t>Formål, baggrund og kontekst</a:t>
            </a:r>
          </a:p>
        </p:txBody>
      </p:sp>
      <p:pic>
        <p:nvPicPr>
          <p:cNvPr id="18" name="Picture 17">
            <a:extLst>
              <a:ext uri="{FF2B5EF4-FFF2-40B4-BE49-F238E27FC236}">
                <a16:creationId xmlns:a16="http://schemas.microsoft.com/office/drawing/2014/main" id="{145A5DBA-228E-869B-6FF4-E49DF037BAFC}"/>
              </a:ext>
              <a:ext uri="{C183D7F6-B498-43B3-948B-1728B52AA6E4}">
                <adec:decorative xmlns:adec="http://schemas.microsoft.com/office/drawing/2017/decorative" val="1"/>
              </a:ext>
            </a:extLst>
          </p:cNvPr>
          <p:cNvPicPr>
            <a:picLocks noChangeAspect="1"/>
          </p:cNvPicPr>
          <p:nvPr/>
        </p:nvPicPr>
        <p:blipFill>
          <a:blip r:embed="rId3"/>
          <a:stretch>
            <a:fillRect/>
          </a:stretch>
        </p:blipFill>
        <p:spPr>
          <a:xfrm>
            <a:off x="10617044" y="56347"/>
            <a:ext cx="1351031" cy="1316741"/>
          </a:xfrm>
          <a:prstGeom prst="rect">
            <a:avLst/>
          </a:prstGeom>
        </p:spPr>
      </p:pic>
      <p:sp>
        <p:nvSpPr>
          <p:cNvPr id="24" name="Rectangle: Rounded Corners 23">
            <a:extLst>
              <a:ext uri="{FF2B5EF4-FFF2-40B4-BE49-F238E27FC236}">
                <a16:creationId xmlns:a16="http://schemas.microsoft.com/office/drawing/2014/main" id="{4029CFF4-CC87-59F6-893E-CD9909F735E9}"/>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0" name="Rectangle: Rounded Corners 9">
            <a:extLst>
              <a:ext uri="{FF2B5EF4-FFF2-40B4-BE49-F238E27FC236}">
                <a16:creationId xmlns:a16="http://schemas.microsoft.com/office/drawing/2014/main" id="{96B4CD3D-BA00-8A50-91EB-C6AF3DDB9D92}"/>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Formål og strategi</a:t>
            </a:r>
            <a:r>
              <a:rPr lang="da-DK" sz="1000" b="1" noProof="0" dirty="0">
                <a:solidFill>
                  <a:srgbClr val="36465A"/>
                </a:solidFill>
              </a:rPr>
              <a:t> </a:t>
            </a:r>
          </a:p>
        </p:txBody>
      </p:sp>
      <p:sp>
        <p:nvSpPr>
          <p:cNvPr id="3" name="Rectangle 2">
            <a:extLst>
              <a:ext uri="{FF2B5EF4-FFF2-40B4-BE49-F238E27FC236}">
                <a16:creationId xmlns:a16="http://schemas.microsoft.com/office/drawing/2014/main" id="{DB885455-70DF-492E-8748-9A909E32A9AC}"/>
              </a:ext>
            </a:extLst>
          </p:cNvPr>
          <p:cNvSpPr/>
          <p:nvPr/>
        </p:nvSpPr>
        <p:spPr>
          <a:xfrm>
            <a:off x="560496" y="2069025"/>
            <a:ext cx="3057561" cy="450595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Formål</a:t>
            </a:r>
          </a:p>
          <a:p>
            <a:r>
              <a:rPr lang="da-DK" sz="900" noProof="0">
                <a:solidFill>
                  <a:schemeClr val="tx1"/>
                </a:solidFill>
                <a:sym typeface="Wingdings" panose="05000000000000000000" pitchFamily="2" charset="2"/>
              </a:rPr>
              <a:t>Formålet med </a:t>
            </a:r>
            <a:r>
              <a:rPr lang="da-DK" sz="900" noProof="0" err="1">
                <a:solidFill>
                  <a:schemeClr val="tx1"/>
                </a:solidFill>
                <a:sym typeface="Wingdings" panose="05000000000000000000" pitchFamily="2" charset="2"/>
              </a:rPr>
              <a:t>ZenDiS</a:t>
            </a:r>
            <a:r>
              <a:rPr lang="da-DK" sz="900" noProof="0">
                <a:solidFill>
                  <a:schemeClr val="tx1"/>
                </a:solidFill>
                <a:sym typeface="Wingdings" panose="05000000000000000000" pitchFamily="2" charset="2"/>
              </a:rPr>
              <a:t> er at sikre øget digital suverænitet i den offentlige sektor. Ved at samle kapabiliteter hos én central aktør skabes koordination, standardisering og stordriftsfordele, som gør det muligt at udvikle fælles open source-løsninger, dele ressourcer og sikre en robust softwareforsyningskæde. </a:t>
            </a:r>
            <a:r>
              <a:rPr lang="da-DK" sz="900" noProof="0" err="1">
                <a:solidFill>
                  <a:schemeClr val="tx1"/>
                </a:solidFill>
                <a:sym typeface="Wingdings" panose="05000000000000000000" pitchFamily="2" charset="2"/>
              </a:rPr>
              <a:t>ZenDiS</a:t>
            </a:r>
            <a:r>
              <a:rPr lang="da-DK" sz="900" noProof="0">
                <a:solidFill>
                  <a:schemeClr val="tx1"/>
                </a:solidFill>
                <a:sym typeface="Wingdings" panose="05000000000000000000" pitchFamily="2" charset="2"/>
              </a:rPr>
              <a:t> skal bidrage til at styrke effektivitet, kvalitet og sikkerhed på tværs af forbund, delstater og kommuner.</a:t>
            </a:r>
          </a:p>
          <a:p>
            <a:endParaRPr lang="da-DK" sz="900" b="1" noProof="0">
              <a:solidFill>
                <a:schemeClr val="tx1"/>
              </a:solidFill>
              <a:sym typeface="Wingdings" panose="05000000000000000000" pitchFamily="2" charset="2"/>
            </a:endParaRPr>
          </a:p>
          <a:p>
            <a:r>
              <a:rPr lang="da-DK" sz="900" b="1" noProof="0">
                <a:solidFill>
                  <a:srgbClr val="36465A"/>
                </a:solidFill>
                <a:sym typeface="Wingdings" panose="05000000000000000000" pitchFamily="2" charset="2"/>
              </a:rPr>
              <a:t>Strategisk ophæng</a:t>
            </a:r>
          </a:p>
          <a:p>
            <a:r>
              <a:rPr lang="da-DK" sz="900" noProof="0" err="1">
                <a:solidFill>
                  <a:schemeClr val="tx1"/>
                </a:solidFill>
                <a:sym typeface="Wingdings" panose="05000000000000000000" pitchFamily="2" charset="2"/>
              </a:rPr>
              <a:t>ZenDiS</a:t>
            </a:r>
            <a:r>
              <a:rPr lang="da-DK" sz="900" noProof="0">
                <a:solidFill>
                  <a:schemeClr val="tx1"/>
                </a:solidFill>
                <a:sym typeface="Wingdings" panose="05000000000000000000" pitchFamily="2" charset="2"/>
              </a:rPr>
              <a:t> er en central del af Tysklands digitale strategi og har et klart mandat fra IT-</a:t>
            </a:r>
            <a:r>
              <a:rPr lang="da-DK" sz="900" noProof="0" err="1">
                <a:solidFill>
                  <a:schemeClr val="tx1"/>
                </a:solidFill>
                <a:sym typeface="Wingdings" panose="05000000000000000000" pitchFamily="2" charset="2"/>
              </a:rPr>
              <a:t>Planungsrat</a:t>
            </a:r>
            <a:r>
              <a:rPr lang="da-DK" sz="900" noProof="0">
                <a:solidFill>
                  <a:schemeClr val="tx1"/>
                </a:solidFill>
                <a:sym typeface="Wingdings" panose="05000000000000000000" pitchFamily="2" charset="2"/>
              </a:rPr>
              <a:t> og det tyske indenrigsministerium (BMI). Strategien bygger på tre hovedsøjler:</a:t>
            </a:r>
          </a:p>
          <a:p>
            <a:pPr marL="171450" indent="-171450">
              <a:buFont typeface="Arial" panose="020B0604020202020204" pitchFamily="34" charset="0"/>
              <a:buChar char="•"/>
            </a:pPr>
            <a:r>
              <a:rPr lang="da-DK" sz="900" b="1" noProof="0">
                <a:solidFill>
                  <a:schemeClr val="tx1"/>
                </a:solidFill>
                <a:sym typeface="Wingdings" panose="05000000000000000000" pitchFamily="2" charset="2"/>
              </a:rPr>
              <a:t>Koordination og udvikling: </a:t>
            </a:r>
            <a:r>
              <a:rPr lang="da-DK" sz="900" noProof="0" err="1">
                <a:solidFill>
                  <a:schemeClr val="tx1"/>
                </a:solidFill>
                <a:sym typeface="Wingdings" panose="05000000000000000000" pitchFamily="2" charset="2"/>
              </a:rPr>
              <a:t>ZenDiS</a:t>
            </a:r>
            <a:r>
              <a:rPr lang="da-DK" sz="900" noProof="0">
                <a:solidFill>
                  <a:schemeClr val="tx1"/>
                </a:solidFill>
                <a:sym typeface="Wingdings" panose="05000000000000000000" pitchFamily="2" charset="2"/>
              </a:rPr>
              <a:t> fungerer som kompetencecenter og koordinerer open source-initiativer i den offentlige sektor. </a:t>
            </a:r>
            <a:r>
              <a:rPr lang="da-DK" sz="900" noProof="0" err="1">
                <a:solidFill>
                  <a:schemeClr val="tx1"/>
                </a:solidFill>
                <a:sym typeface="Wingdings" panose="05000000000000000000" pitchFamily="2" charset="2"/>
              </a:rPr>
              <a:t>ZenDiS</a:t>
            </a:r>
            <a:r>
              <a:rPr lang="da-DK" sz="900" noProof="0">
                <a:solidFill>
                  <a:schemeClr val="tx1"/>
                </a:solidFill>
                <a:sym typeface="Wingdings" panose="05000000000000000000" pitchFamily="2" charset="2"/>
              </a:rPr>
              <a:t> udvikler og leverer OSS-løsninger som </a:t>
            </a:r>
            <a:r>
              <a:rPr lang="da-DK" sz="900" noProof="0" err="1">
                <a:solidFill>
                  <a:schemeClr val="tx1"/>
                </a:solidFill>
                <a:sym typeface="Wingdings" panose="05000000000000000000" pitchFamily="2" charset="2"/>
              </a:rPr>
              <a:t>openDesk</a:t>
            </a:r>
            <a:r>
              <a:rPr lang="da-DK" sz="900" noProof="0">
                <a:solidFill>
                  <a:schemeClr val="tx1"/>
                </a:solidFill>
                <a:sym typeface="Wingdings" panose="05000000000000000000" pitchFamily="2" charset="2"/>
              </a:rPr>
              <a:t> (suveræn digital arbejdsplads) og </a:t>
            </a:r>
            <a:r>
              <a:rPr lang="da-DK" sz="900" noProof="0" err="1">
                <a:solidFill>
                  <a:schemeClr val="tx1"/>
                </a:solidFill>
                <a:sym typeface="Wingdings" panose="05000000000000000000" pitchFamily="2" charset="2"/>
              </a:rPr>
              <a:t>openCode</a:t>
            </a:r>
            <a:r>
              <a:rPr lang="da-DK" sz="900" noProof="0">
                <a:solidFill>
                  <a:schemeClr val="tx1"/>
                </a:solidFill>
                <a:sym typeface="Wingdings" panose="05000000000000000000" pitchFamily="2" charset="2"/>
              </a:rPr>
              <a:t> (fælles kodeplatform), der sikrer </a:t>
            </a:r>
            <a:r>
              <a:rPr lang="da-DK" sz="900" noProof="0" err="1">
                <a:solidFill>
                  <a:schemeClr val="tx1"/>
                </a:solidFill>
                <a:sym typeface="Wingdings" panose="05000000000000000000" pitchFamily="2" charset="2"/>
              </a:rPr>
              <a:t>interoperabilitet</a:t>
            </a:r>
            <a:r>
              <a:rPr lang="da-DK" sz="900" noProof="0">
                <a:solidFill>
                  <a:schemeClr val="tx1"/>
                </a:solidFill>
                <a:sym typeface="Wingdings" panose="05000000000000000000" pitchFamily="2" charset="2"/>
              </a:rPr>
              <a:t> og transparens.</a:t>
            </a:r>
          </a:p>
          <a:p>
            <a:pPr marL="171450" indent="-171450">
              <a:buFont typeface="Arial" panose="020B0604020202020204" pitchFamily="34" charset="0"/>
              <a:buChar char="•"/>
            </a:pPr>
            <a:r>
              <a:rPr lang="da-DK" sz="900" b="1" noProof="0">
                <a:solidFill>
                  <a:schemeClr val="tx1"/>
                </a:solidFill>
                <a:sym typeface="Wingdings" panose="05000000000000000000" pitchFamily="2" charset="2"/>
              </a:rPr>
              <a:t>Netværk og samarbejde: </a:t>
            </a:r>
            <a:r>
              <a:rPr lang="da-DK" sz="900" noProof="0" err="1">
                <a:solidFill>
                  <a:schemeClr val="tx1"/>
                </a:solidFill>
                <a:sym typeface="Wingdings" panose="05000000000000000000" pitchFamily="2" charset="2"/>
              </a:rPr>
              <a:t>ZenDiS</a:t>
            </a:r>
            <a:r>
              <a:rPr lang="da-DK" sz="900" noProof="0">
                <a:solidFill>
                  <a:schemeClr val="tx1"/>
                </a:solidFill>
                <a:sym typeface="Wingdings" panose="05000000000000000000" pitchFamily="2" charset="2"/>
              </a:rPr>
              <a:t> fremmer samarbejde mellem offentlige aktører og private partnere i Tyskland og Europa. </a:t>
            </a:r>
            <a:r>
              <a:rPr lang="da-DK" sz="900" noProof="0" err="1">
                <a:solidFill>
                  <a:schemeClr val="tx1"/>
                </a:solidFill>
                <a:sym typeface="Wingdings" panose="05000000000000000000" pitchFamily="2" charset="2"/>
              </a:rPr>
              <a:t>ZenDiS</a:t>
            </a:r>
            <a:r>
              <a:rPr lang="da-DK" sz="900" noProof="0">
                <a:solidFill>
                  <a:schemeClr val="tx1"/>
                </a:solidFill>
                <a:sym typeface="Wingdings" panose="05000000000000000000" pitchFamily="2" charset="2"/>
              </a:rPr>
              <a:t> deltager aktivt i initiativer som EU Digital Commons </a:t>
            </a:r>
            <a:r>
              <a:rPr lang="da-DK" sz="900" noProof="0" err="1">
                <a:solidFill>
                  <a:schemeClr val="tx1"/>
                </a:solidFill>
                <a:sym typeface="Wingdings" panose="05000000000000000000" pitchFamily="2" charset="2"/>
              </a:rPr>
              <a:t>Consortium</a:t>
            </a:r>
            <a:r>
              <a:rPr lang="da-DK" sz="900" noProof="0">
                <a:solidFill>
                  <a:schemeClr val="tx1"/>
                </a:solidFill>
                <a:sym typeface="Wingdings" panose="05000000000000000000" pitchFamily="2" charset="2"/>
              </a:rPr>
              <a:t> (DC-EDIC) og samarbejder med bl.a. Frankrigs DINUM for at skabe fælles standarder og løsninger.</a:t>
            </a:r>
          </a:p>
          <a:p>
            <a:pPr marL="171450" indent="-171450">
              <a:buFont typeface="Arial" panose="020B0604020202020204" pitchFamily="34" charset="0"/>
              <a:buChar char="•"/>
            </a:pPr>
            <a:r>
              <a:rPr lang="da-DK" sz="900" b="1" noProof="0">
                <a:solidFill>
                  <a:schemeClr val="tx1"/>
                </a:solidFill>
                <a:sym typeface="Wingdings" panose="05000000000000000000" pitchFamily="2" charset="2"/>
              </a:rPr>
              <a:t>Ansvar for nøgleprojekter: </a:t>
            </a:r>
            <a:r>
              <a:rPr lang="da-DK" sz="900" noProof="0" err="1">
                <a:solidFill>
                  <a:schemeClr val="tx1"/>
                </a:solidFill>
                <a:sym typeface="Wingdings" panose="05000000000000000000" pitchFamily="2" charset="2"/>
              </a:rPr>
              <a:t>ZenDiS</a:t>
            </a:r>
            <a:r>
              <a:rPr lang="da-DK" sz="900" noProof="0">
                <a:solidFill>
                  <a:schemeClr val="tx1"/>
                </a:solidFill>
                <a:sym typeface="Wingdings" panose="05000000000000000000" pitchFamily="2" charset="2"/>
              </a:rPr>
              <a:t> driver centrale projekter, der skal reducere kritiske afhængigheder af globale leverandører. </a:t>
            </a:r>
          </a:p>
        </p:txBody>
      </p:sp>
      <p:sp>
        <p:nvSpPr>
          <p:cNvPr id="11" name="Rectangle: Rounded Corners 10">
            <a:extLst>
              <a:ext uri="{FF2B5EF4-FFF2-40B4-BE49-F238E27FC236}">
                <a16:creationId xmlns:a16="http://schemas.microsoft.com/office/drawing/2014/main" id="{2509443F-E4EB-A034-861C-B1D53AC63B74}"/>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Baggrund og kontekst</a:t>
            </a:r>
          </a:p>
        </p:txBody>
      </p:sp>
      <p:sp>
        <p:nvSpPr>
          <p:cNvPr id="5" name="Rectangle 4">
            <a:extLst>
              <a:ext uri="{FF2B5EF4-FFF2-40B4-BE49-F238E27FC236}">
                <a16:creationId xmlns:a16="http://schemas.microsoft.com/office/drawing/2014/main" id="{787E0869-B134-EA4D-9B8A-9FE9840694DB}"/>
              </a:ext>
            </a:extLst>
          </p:cNvPr>
          <p:cNvSpPr/>
          <p:nvPr/>
        </p:nvSpPr>
        <p:spPr>
          <a:xfrm>
            <a:off x="3565419" y="2069025"/>
            <a:ext cx="2954396" cy="45059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rPr>
              <a:t>Baggrund</a:t>
            </a:r>
          </a:p>
          <a:p>
            <a:r>
              <a:rPr lang="da-DK" sz="900" noProof="0" err="1">
                <a:solidFill>
                  <a:schemeClr val="tx1"/>
                </a:solidFill>
              </a:rPr>
              <a:t>ZenDiS</a:t>
            </a:r>
            <a:r>
              <a:rPr lang="da-DK" sz="900" noProof="0">
                <a:solidFill>
                  <a:schemeClr val="tx1"/>
                </a:solidFill>
              </a:rPr>
              <a:t> blev etableret i december 2022 som reaktion på en strategisk analyse bestilt af det tyske indenrigsministerium (BMI) i 2019*. Analysen identificerede omfattende afhængighed af få globale softwareleverandører, hvilket medførte risici som:</a:t>
            </a:r>
          </a:p>
          <a:p>
            <a:pPr marL="171450" indent="-171450">
              <a:buFont typeface="Arial" panose="020B0604020202020204" pitchFamily="34" charset="0"/>
              <a:buChar char="•"/>
            </a:pPr>
            <a:r>
              <a:rPr lang="da-DK" sz="900" noProof="0">
                <a:solidFill>
                  <a:schemeClr val="tx1"/>
                </a:solidFill>
              </a:rPr>
              <a:t>Begrænset informationssikkerhed og kontrol over data</a:t>
            </a:r>
          </a:p>
          <a:p>
            <a:pPr marL="171450" indent="-171450">
              <a:buFont typeface="Arial" panose="020B0604020202020204" pitchFamily="34" charset="0"/>
              <a:buChar char="•"/>
            </a:pPr>
            <a:r>
              <a:rPr lang="da-DK" sz="900" noProof="0">
                <a:solidFill>
                  <a:schemeClr val="tx1"/>
                </a:solidFill>
              </a:rPr>
              <a:t>Retlig og regulatorisk usikkerhed</a:t>
            </a:r>
          </a:p>
          <a:p>
            <a:pPr marL="171450" indent="-171450">
              <a:buFont typeface="Arial" panose="020B0604020202020204" pitchFamily="34" charset="0"/>
              <a:buChar char="•"/>
            </a:pPr>
            <a:r>
              <a:rPr lang="da-DK" sz="900" noProof="0">
                <a:solidFill>
                  <a:schemeClr val="tx1"/>
                </a:solidFill>
              </a:rPr>
              <a:t>Uforudsigelige omkostninger og licensbindinger.</a:t>
            </a:r>
          </a:p>
          <a:p>
            <a:pPr marL="171450" indent="-171450">
              <a:buFont typeface="Arial" panose="020B0604020202020204" pitchFamily="34" charset="0"/>
              <a:buChar char="•"/>
            </a:pPr>
            <a:r>
              <a:rPr lang="da-DK" sz="900" noProof="0">
                <a:solidFill>
                  <a:schemeClr val="tx1"/>
                </a:solidFill>
              </a:rPr>
              <a:t>Manglende fleksibilitet og fremmedstyret innovation</a:t>
            </a:r>
            <a:br>
              <a:rPr lang="da-DK" sz="900" noProof="0">
                <a:solidFill>
                  <a:schemeClr val="tx1"/>
                </a:solidFill>
              </a:rPr>
            </a:br>
            <a:endParaRPr lang="da-DK" sz="900" noProof="0">
              <a:solidFill>
                <a:schemeClr val="tx1"/>
              </a:solidFill>
            </a:endParaRPr>
          </a:p>
          <a:p>
            <a:r>
              <a:rPr lang="da-DK" sz="900" noProof="0">
                <a:solidFill>
                  <a:schemeClr val="tx1"/>
                </a:solidFill>
              </a:rPr>
              <a:t>Analysen anbefalede en fælles organisatorisk enhed til at reducere disse afhængigheder gennem open source-løsninger, standardisering og </a:t>
            </a:r>
            <a:r>
              <a:rPr lang="da-DK" sz="900" noProof="0" err="1">
                <a:solidFill>
                  <a:schemeClr val="tx1"/>
                </a:solidFill>
              </a:rPr>
              <a:t>governance</a:t>
            </a:r>
            <a:r>
              <a:rPr lang="da-DK" sz="900" noProof="0">
                <a:solidFill>
                  <a:schemeClr val="tx1"/>
                </a:solidFill>
              </a:rPr>
              <a:t>-modeller. </a:t>
            </a:r>
            <a:r>
              <a:rPr lang="da-DK" sz="900" noProof="0" err="1">
                <a:solidFill>
                  <a:schemeClr val="tx1"/>
                </a:solidFill>
              </a:rPr>
              <a:t>ZenDiS</a:t>
            </a:r>
            <a:r>
              <a:rPr lang="da-DK" sz="900" noProof="0">
                <a:solidFill>
                  <a:schemeClr val="tx1"/>
                </a:solidFill>
              </a:rPr>
              <a:t> blev oprettet som dette kompetencecenter for at sikre en robust og suveræn digital infrastruktur i den offentlige sektor.</a:t>
            </a:r>
          </a:p>
          <a:p>
            <a:endParaRPr lang="da-DK" sz="900" b="1" noProof="0">
              <a:solidFill>
                <a:schemeClr val="tx1"/>
              </a:solidFill>
            </a:endParaRPr>
          </a:p>
          <a:p>
            <a:r>
              <a:rPr lang="da-DK" sz="900" b="1" noProof="0">
                <a:solidFill>
                  <a:srgbClr val="36465A"/>
                </a:solidFill>
              </a:rPr>
              <a:t>Kontekst</a:t>
            </a:r>
          </a:p>
          <a:p>
            <a:r>
              <a:rPr lang="da-DK" sz="900" noProof="0">
                <a:solidFill>
                  <a:schemeClr val="tx1"/>
                </a:solidFill>
              </a:rPr>
              <a:t>Følgende forhold er vigtige for at forstå konteksten omkring </a:t>
            </a:r>
            <a:r>
              <a:rPr lang="da-DK" sz="900" noProof="0" err="1">
                <a:solidFill>
                  <a:schemeClr val="tx1"/>
                </a:solidFill>
              </a:rPr>
              <a:t>ZenDis</a:t>
            </a:r>
            <a:r>
              <a:rPr lang="da-DK" sz="900" noProof="0">
                <a:solidFill>
                  <a:schemeClr val="tx1"/>
                </a:solidFill>
              </a:rPr>
              <a:t>:</a:t>
            </a:r>
          </a:p>
          <a:p>
            <a:pPr marL="171450" indent="-171450">
              <a:buFont typeface="Arial" panose="020B0604020202020204" pitchFamily="34" charset="0"/>
              <a:buChar char="•"/>
            </a:pPr>
            <a:r>
              <a:rPr lang="da-DK" sz="900" noProof="0">
                <a:solidFill>
                  <a:schemeClr val="tx1"/>
                </a:solidFill>
              </a:rPr>
              <a:t>Tyskland er EU’s største økonomi, men ligger kun midt i feltet, når det gælder digitalisering. Der har derfor været behov for at accelerere en digital udvikling. </a:t>
            </a:r>
          </a:p>
          <a:p>
            <a:pPr marL="171450" indent="-171450">
              <a:buFont typeface="Arial" panose="020B0604020202020204" pitchFamily="34" charset="0"/>
              <a:buChar char="•"/>
            </a:pPr>
            <a:r>
              <a:rPr lang="da-DK" sz="900" noProof="0">
                <a:solidFill>
                  <a:schemeClr val="tx1"/>
                </a:solidFill>
              </a:rPr>
              <a:t>Den offentlige sektor er udpræget decentraliseret, hvilket har ført til fragmenterede digitale løsninger og langsom implementering*. </a:t>
            </a:r>
          </a:p>
          <a:p>
            <a:pPr marL="171450" indent="-171450">
              <a:buFont typeface="Arial" panose="020B0604020202020204" pitchFamily="34" charset="0"/>
              <a:buChar char="•"/>
            </a:pPr>
            <a:r>
              <a:rPr lang="da-DK" sz="900" noProof="0">
                <a:solidFill>
                  <a:schemeClr val="tx1"/>
                </a:solidFill>
              </a:rPr>
              <a:t>Tyskland har en ambition om blive en stærk spiller i udviklingen af nye europæiske digitale alternativer til big </a:t>
            </a:r>
            <a:r>
              <a:rPr lang="da-DK" sz="900" noProof="0" err="1">
                <a:solidFill>
                  <a:schemeClr val="tx1"/>
                </a:solidFill>
              </a:rPr>
              <a:t>tech</a:t>
            </a:r>
            <a:r>
              <a:rPr lang="da-DK" sz="900" noProof="0">
                <a:solidFill>
                  <a:schemeClr val="tx1"/>
                </a:solidFill>
              </a:rPr>
              <a:t>-løsninger. </a:t>
            </a:r>
            <a:endParaRPr lang="da-DK" sz="900" noProof="0">
              <a:solidFill>
                <a:schemeClr val="tx1"/>
              </a:solidFill>
              <a:highlight>
                <a:srgbClr val="FFFF00"/>
              </a:highlight>
            </a:endParaRPr>
          </a:p>
        </p:txBody>
      </p:sp>
      <p:sp>
        <p:nvSpPr>
          <p:cNvPr id="7" name="Rectangle 6">
            <a:extLst>
              <a:ext uri="{FF2B5EF4-FFF2-40B4-BE49-F238E27FC236}">
                <a16:creationId xmlns:a16="http://schemas.microsoft.com/office/drawing/2014/main" id="{88CE6850-06FB-9CF5-1947-937DD642EDD8}"/>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448ADF32-9DE3-5273-963B-964931313C83}"/>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1C1DC67A-860E-2364-3137-5EA20E667E01}"/>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DCAC45BF-ED95-8D6D-944B-2C15535B3C25}"/>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02897075-32A6-7C63-DDA9-A9926C755342}"/>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4" name="Freeform 16">
            <a:extLst>
              <a:ext uri="{FF2B5EF4-FFF2-40B4-BE49-F238E27FC236}">
                <a16:creationId xmlns:a16="http://schemas.microsoft.com/office/drawing/2014/main" id="{B8A0F4F2-93C8-F01C-2389-9665E75A28C9}"/>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34">
            <a:extLst>
              <a:ext uri="{FF2B5EF4-FFF2-40B4-BE49-F238E27FC236}">
                <a16:creationId xmlns:a16="http://schemas.microsoft.com/office/drawing/2014/main" id="{E28EEF4C-ED39-1CD6-2729-6F428344E213}"/>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1" name="TextBox 20">
            <a:extLst>
              <a:ext uri="{FF2B5EF4-FFF2-40B4-BE49-F238E27FC236}">
                <a16:creationId xmlns:a16="http://schemas.microsoft.com/office/drawing/2014/main" id="{62D9DA1E-60D4-B44B-6BD2-2D670642C9D3}"/>
              </a:ext>
            </a:extLst>
          </p:cNvPr>
          <p:cNvSpPr txBox="1"/>
          <p:nvPr/>
        </p:nvSpPr>
        <p:spPr>
          <a:xfrm>
            <a:off x="6649627" y="1741260"/>
            <a:ext cx="4635860" cy="258022"/>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Illustrativ model af </a:t>
            </a:r>
            <a:r>
              <a:rPr lang="da-DK" sz="1100" noProof="0" dirty="0" err="1"/>
              <a:t>ZenDiS</a:t>
            </a:r>
            <a:r>
              <a:rPr lang="da-DK" sz="1100" noProof="0" dirty="0"/>
              <a:t>’ rolle </a:t>
            </a:r>
          </a:p>
        </p:txBody>
      </p:sp>
      <p:grpSp>
        <p:nvGrpSpPr>
          <p:cNvPr id="6" name="Group 5">
            <a:extLst>
              <a:ext uri="{FF2B5EF4-FFF2-40B4-BE49-F238E27FC236}">
                <a16:creationId xmlns:a16="http://schemas.microsoft.com/office/drawing/2014/main" id="{619E8DDF-4EE3-EBC9-92F2-1BFFA551260C}"/>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3" name="Rectangle 12">
              <a:extLst>
                <a:ext uri="{FF2B5EF4-FFF2-40B4-BE49-F238E27FC236}">
                  <a16:creationId xmlns:a16="http://schemas.microsoft.com/office/drawing/2014/main" id="{E4697A57-0E31-0B44-4375-6DF066880FA8}"/>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 name="Rectangle 13">
              <a:extLst>
                <a:ext uri="{FF2B5EF4-FFF2-40B4-BE49-F238E27FC236}">
                  <a16:creationId xmlns:a16="http://schemas.microsoft.com/office/drawing/2014/main" id="{67CBA04B-B140-5F11-3730-BC8808DFC8FA}"/>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grpSp>
        <p:nvGrpSpPr>
          <p:cNvPr id="5179" name="Group 5178">
            <a:extLst>
              <a:ext uri="{FF2B5EF4-FFF2-40B4-BE49-F238E27FC236}">
                <a16:creationId xmlns:a16="http://schemas.microsoft.com/office/drawing/2014/main" id="{B1529212-32A6-D2E0-B23C-168B9F26F430}"/>
              </a:ext>
              <a:ext uri="{C183D7F6-B498-43B3-948B-1728B52AA6E4}">
                <adec:decorative xmlns:adec="http://schemas.microsoft.com/office/drawing/2017/decorative" val="1"/>
              </a:ext>
            </a:extLst>
          </p:cNvPr>
          <p:cNvGrpSpPr/>
          <p:nvPr/>
        </p:nvGrpSpPr>
        <p:grpSpPr>
          <a:xfrm>
            <a:off x="6718640" y="2145865"/>
            <a:ext cx="4571246" cy="3926558"/>
            <a:chOff x="6452769" y="2117493"/>
            <a:chExt cx="4571246" cy="3926558"/>
          </a:xfrm>
        </p:grpSpPr>
        <p:grpSp>
          <p:nvGrpSpPr>
            <p:cNvPr id="5177" name="Group 5176">
              <a:extLst>
                <a:ext uri="{FF2B5EF4-FFF2-40B4-BE49-F238E27FC236}">
                  <a16:creationId xmlns:a16="http://schemas.microsoft.com/office/drawing/2014/main" id="{69268899-8A58-F725-A625-5A2C638A4B5B}"/>
                </a:ext>
              </a:extLst>
            </p:cNvPr>
            <p:cNvGrpSpPr/>
            <p:nvPr/>
          </p:nvGrpSpPr>
          <p:grpSpPr>
            <a:xfrm>
              <a:off x="6452769" y="5184813"/>
              <a:ext cx="1645978" cy="859238"/>
              <a:chOff x="6452769" y="5184813"/>
              <a:chExt cx="1645978" cy="859238"/>
            </a:xfrm>
          </p:grpSpPr>
          <p:cxnSp>
            <p:nvCxnSpPr>
              <p:cNvPr id="123" name="Connector: Elbow 122">
                <a:extLst>
                  <a:ext uri="{FF2B5EF4-FFF2-40B4-BE49-F238E27FC236}">
                    <a16:creationId xmlns:a16="http://schemas.microsoft.com/office/drawing/2014/main" id="{81CA4418-FD5A-9D8B-1D67-C75357319ABC}"/>
                  </a:ext>
                </a:extLst>
              </p:cNvPr>
              <p:cNvCxnSpPr>
                <a:cxnSpLocks/>
                <a:stCxn id="38" idx="2"/>
              </p:cNvCxnSpPr>
              <p:nvPr/>
            </p:nvCxnSpPr>
            <p:spPr>
              <a:xfrm rot="5400000">
                <a:off x="7879932" y="5209134"/>
                <a:ext cx="243136" cy="194494"/>
              </a:xfrm>
              <a:prstGeom prst="bentConnector3">
                <a:avLst>
                  <a:gd name="adj1" fmla="val 99949"/>
                </a:avLst>
              </a:prstGeom>
              <a:ln>
                <a:solidFill>
                  <a:srgbClr val="06DAC6"/>
                </a:solidFill>
                <a:prstDash val="dash"/>
                <a:tailEnd type="diamond" w="sm" len="sm"/>
              </a:ln>
            </p:spPr>
            <p:style>
              <a:lnRef idx="1">
                <a:schemeClr val="accent1"/>
              </a:lnRef>
              <a:fillRef idx="0">
                <a:schemeClr val="accent1"/>
              </a:fillRef>
              <a:effectRef idx="0">
                <a:schemeClr val="accent1"/>
              </a:effectRef>
              <a:fontRef idx="minor">
                <a:schemeClr val="tx1"/>
              </a:fontRef>
            </p:style>
          </p:cxnSp>
          <p:cxnSp>
            <p:nvCxnSpPr>
              <p:cNvPr id="127" name="Connector: Elbow 126">
                <a:extLst>
                  <a:ext uri="{FF2B5EF4-FFF2-40B4-BE49-F238E27FC236}">
                    <a16:creationId xmlns:a16="http://schemas.microsoft.com/office/drawing/2014/main" id="{D920A22C-952C-1F3F-F894-70BDE124151F}"/>
                  </a:ext>
                </a:extLst>
              </p:cNvPr>
              <p:cNvCxnSpPr>
                <a:cxnSpLocks/>
              </p:cNvCxnSpPr>
              <p:nvPr/>
            </p:nvCxnSpPr>
            <p:spPr>
              <a:xfrm rot="5400000">
                <a:off x="7570022" y="5494965"/>
                <a:ext cx="401248" cy="267213"/>
              </a:xfrm>
              <a:prstGeom prst="bentConnector2">
                <a:avLst/>
              </a:prstGeom>
              <a:ln>
                <a:solidFill>
                  <a:srgbClr val="06DAC6"/>
                </a:solidFill>
                <a:prstDash val="dash"/>
                <a:tailEnd type="diamond" w="sm" len="sm"/>
              </a:ln>
            </p:spPr>
            <p:style>
              <a:lnRef idx="1">
                <a:schemeClr val="accent1"/>
              </a:lnRef>
              <a:fillRef idx="0">
                <a:schemeClr val="accent1"/>
              </a:fillRef>
              <a:effectRef idx="0">
                <a:schemeClr val="accent1"/>
              </a:effectRef>
              <a:fontRef idx="minor">
                <a:schemeClr val="tx1"/>
              </a:fontRef>
            </p:style>
          </p:cxnSp>
          <p:sp>
            <p:nvSpPr>
              <p:cNvPr id="5143" name="TextBox 5142">
                <a:extLst>
                  <a:ext uri="{FF2B5EF4-FFF2-40B4-BE49-F238E27FC236}">
                    <a16:creationId xmlns:a16="http://schemas.microsoft.com/office/drawing/2014/main" id="{AB60D5FD-25D8-077C-3498-A91A82914643}"/>
                  </a:ext>
                </a:extLst>
              </p:cNvPr>
              <p:cNvSpPr txBox="1"/>
              <p:nvPr/>
            </p:nvSpPr>
            <p:spPr>
              <a:xfrm>
                <a:off x="6452769" y="5296403"/>
                <a:ext cx="1509593" cy="347552"/>
              </a:xfrm>
              <a:prstGeom prst="rect">
                <a:avLst/>
              </a:prstGeom>
              <a:noFill/>
            </p:spPr>
            <p:txBody>
              <a:bodyPr wrap="square" rtlCol="0">
                <a:noAutofit/>
              </a:bodyPr>
              <a:lstStyle/>
              <a:p>
                <a:pPr algn="r"/>
                <a:r>
                  <a:rPr lang="da-DK" sz="1100" noProof="0" dirty="0">
                    <a:solidFill>
                      <a:srgbClr val="06DAC6"/>
                    </a:solidFill>
                  </a:rPr>
                  <a:t>160.000</a:t>
                </a:r>
                <a:br>
                  <a:rPr lang="da-DK" sz="1100" noProof="0" dirty="0">
                    <a:solidFill>
                      <a:srgbClr val="06DAC6"/>
                    </a:solidFill>
                  </a:rPr>
                </a:br>
                <a:r>
                  <a:rPr lang="da-DK" sz="1100" i="1" noProof="0" dirty="0">
                    <a:solidFill>
                      <a:srgbClr val="36465A"/>
                    </a:solidFill>
                  </a:rPr>
                  <a:t>registrerede brugere</a:t>
                </a:r>
              </a:p>
            </p:txBody>
          </p:sp>
          <p:sp>
            <p:nvSpPr>
              <p:cNvPr id="5144" name="TextBox 5143">
                <a:extLst>
                  <a:ext uri="{FF2B5EF4-FFF2-40B4-BE49-F238E27FC236}">
                    <a16:creationId xmlns:a16="http://schemas.microsoft.com/office/drawing/2014/main" id="{48F0A0E0-E9DF-2525-3E37-8992AE863522}"/>
                  </a:ext>
                </a:extLst>
              </p:cNvPr>
              <p:cNvSpPr txBox="1"/>
              <p:nvPr/>
            </p:nvSpPr>
            <p:spPr>
              <a:xfrm>
                <a:off x="6452769" y="5696499"/>
                <a:ext cx="1243802" cy="347552"/>
              </a:xfrm>
              <a:prstGeom prst="rect">
                <a:avLst/>
              </a:prstGeom>
              <a:noFill/>
            </p:spPr>
            <p:txBody>
              <a:bodyPr wrap="square" rtlCol="0">
                <a:noAutofit/>
              </a:bodyPr>
              <a:lstStyle/>
              <a:p>
                <a:pPr algn="r"/>
                <a:r>
                  <a:rPr lang="da-DK" sz="1100" noProof="0" dirty="0">
                    <a:solidFill>
                      <a:srgbClr val="06DAC6"/>
                    </a:solidFill>
                  </a:rPr>
                  <a:t>Næsten 100.000</a:t>
                </a:r>
                <a:r>
                  <a:rPr lang="da-DK" sz="1100" noProof="0" dirty="0"/>
                  <a:t> </a:t>
                </a:r>
              </a:p>
              <a:p>
                <a:pPr algn="r"/>
                <a:r>
                  <a:rPr lang="da-DK" sz="1100" i="1" noProof="0" dirty="0">
                    <a:solidFill>
                      <a:srgbClr val="36465A"/>
                    </a:solidFill>
                  </a:rPr>
                  <a:t>aktive brugere</a:t>
                </a:r>
              </a:p>
            </p:txBody>
          </p:sp>
        </p:grpSp>
        <p:grpSp>
          <p:nvGrpSpPr>
            <p:cNvPr id="5176" name="Group 5175">
              <a:extLst>
                <a:ext uri="{FF2B5EF4-FFF2-40B4-BE49-F238E27FC236}">
                  <a16:creationId xmlns:a16="http://schemas.microsoft.com/office/drawing/2014/main" id="{ED61A3CB-1AF4-0913-A78E-87BFB4A7AA6F}"/>
                </a:ext>
              </a:extLst>
            </p:cNvPr>
            <p:cNvGrpSpPr/>
            <p:nvPr/>
          </p:nvGrpSpPr>
          <p:grpSpPr>
            <a:xfrm>
              <a:off x="9303417" y="5184813"/>
              <a:ext cx="1169626" cy="858011"/>
              <a:chOff x="9303417" y="5184813"/>
              <a:chExt cx="1169626" cy="858011"/>
            </a:xfrm>
          </p:grpSpPr>
          <p:cxnSp>
            <p:nvCxnSpPr>
              <p:cNvPr id="5155" name="Connector: Elbow 5154">
                <a:extLst>
                  <a:ext uri="{FF2B5EF4-FFF2-40B4-BE49-F238E27FC236}">
                    <a16:creationId xmlns:a16="http://schemas.microsoft.com/office/drawing/2014/main" id="{7E6AFC7A-E76A-059E-151A-8BA41EE7F4ED}"/>
                  </a:ext>
                </a:extLst>
              </p:cNvPr>
              <p:cNvCxnSpPr>
                <a:cxnSpLocks/>
              </p:cNvCxnSpPr>
              <p:nvPr/>
            </p:nvCxnSpPr>
            <p:spPr>
              <a:xfrm rot="16200000" flipH="1">
                <a:off x="9280481" y="5209134"/>
                <a:ext cx="243136" cy="194494"/>
              </a:xfrm>
              <a:prstGeom prst="bentConnector3">
                <a:avLst>
                  <a:gd name="adj1" fmla="val 99949"/>
                </a:avLst>
              </a:prstGeom>
              <a:ln>
                <a:solidFill>
                  <a:srgbClr val="06DAC6"/>
                </a:solidFill>
                <a:prstDash val="dash"/>
                <a:tailEnd type="diamond" w="sm" len="sm"/>
              </a:ln>
            </p:spPr>
            <p:style>
              <a:lnRef idx="1">
                <a:schemeClr val="accent1"/>
              </a:lnRef>
              <a:fillRef idx="0">
                <a:schemeClr val="accent1"/>
              </a:fillRef>
              <a:effectRef idx="0">
                <a:schemeClr val="accent1"/>
              </a:effectRef>
              <a:fontRef idx="minor">
                <a:schemeClr val="tx1"/>
              </a:fontRef>
            </p:style>
          </p:cxnSp>
          <p:cxnSp>
            <p:nvCxnSpPr>
              <p:cNvPr id="5156" name="Connector: Elbow 5155">
                <a:extLst>
                  <a:ext uri="{FF2B5EF4-FFF2-40B4-BE49-F238E27FC236}">
                    <a16:creationId xmlns:a16="http://schemas.microsoft.com/office/drawing/2014/main" id="{3C03499C-3441-BF0B-B0A0-67C09FAA7EC1}"/>
                  </a:ext>
                </a:extLst>
              </p:cNvPr>
              <p:cNvCxnSpPr>
                <a:cxnSpLocks/>
                <a:stCxn id="51" idx="2"/>
              </p:cNvCxnSpPr>
              <p:nvPr/>
            </p:nvCxnSpPr>
            <p:spPr>
              <a:xfrm rot="16200000" flipH="1">
                <a:off x="9080778" y="5407452"/>
                <a:ext cx="641156" cy="195878"/>
              </a:xfrm>
              <a:prstGeom prst="bentConnector3">
                <a:avLst>
                  <a:gd name="adj1" fmla="val 100139"/>
                </a:avLst>
              </a:prstGeom>
              <a:ln>
                <a:solidFill>
                  <a:srgbClr val="06DAC6"/>
                </a:solidFill>
                <a:prstDash val="dash"/>
                <a:tailEnd type="diamond" w="sm" len="sm"/>
              </a:ln>
            </p:spPr>
            <p:style>
              <a:lnRef idx="1">
                <a:schemeClr val="accent1"/>
              </a:lnRef>
              <a:fillRef idx="0">
                <a:schemeClr val="accent1"/>
              </a:fillRef>
              <a:effectRef idx="0">
                <a:schemeClr val="accent1"/>
              </a:effectRef>
              <a:fontRef idx="minor">
                <a:schemeClr val="tx1"/>
              </a:fontRef>
            </p:style>
          </p:cxnSp>
          <p:sp>
            <p:nvSpPr>
              <p:cNvPr id="5157" name="TextBox 5156">
                <a:extLst>
                  <a:ext uri="{FF2B5EF4-FFF2-40B4-BE49-F238E27FC236}">
                    <a16:creationId xmlns:a16="http://schemas.microsoft.com/office/drawing/2014/main" id="{60338522-BFD0-B32A-7822-845D44399A9F}"/>
                  </a:ext>
                </a:extLst>
              </p:cNvPr>
              <p:cNvSpPr txBox="1"/>
              <p:nvPr/>
            </p:nvSpPr>
            <p:spPr>
              <a:xfrm flipH="1">
                <a:off x="9441187" y="5296403"/>
                <a:ext cx="1031856" cy="347552"/>
              </a:xfrm>
              <a:prstGeom prst="rect">
                <a:avLst/>
              </a:prstGeom>
              <a:noFill/>
            </p:spPr>
            <p:txBody>
              <a:bodyPr wrap="square" rtlCol="0">
                <a:noAutofit/>
              </a:bodyPr>
              <a:lstStyle/>
              <a:p>
                <a:r>
                  <a:rPr lang="da-DK" sz="1100" noProof="0" dirty="0">
                    <a:solidFill>
                      <a:srgbClr val="06DAC6"/>
                    </a:solidFill>
                  </a:rPr>
                  <a:t>+10.000</a:t>
                </a:r>
              </a:p>
              <a:p>
                <a:r>
                  <a:rPr lang="da-DK" sz="1100" i="1" noProof="0" dirty="0">
                    <a:solidFill>
                      <a:srgbClr val="36465A"/>
                    </a:solidFill>
                  </a:rPr>
                  <a:t> brugere</a:t>
                </a:r>
              </a:p>
            </p:txBody>
          </p:sp>
          <p:sp>
            <p:nvSpPr>
              <p:cNvPr id="5158" name="TextBox 5157">
                <a:extLst>
                  <a:ext uri="{FF2B5EF4-FFF2-40B4-BE49-F238E27FC236}">
                    <a16:creationId xmlns:a16="http://schemas.microsoft.com/office/drawing/2014/main" id="{78EEA200-B43D-6557-3D62-1C10B1327A8E}"/>
                  </a:ext>
                </a:extLst>
              </p:cNvPr>
              <p:cNvSpPr txBox="1"/>
              <p:nvPr/>
            </p:nvSpPr>
            <p:spPr>
              <a:xfrm flipH="1">
                <a:off x="9441187" y="5695272"/>
                <a:ext cx="1031856" cy="347552"/>
              </a:xfrm>
              <a:prstGeom prst="rect">
                <a:avLst/>
              </a:prstGeom>
              <a:noFill/>
            </p:spPr>
            <p:txBody>
              <a:bodyPr wrap="square" rtlCol="0">
                <a:noAutofit/>
              </a:bodyPr>
              <a:lstStyle/>
              <a:p>
                <a:r>
                  <a:rPr lang="da-DK" sz="1100" noProof="0" dirty="0">
                    <a:solidFill>
                      <a:srgbClr val="06DAC6"/>
                    </a:solidFill>
                  </a:rPr>
                  <a:t>+5.000</a:t>
                </a:r>
                <a:r>
                  <a:rPr lang="da-DK" sz="1100" noProof="0" dirty="0"/>
                  <a:t> </a:t>
                </a:r>
              </a:p>
              <a:p>
                <a:r>
                  <a:rPr lang="da-DK" sz="1100" i="1" noProof="0" dirty="0">
                    <a:solidFill>
                      <a:srgbClr val="36465A"/>
                    </a:solidFill>
                  </a:rPr>
                  <a:t> projekter</a:t>
                </a:r>
              </a:p>
            </p:txBody>
          </p:sp>
        </p:grpSp>
        <p:grpSp>
          <p:nvGrpSpPr>
            <p:cNvPr id="5178" name="Group 5177">
              <a:extLst>
                <a:ext uri="{FF2B5EF4-FFF2-40B4-BE49-F238E27FC236}">
                  <a16:creationId xmlns:a16="http://schemas.microsoft.com/office/drawing/2014/main" id="{FF9174D3-C664-2142-5060-CD06E8201B31}"/>
                </a:ext>
              </a:extLst>
            </p:cNvPr>
            <p:cNvGrpSpPr/>
            <p:nvPr/>
          </p:nvGrpSpPr>
          <p:grpSpPr>
            <a:xfrm>
              <a:off x="7582819" y="2117493"/>
              <a:ext cx="3441196" cy="3067320"/>
              <a:chOff x="7582819" y="2117493"/>
              <a:chExt cx="3441196" cy="3067320"/>
            </a:xfrm>
          </p:grpSpPr>
          <p:cxnSp>
            <p:nvCxnSpPr>
              <p:cNvPr id="30" name="Straight Connector 29">
                <a:extLst>
                  <a:ext uri="{FF2B5EF4-FFF2-40B4-BE49-F238E27FC236}">
                    <a16:creationId xmlns:a16="http://schemas.microsoft.com/office/drawing/2014/main" id="{3178A522-197D-37B8-3551-8AEB58831F0C}"/>
                  </a:ext>
                </a:extLst>
              </p:cNvPr>
              <p:cNvCxnSpPr/>
              <p:nvPr/>
            </p:nvCxnSpPr>
            <p:spPr>
              <a:xfrm>
                <a:off x="9049396" y="2854093"/>
                <a:ext cx="0" cy="338400"/>
              </a:xfrm>
              <a:prstGeom prst="line">
                <a:avLst/>
              </a:prstGeom>
              <a:ln w="12700">
                <a:solidFill>
                  <a:srgbClr val="A2B3C9"/>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711D442E-0654-A5DB-F785-A95D95D16040}"/>
                  </a:ext>
                </a:extLst>
              </p:cNvPr>
              <p:cNvCxnSpPr>
                <a:cxnSpLocks/>
              </p:cNvCxnSpPr>
              <p:nvPr/>
            </p:nvCxnSpPr>
            <p:spPr>
              <a:xfrm>
                <a:off x="9510196" y="2854093"/>
                <a:ext cx="0" cy="421581"/>
              </a:xfrm>
              <a:prstGeom prst="line">
                <a:avLst/>
              </a:prstGeom>
              <a:ln w="12700">
                <a:solidFill>
                  <a:srgbClr val="A2B3C9"/>
                </a:solidFill>
              </a:ln>
            </p:spPr>
            <p:style>
              <a:lnRef idx="1">
                <a:schemeClr val="accent1"/>
              </a:lnRef>
              <a:fillRef idx="0">
                <a:schemeClr val="accent1"/>
              </a:fillRef>
              <a:effectRef idx="0">
                <a:schemeClr val="accent1"/>
              </a:effectRef>
              <a:fontRef idx="minor">
                <a:schemeClr val="tx1"/>
              </a:fontRef>
            </p:style>
          </p:cxnSp>
          <p:sp>
            <p:nvSpPr>
              <p:cNvPr id="25" name="Rectangle: Rounded Corners 24">
                <a:extLst>
                  <a:ext uri="{FF2B5EF4-FFF2-40B4-BE49-F238E27FC236}">
                    <a16:creationId xmlns:a16="http://schemas.microsoft.com/office/drawing/2014/main" id="{F91E9934-CA3A-66B9-7943-6E81502C7074}"/>
                  </a:ext>
                </a:extLst>
              </p:cNvPr>
              <p:cNvSpPr/>
              <p:nvPr/>
            </p:nvSpPr>
            <p:spPr>
              <a:xfrm>
                <a:off x="9301665" y="2117493"/>
                <a:ext cx="1031856" cy="736600"/>
              </a:xfrm>
              <a:prstGeom prst="roundRect">
                <a:avLst/>
              </a:prstGeom>
              <a:solidFill>
                <a:schemeClr val="bg1"/>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da-DK" sz="1000" b="1" noProof="0" dirty="0">
                    <a:solidFill>
                      <a:srgbClr val="024D78"/>
                    </a:solidFill>
                  </a:rPr>
                  <a:t>OSS- leverandører</a:t>
                </a:r>
              </a:p>
            </p:txBody>
          </p:sp>
          <p:sp>
            <p:nvSpPr>
              <p:cNvPr id="26" name="Rectangle: Rounded Corners 25">
                <a:extLst>
                  <a:ext uri="{FF2B5EF4-FFF2-40B4-BE49-F238E27FC236}">
                    <a16:creationId xmlns:a16="http://schemas.microsoft.com/office/drawing/2014/main" id="{F82054EB-5483-392D-4E94-238F83AB5B4F}"/>
                  </a:ext>
                </a:extLst>
              </p:cNvPr>
              <p:cNvSpPr/>
              <p:nvPr/>
            </p:nvSpPr>
            <p:spPr>
              <a:xfrm>
                <a:off x="8208970" y="2122484"/>
                <a:ext cx="1031856" cy="736600"/>
              </a:xfrm>
              <a:prstGeom prst="roundRect">
                <a:avLst/>
              </a:prstGeom>
              <a:solidFill>
                <a:schemeClr val="bg1"/>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da-DK" sz="1000" b="1" noProof="0" dirty="0">
                    <a:solidFill>
                      <a:srgbClr val="024D78"/>
                    </a:solidFill>
                  </a:rPr>
                  <a:t>Offentlig forvaltning</a:t>
                </a:r>
              </a:p>
            </p:txBody>
          </p:sp>
          <p:sp>
            <p:nvSpPr>
              <p:cNvPr id="27" name="Freeform 12">
                <a:extLst>
                  <a:ext uri="{FF2B5EF4-FFF2-40B4-BE49-F238E27FC236}">
                    <a16:creationId xmlns:a16="http://schemas.microsoft.com/office/drawing/2014/main" id="{FDB48E98-D16C-9E5A-E6A0-E591323387FE}"/>
                  </a:ext>
                </a:extLst>
              </p:cNvPr>
              <p:cNvSpPr>
                <a:spLocks noEditPoints="1"/>
              </p:cNvSpPr>
              <p:nvPr/>
            </p:nvSpPr>
            <p:spPr bwMode="auto">
              <a:xfrm>
                <a:off x="8564638" y="2549563"/>
                <a:ext cx="320519" cy="251963"/>
              </a:xfrm>
              <a:custGeom>
                <a:avLst/>
                <a:gdLst>
                  <a:gd name="T0" fmla="*/ 88 w 224"/>
                  <a:gd name="T1" fmla="*/ 148 h 176"/>
                  <a:gd name="T2" fmla="*/ 96 w 224"/>
                  <a:gd name="T3" fmla="*/ 172 h 176"/>
                  <a:gd name="T4" fmla="*/ 128 w 224"/>
                  <a:gd name="T5" fmla="*/ 172 h 176"/>
                  <a:gd name="T6" fmla="*/ 136 w 224"/>
                  <a:gd name="T7" fmla="*/ 148 h 176"/>
                  <a:gd name="T8" fmla="*/ 76 w 224"/>
                  <a:gd name="T9" fmla="*/ 120 h 176"/>
                  <a:gd name="T10" fmla="*/ 148 w 224"/>
                  <a:gd name="T11" fmla="*/ 128 h 176"/>
                  <a:gd name="T12" fmla="*/ 148 w 224"/>
                  <a:gd name="T13" fmla="*/ 96 h 176"/>
                  <a:gd name="T14" fmla="*/ 76 w 224"/>
                  <a:gd name="T15" fmla="*/ 104 h 176"/>
                  <a:gd name="T16" fmla="*/ 148 w 224"/>
                  <a:gd name="T17" fmla="*/ 96 h 176"/>
                  <a:gd name="T18" fmla="*/ 48 w 224"/>
                  <a:gd name="T19" fmla="*/ 100 h 176"/>
                  <a:gd name="T20" fmla="*/ 16 w 224"/>
                  <a:gd name="T21" fmla="*/ 100 h 176"/>
                  <a:gd name="T22" fmla="*/ 44 w 224"/>
                  <a:gd name="T23" fmla="*/ 80 h 176"/>
                  <a:gd name="T24" fmla="*/ 20 w 224"/>
                  <a:gd name="T25" fmla="*/ 72 h 176"/>
                  <a:gd name="T26" fmla="*/ 20 w 224"/>
                  <a:gd name="T27" fmla="*/ 128 h 176"/>
                  <a:gd name="T28" fmla="*/ 44 w 224"/>
                  <a:gd name="T29" fmla="*/ 120 h 176"/>
                  <a:gd name="T30" fmla="*/ 20 w 224"/>
                  <a:gd name="T31" fmla="*/ 128 h 176"/>
                  <a:gd name="T32" fmla="*/ 48 w 224"/>
                  <a:gd name="T33" fmla="*/ 148 h 176"/>
                  <a:gd name="T34" fmla="*/ 16 w 224"/>
                  <a:gd name="T35" fmla="*/ 148 h 176"/>
                  <a:gd name="T36" fmla="*/ 204 w 224"/>
                  <a:gd name="T37" fmla="*/ 104 h 176"/>
                  <a:gd name="T38" fmla="*/ 180 w 224"/>
                  <a:gd name="T39" fmla="*/ 96 h 176"/>
                  <a:gd name="T40" fmla="*/ 180 w 224"/>
                  <a:gd name="T41" fmla="*/ 80 h 176"/>
                  <a:gd name="T42" fmla="*/ 204 w 224"/>
                  <a:gd name="T43" fmla="*/ 72 h 176"/>
                  <a:gd name="T44" fmla="*/ 180 w 224"/>
                  <a:gd name="T45" fmla="*/ 80 h 176"/>
                  <a:gd name="T46" fmla="*/ 208 w 224"/>
                  <a:gd name="T47" fmla="*/ 124 h 176"/>
                  <a:gd name="T48" fmla="*/ 176 w 224"/>
                  <a:gd name="T49" fmla="*/ 124 h 176"/>
                  <a:gd name="T50" fmla="*/ 204 w 224"/>
                  <a:gd name="T51" fmla="*/ 152 h 176"/>
                  <a:gd name="T52" fmla="*/ 180 w 224"/>
                  <a:gd name="T53" fmla="*/ 144 h 176"/>
                  <a:gd name="T54" fmla="*/ 148 w 224"/>
                  <a:gd name="T55" fmla="*/ 72 h 176"/>
                  <a:gd name="T56" fmla="*/ 76 w 224"/>
                  <a:gd name="T57" fmla="*/ 80 h 176"/>
                  <a:gd name="T58" fmla="*/ 148 w 224"/>
                  <a:gd name="T59" fmla="*/ 72 h 176"/>
                  <a:gd name="T60" fmla="*/ 72 w 224"/>
                  <a:gd name="T61" fmla="*/ 52 h 176"/>
                  <a:gd name="T62" fmla="*/ 152 w 224"/>
                  <a:gd name="T63" fmla="*/ 52 h 176"/>
                  <a:gd name="T64" fmla="*/ 76 w 224"/>
                  <a:gd name="T65" fmla="*/ 24 h 176"/>
                  <a:gd name="T66" fmla="*/ 148 w 224"/>
                  <a:gd name="T67" fmla="*/ 32 h 176"/>
                  <a:gd name="T68" fmla="*/ 220 w 224"/>
                  <a:gd name="T69" fmla="*/ 48 h 176"/>
                  <a:gd name="T70" fmla="*/ 164 w 224"/>
                  <a:gd name="T71" fmla="*/ 0 h 176"/>
                  <a:gd name="T72" fmla="*/ 56 w 224"/>
                  <a:gd name="T73" fmla="*/ 48 h 176"/>
                  <a:gd name="T74" fmla="*/ 0 w 224"/>
                  <a:gd name="T75" fmla="*/ 172 h 176"/>
                  <a:gd name="T76" fmla="*/ 64 w 224"/>
                  <a:gd name="T77" fmla="*/ 172 h 176"/>
                  <a:gd name="T78" fmla="*/ 160 w 224"/>
                  <a:gd name="T79" fmla="*/ 172 h 176"/>
                  <a:gd name="T80" fmla="*/ 224 w 224"/>
                  <a:gd name="T81" fmla="*/ 172 h 176"/>
                  <a:gd name="T82" fmla="*/ 56 w 224"/>
                  <a:gd name="T83" fmla="*/ 168 h 176"/>
                  <a:gd name="T84" fmla="*/ 56 w 224"/>
                  <a:gd name="T85" fmla="*/ 56 h 176"/>
                  <a:gd name="T86" fmla="*/ 168 w 224"/>
                  <a:gd name="T87" fmla="*/ 168 h 176"/>
                  <a:gd name="T88" fmla="*/ 216 w 224"/>
                  <a:gd name="T89" fmla="*/ 168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24" h="176">
                    <a:moveTo>
                      <a:pt x="132" y="144"/>
                    </a:moveTo>
                    <a:cubicBezTo>
                      <a:pt x="92" y="144"/>
                      <a:pt x="92" y="144"/>
                      <a:pt x="92" y="144"/>
                    </a:cubicBezTo>
                    <a:cubicBezTo>
                      <a:pt x="90" y="144"/>
                      <a:pt x="88" y="146"/>
                      <a:pt x="88" y="148"/>
                    </a:cubicBezTo>
                    <a:cubicBezTo>
                      <a:pt x="88" y="172"/>
                      <a:pt x="88" y="172"/>
                      <a:pt x="88" y="172"/>
                    </a:cubicBezTo>
                    <a:cubicBezTo>
                      <a:pt x="88" y="174"/>
                      <a:pt x="90" y="176"/>
                      <a:pt x="92" y="176"/>
                    </a:cubicBezTo>
                    <a:cubicBezTo>
                      <a:pt x="94" y="176"/>
                      <a:pt x="96" y="174"/>
                      <a:pt x="96" y="172"/>
                    </a:cubicBezTo>
                    <a:cubicBezTo>
                      <a:pt x="96" y="152"/>
                      <a:pt x="96" y="152"/>
                      <a:pt x="96" y="152"/>
                    </a:cubicBezTo>
                    <a:cubicBezTo>
                      <a:pt x="128" y="152"/>
                      <a:pt x="128" y="152"/>
                      <a:pt x="128" y="152"/>
                    </a:cubicBezTo>
                    <a:cubicBezTo>
                      <a:pt x="128" y="172"/>
                      <a:pt x="128" y="172"/>
                      <a:pt x="128" y="172"/>
                    </a:cubicBezTo>
                    <a:cubicBezTo>
                      <a:pt x="128" y="174"/>
                      <a:pt x="130" y="176"/>
                      <a:pt x="132" y="176"/>
                    </a:cubicBezTo>
                    <a:cubicBezTo>
                      <a:pt x="134" y="176"/>
                      <a:pt x="136" y="174"/>
                      <a:pt x="136" y="172"/>
                    </a:cubicBezTo>
                    <a:cubicBezTo>
                      <a:pt x="136" y="148"/>
                      <a:pt x="136" y="148"/>
                      <a:pt x="136" y="148"/>
                    </a:cubicBezTo>
                    <a:cubicBezTo>
                      <a:pt x="136" y="146"/>
                      <a:pt x="134" y="144"/>
                      <a:pt x="132" y="144"/>
                    </a:cubicBezTo>
                    <a:close/>
                    <a:moveTo>
                      <a:pt x="148" y="120"/>
                    </a:moveTo>
                    <a:cubicBezTo>
                      <a:pt x="76" y="120"/>
                      <a:pt x="76" y="120"/>
                      <a:pt x="76" y="120"/>
                    </a:cubicBezTo>
                    <a:cubicBezTo>
                      <a:pt x="74" y="120"/>
                      <a:pt x="72" y="122"/>
                      <a:pt x="72" y="124"/>
                    </a:cubicBezTo>
                    <a:cubicBezTo>
                      <a:pt x="72" y="126"/>
                      <a:pt x="74" y="128"/>
                      <a:pt x="76" y="128"/>
                    </a:cubicBezTo>
                    <a:cubicBezTo>
                      <a:pt x="148" y="128"/>
                      <a:pt x="148" y="128"/>
                      <a:pt x="148" y="128"/>
                    </a:cubicBezTo>
                    <a:cubicBezTo>
                      <a:pt x="150" y="128"/>
                      <a:pt x="152" y="126"/>
                      <a:pt x="152" y="124"/>
                    </a:cubicBezTo>
                    <a:cubicBezTo>
                      <a:pt x="152" y="122"/>
                      <a:pt x="150" y="120"/>
                      <a:pt x="148" y="120"/>
                    </a:cubicBezTo>
                    <a:close/>
                    <a:moveTo>
                      <a:pt x="148" y="96"/>
                    </a:moveTo>
                    <a:cubicBezTo>
                      <a:pt x="76" y="96"/>
                      <a:pt x="76" y="96"/>
                      <a:pt x="76" y="96"/>
                    </a:cubicBezTo>
                    <a:cubicBezTo>
                      <a:pt x="74" y="96"/>
                      <a:pt x="72" y="98"/>
                      <a:pt x="72" y="100"/>
                    </a:cubicBezTo>
                    <a:cubicBezTo>
                      <a:pt x="72" y="102"/>
                      <a:pt x="74" y="104"/>
                      <a:pt x="76" y="104"/>
                    </a:cubicBezTo>
                    <a:cubicBezTo>
                      <a:pt x="148" y="104"/>
                      <a:pt x="148" y="104"/>
                      <a:pt x="148" y="104"/>
                    </a:cubicBezTo>
                    <a:cubicBezTo>
                      <a:pt x="150" y="104"/>
                      <a:pt x="152" y="102"/>
                      <a:pt x="152" y="100"/>
                    </a:cubicBezTo>
                    <a:cubicBezTo>
                      <a:pt x="152" y="98"/>
                      <a:pt x="150" y="96"/>
                      <a:pt x="148" y="96"/>
                    </a:cubicBezTo>
                    <a:close/>
                    <a:moveTo>
                      <a:pt x="20" y="104"/>
                    </a:moveTo>
                    <a:cubicBezTo>
                      <a:pt x="44" y="104"/>
                      <a:pt x="44" y="104"/>
                      <a:pt x="44" y="104"/>
                    </a:cubicBezTo>
                    <a:cubicBezTo>
                      <a:pt x="46" y="104"/>
                      <a:pt x="48" y="102"/>
                      <a:pt x="48" y="100"/>
                    </a:cubicBezTo>
                    <a:cubicBezTo>
                      <a:pt x="48" y="98"/>
                      <a:pt x="46" y="96"/>
                      <a:pt x="44" y="96"/>
                    </a:cubicBezTo>
                    <a:cubicBezTo>
                      <a:pt x="20" y="96"/>
                      <a:pt x="20" y="96"/>
                      <a:pt x="20" y="96"/>
                    </a:cubicBezTo>
                    <a:cubicBezTo>
                      <a:pt x="18" y="96"/>
                      <a:pt x="16" y="98"/>
                      <a:pt x="16" y="100"/>
                    </a:cubicBezTo>
                    <a:cubicBezTo>
                      <a:pt x="16" y="102"/>
                      <a:pt x="18" y="104"/>
                      <a:pt x="20" y="104"/>
                    </a:cubicBezTo>
                    <a:close/>
                    <a:moveTo>
                      <a:pt x="20" y="80"/>
                    </a:moveTo>
                    <a:cubicBezTo>
                      <a:pt x="44" y="80"/>
                      <a:pt x="44" y="80"/>
                      <a:pt x="44" y="80"/>
                    </a:cubicBezTo>
                    <a:cubicBezTo>
                      <a:pt x="46" y="80"/>
                      <a:pt x="48" y="78"/>
                      <a:pt x="48" y="76"/>
                    </a:cubicBezTo>
                    <a:cubicBezTo>
                      <a:pt x="48" y="74"/>
                      <a:pt x="46" y="72"/>
                      <a:pt x="44" y="72"/>
                    </a:cubicBezTo>
                    <a:cubicBezTo>
                      <a:pt x="20" y="72"/>
                      <a:pt x="20" y="72"/>
                      <a:pt x="20" y="72"/>
                    </a:cubicBezTo>
                    <a:cubicBezTo>
                      <a:pt x="18" y="72"/>
                      <a:pt x="16" y="74"/>
                      <a:pt x="16" y="76"/>
                    </a:cubicBezTo>
                    <a:cubicBezTo>
                      <a:pt x="16" y="78"/>
                      <a:pt x="18" y="80"/>
                      <a:pt x="20" y="80"/>
                    </a:cubicBezTo>
                    <a:close/>
                    <a:moveTo>
                      <a:pt x="20" y="128"/>
                    </a:moveTo>
                    <a:cubicBezTo>
                      <a:pt x="44" y="128"/>
                      <a:pt x="44" y="128"/>
                      <a:pt x="44" y="128"/>
                    </a:cubicBezTo>
                    <a:cubicBezTo>
                      <a:pt x="46" y="128"/>
                      <a:pt x="48" y="126"/>
                      <a:pt x="48" y="124"/>
                    </a:cubicBezTo>
                    <a:cubicBezTo>
                      <a:pt x="48" y="122"/>
                      <a:pt x="46" y="120"/>
                      <a:pt x="44" y="120"/>
                    </a:cubicBezTo>
                    <a:cubicBezTo>
                      <a:pt x="20" y="120"/>
                      <a:pt x="20" y="120"/>
                      <a:pt x="20" y="120"/>
                    </a:cubicBezTo>
                    <a:cubicBezTo>
                      <a:pt x="18" y="120"/>
                      <a:pt x="16" y="122"/>
                      <a:pt x="16" y="124"/>
                    </a:cubicBezTo>
                    <a:cubicBezTo>
                      <a:pt x="16" y="126"/>
                      <a:pt x="18" y="128"/>
                      <a:pt x="20" y="128"/>
                    </a:cubicBezTo>
                    <a:close/>
                    <a:moveTo>
                      <a:pt x="20" y="152"/>
                    </a:moveTo>
                    <a:cubicBezTo>
                      <a:pt x="44" y="152"/>
                      <a:pt x="44" y="152"/>
                      <a:pt x="44" y="152"/>
                    </a:cubicBezTo>
                    <a:cubicBezTo>
                      <a:pt x="46" y="152"/>
                      <a:pt x="48" y="150"/>
                      <a:pt x="48" y="148"/>
                    </a:cubicBezTo>
                    <a:cubicBezTo>
                      <a:pt x="48" y="146"/>
                      <a:pt x="46" y="144"/>
                      <a:pt x="44" y="144"/>
                    </a:cubicBezTo>
                    <a:cubicBezTo>
                      <a:pt x="20" y="144"/>
                      <a:pt x="20" y="144"/>
                      <a:pt x="20" y="144"/>
                    </a:cubicBezTo>
                    <a:cubicBezTo>
                      <a:pt x="18" y="144"/>
                      <a:pt x="16" y="146"/>
                      <a:pt x="16" y="148"/>
                    </a:cubicBezTo>
                    <a:cubicBezTo>
                      <a:pt x="16" y="150"/>
                      <a:pt x="18" y="152"/>
                      <a:pt x="20" y="152"/>
                    </a:cubicBezTo>
                    <a:close/>
                    <a:moveTo>
                      <a:pt x="180" y="104"/>
                    </a:moveTo>
                    <a:cubicBezTo>
                      <a:pt x="204" y="104"/>
                      <a:pt x="204" y="104"/>
                      <a:pt x="204" y="104"/>
                    </a:cubicBezTo>
                    <a:cubicBezTo>
                      <a:pt x="206" y="104"/>
                      <a:pt x="208" y="102"/>
                      <a:pt x="208" y="100"/>
                    </a:cubicBezTo>
                    <a:cubicBezTo>
                      <a:pt x="208" y="98"/>
                      <a:pt x="206" y="96"/>
                      <a:pt x="204" y="96"/>
                    </a:cubicBezTo>
                    <a:cubicBezTo>
                      <a:pt x="180" y="96"/>
                      <a:pt x="180" y="96"/>
                      <a:pt x="180" y="96"/>
                    </a:cubicBezTo>
                    <a:cubicBezTo>
                      <a:pt x="178" y="96"/>
                      <a:pt x="176" y="98"/>
                      <a:pt x="176" y="100"/>
                    </a:cubicBezTo>
                    <a:cubicBezTo>
                      <a:pt x="176" y="102"/>
                      <a:pt x="178" y="104"/>
                      <a:pt x="180" y="104"/>
                    </a:cubicBezTo>
                    <a:close/>
                    <a:moveTo>
                      <a:pt x="180" y="80"/>
                    </a:moveTo>
                    <a:cubicBezTo>
                      <a:pt x="204" y="80"/>
                      <a:pt x="204" y="80"/>
                      <a:pt x="204" y="80"/>
                    </a:cubicBezTo>
                    <a:cubicBezTo>
                      <a:pt x="206" y="80"/>
                      <a:pt x="208" y="78"/>
                      <a:pt x="208" y="76"/>
                    </a:cubicBezTo>
                    <a:cubicBezTo>
                      <a:pt x="208" y="74"/>
                      <a:pt x="206" y="72"/>
                      <a:pt x="204" y="72"/>
                    </a:cubicBezTo>
                    <a:cubicBezTo>
                      <a:pt x="180" y="72"/>
                      <a:pt x="180" y="72"/>
                      <a:pt x="180" y="72"/>
                    </a:cubicBezTo>
                    <a:cubicBezTo>
                      <a:pt x="178" y="72"/>
                      <a:pt x="176" y="74"/>
                      <a:pt x="176" y="76"/>
                    </a:cubicBezTo>
                    <a:cubicBezTo>
                      <a:pt x="176" y="78"/>
                      <a:pt x="178" y="80"/>
                      <a:pt x="180" y="80"/>
                    </a:cubicBezTo>
                    <a:close/>
                    <a:moveTo>
                      <a:pt x="180" y="128"/>
                    </a:moveTo>
                    <a:cubicBezTo>
                      <a:pt x="204" y="128"/>
                      <a:pt x="204" y="128"/>
                      <a:pt x="204" y="128"/>
                    </a:cubicBezTo>
                    <a:cubicBezTo>
                      <a:pt x="206" y="128"/>
                      <a:pt x="208" y="126"/>
                      <a:pt x="208" y="124"/>
                    </a:cubicBezTo>
                    <a:cubicBezTo>
                      <a:pt x="208" y="122"/>
                      <a:pt x="206" y="120"/>
                      <a:pt x="204" y="120"/>
                    </a:cubicBezTo>
                    <a:cubicBezTo>
                      <a:pt x="180" y="120"/>
                      <a:pt x="180" y="120"/>
                      <a:pt x="180" y="120"/>
                    </a:cubicBezTo>
                    <a:cubicBezTo>
                      <a:pt x="178" y="120"/>
                      <a:pt x="176" y="122"/>
                      <a:pt x="176" y="124"/>
                    </a:cubicBezTo>
                    <a:cubicBezTo>
                      <a:pt x="176" y="126"/>
                      <a:pt x="178" y="128"/>
                      <a:pt x="180" y="128"/>
                    </a:cubicBezTo>
                    <a:close/>
                    <a:moveTo>
                      <a:pt x="180" y="152"/>
                    </a:moveTo>
                    <a:cubicBezTo>
                      <a:pt x="204" y="152"/>
                      <a:pt x="204" y="152"/>
                      <a:pt x="204" y="152"/>
                    </a:cubicBezTo>
                    <a:cubicBezTo>
                      <a:pt x="206" y="152"/>
                      <a:pt x="208" y="150"/>
                      <a:pt x="208" y="148"/>
                    </a:cubicBezTo>
                    <a:cubicBezTo>
                      <a:pt x="208" y="146"/>
                      <a:pt x="206" y="144"/>
                      <a:pt x="204" y="144"/>
                    </a:cubicBezTo>
                    <a:cubicBezTo>
                      <a:pt x="180" y="144"/>
                      <a:pt x="180" y="144"/>
                      <a:pt x="180" y="144"/>
                    </a:cubicBezTo>
                    <a:cubicBezTo>
                      <a:pt x="178" y="144"/>
                      <a:pt x="176" y="146"/>
                      <a:pt x="176" y="148"/>
                    </a:cubicBezTo>
                    <a:cubicBezTo>
                      <a:pt x="176" y="150"/>
                      <a:pt x="178" y="152"/>
                      <a:pt x="180" y="152"/>
                    </a:cubicBezTo>
                    <a:close/>
                    <a:moveTo>
                      <a:pt x="148" y="72"/>
                    </a:moveTo>
                    <a:cubicBezTo>
                      <a:pt x="76" y="72"/>
                      <a:pt x="76" y="72"/>
                      <a:pt x="76" y="72"/>
                    </a:cubicBezTo>
                    <a:cubicBezTo>
                      <a:pt x="74" y="72"/>
                      <a:pt x="72" y="74"/>
                      <a:pt x="72" y="76"/>
                    </a:cubicBezTo>
                    <a:cubicBezTo>
                      <a:pt x="72" y="78"/>
                      <a:pt x="74" y="80"/>
                      <a:pt x="76" y="80"/>
                    </a:cubicBezTo>
                    <a:cubicBezTo>
                      <a:pt x="148" y="80"/>
                      <a:pt x="148" y="80"/>
                      <a:pt x="148" y="80"/>
                    </a:cubicBezTo>
                    <a:cubicBezTo>
                      <a:pt x="150" y="80"/>
                      <a:pt x="152" y="78"/>
                      <a:pt x="152" y="76"/>
                    </a:cubicBezTo>
                    <a:cubicBezTo>
                      <a:pt x="152" y="74"/>
                      <a:pt x="150" y="72"/>
                      <a:pt x="148" y="72"/>
                    </a:cubicBezTo>
                    <a:close/>
                    <a:moveTo>
                      <a:pt x="148" y="48"/>
                    </a:moveTo>
                    <a:cubicBezTo>
                      <a:pt x="76" y="48"/>
                      <a:pt x="76" y="48"/>
                      <a:pt x="76" y="48"/>
                    </a:cubicBezTo>
                    <a:cubicBezTo>
                      <a:pt x="74" y="48"/>
                      <a:pt x="72" y="50"/>
                      <a:pt x="72" y="52"/>
                    </a:cubicBezTo>
                    <a:cubicBezTo>
                      <a:pt x="72" y="54"/>
                      <a:pt x="74" y="56"/>
                      <a:pt x="76" y="56"/>
                    </a:cubicBezTo>
                    <a:cubicBezTo>
                      <a:pt x="148" y="56"/>
                      <a:pt x="148" y="56"/>
                      <a:pt x="148" y="56"/>
                    </a:cubicBezTo>
                    <a:cubicBezTo>
                      <a:pt x="150" y="56"/>
                      <a:pt x="152" y="54"/>
                      <a:pt x="152" y="52"/>
                    </a:cubicBezTo>
                    <a:cubicBezTo>
                      <a:pt x="152" y="50"/>
                      <a:pt x="150" y="48"/>
                      <a:pt x="148" y="48"/>
                    </a:cubicBezTo>
                    <a:close/>
                    <a:moveTo>
                      <a:pt x="148" y="24"/>
                    </a:moveTo>
                    <a:cubicBezTo>
                      <a:pt x="76" y="24"/>
                      <a:pt x="76" y="24"/>
                      <a:pt x="76" y="24"/>
                    </a:cubicBezTo>
                    <a:cubicBezTo>
                      <a:pt x="74" y="24"/>
                      <a:pt x="72" y="26"/>
                      <a:pt x="72" y="28"/>
                    </a:cubicBezTo>
                    <a:cubicBezTo>
                      <a:pt x="72" y="30"/>
                      <a:pt x="74" y="32"/>
                      <a:pt x="76" y="32"/>
                    </a:cubicBezTo>
                    <a:cubicBezTo>
                      <a:pt x="148" y="32"/>
                      <a:pt x="148" y="32"/>
                      <a:pt x="148" y="32"/>
                    </a:cubicBezTo>
                    <a:cubicBezTo>
                      <a:pt x="150" y="32"/>
                      <a:pt x="152" y="30"/>
                      <a:pt x="152" y="28"/>
                    </a:cubicBezTo>
                    <a:cubicBezTo>
                      <a:pt x="152" y="26"/>
                      <a:pt x="150" y="24"/>
                      <a:pt x="148" y="24"/>
                    </a:cubicBezTo>
                    <a:close/>
                    <a:moveTo>
                      <a:pt x="220" y="48"/>
                    </a:moveTo>
                    <a:cubicBezTo>
                      <a:pt x="168" y="48"/>
                      <a:pt x="168" y="48"/>
                      <a:pt x="168" y="48"/>
                    </a:cubicBezTo>
                    <a:cubicBezTo>
                      <a:pt x="168" y="4"/>
                      <a:pt x="168" y="4"/>
                      <a:pt x="168" y="4"/>
                    </a:cubicBezTo>
                    <a:cubicBezTo>
                      <a:pt x="168" y="2"/>
                      <a:pt x="166" y="0"/>
                      <a:pt x="164" y="0"/>
                    </a:cubicBezTo>
                    <a:cubicBezTo>
                      <a:pt x="60" y="0"/>
                      <a:pt x="60" y="0"/>
                      <a:pt x="60" y="0"/>
                    </a:cubicBezTo>
                    <a:cubicBezTo>
                      <a:pt x="58" y="0"/>
                      <a:pt x="56" y="2"/>
                      <a:pt x="56" y="4"/>
                    </a:cubicBezTo>
                    <a:cubicBezTo>
                      <a:pt x="56" y="48"/>
                      <a:pt x="56" y="48"/>
                      <a:pt x="56" y="48"/>
                    </a:cubicBezTo>
                    <a:cubicBezTo>
                      <a:pt x="4" y="48"/>
                      <a:pt x="4" y="48"/>
                      <a:pt x="4" y="48"/>
                    </a:cubicBezTo>
                    <a:cubicBezTo>
                      <a:pt x="2" y="48"/>
                      <a:pt x="0" y="50"/>
                      <a:pt x="0" y="52"/>
                    </a:cubicBezTo>
                    <a:cubicBezTo>
                      <a:pt x="0" y="172"/>
                      <a:pt x="0" y="172"/>
                      <a:pt x="0" y="172"/>
                    </a:cubicBezTo>
                    <a:cubicBezTo>
                      <a:pt x="0" y="174"/>
                      <a:pt x="2" y="176"/>
                      <a:pt x="4" y="176"/>
                    </a:cubicBezTo>
                    <a:cubicBezTo>
                      <a:pt x="60" y="176"/>
                      <a:pt x="60" y="176"/>
                      <a:pt x="60" y="176"/>
                    </a:cubicBezTo>
                    <a:cubicBezTo>
                      <a:pt x="62" y="176"/>
                      <a:pt x="64" y="174"/>
                      <a:pt x="64" y="172"/>
                    </a:cubicBezTo>
                    <a:cubicBezTo>
                      <a:pt x="64" y="8"/>
                      <a:pt x="64" y="8"/>
                      <a:pt x="64" y="8"/>
                    </a:cubicBezTo>
                    <a:cubicBezTo>
                      <a:pt x="160" y="8"/>
                      <a:pt x="160" y="8"/>
                      <a:pt x="160" y="8"/>
                    </a:cubicBezTo>
                    <a:cubicBezTo>
                      <a:pt x="160" y="172"/>
                      <a:pt x="160" y="172"/>
                      <a:pt x="160" y="172"/>
                    </a:cubicBezTo>
                    <a:cubicBezTo>
                      <a:pt x="160" y="174"/>
                      <a:pt x="162" y="176"/>
                      <a:pt x="164" y="176"/>
                    </a:cubicBezTo>
                    <a:cubicBezTo>
                      <a:pt x="220" y="176"/>
                      <a:pt x="220" y="176"/>
                      <a:pt x="220" y="176"/>
                    </a:cubicBezTo>
                    <a:cubicBezTo>
                      <a:pt x="222" y="176"/>
                      <a:pt x="224" y="174"/>
                      <a:pt x="224" y="172"/>
                    </a:cubicBezTo>
                    <a:cubicBezTo>
                      <a:pt x="224" y="52"/>
                      <a:pt x="224" y="52"/>
                      <a:pt x="224" y="52"/>
                    </a:cubicBezTo>
                    <a:cubicBezTo>
                      <a:pt x="224" y="50"/>
                      <a:pt x="222" y="48"/>
                      <a:pt x="220" y="48"/>
                    </a:cubicBezTo>
                    <a:close/>
                    <a:moveTo>
                      <a:pt x="56" y="168"/>
                    </a:moveTo>
                    <a:cubicBezTo>
                      <a:pt x="8" y="168"/>
                      <a:pt x="8" y="168"/>
                      <a:pt x="8" y="168"/>
                    </a:cubicBezTo>
                    <a:cubicBezTo>
                      <a:pt x="8" y="56"/>
                      <a:pt x="8" y="56"/>
                      <a:pt x="8" y="56"/>
                    </a:cubicBezTo>
                    <a:cubicBezTo>
                      <a:pt x="56" y="56"/>
                      <a:pt x="56" y="56"/>
                      <a:pt x="56" y="56"/>
                    </a:cubicBezTo>
                    <a:lnTo>
                      <a:pt x="56" y="168"/>
                    </a:lnTo>
                    <a:close/>
                    <a:moveTo>
                      <a:pt x="216" y="168"/>
                    </a:moveTo>
                    <a:cubicBezTo>
                      <a:pt x="168" y="168"/>
                      <a:pt x="168" y="168"/>
                      <a:pt x="168" y="168"/>
                    </a:cubicBezTo>
                    <a:cubicBezTo>
                      <a:pt x="168" y="56"/>
                      <a:pt x="168" y="56"/>
                      <a:pt x="168" y="56"/>
                    </a:cubicBezTo>
                    <a:cubicBezTo>
                      <a:pt x="216" y="56"/>
                      <a:pt x="216" y="56"/>
                      <a:pt x="216" y="56"/>
                    </a:cubicBezTo>
                    <a:lnTo>
                      <a:pt x="216" y="168"/>
                    </a:lnTo>
                    <a:close/>
                  </a:path>
                </a:pathLst>
              </a:custGeom>
              <a:solidFill>
                <a:srgbClr val="024D78"/>
              </a:solidFill>
              <a:ln>
                <a:noFill/>
              </a:ln>
            </p:spPr>
            <p:txBody>
              <a:bodyPr vert="horz" wrap="square" lIns="91439" tIns="45719" rIns="91439" bIns="45719" numCol="1" anchor="t" anchorCtr="0" compatLnSpc="1">
                <a:prstTxWarp prst="textNoShape">
                  <a:avLst/>
                </a:prstTxWarp>
              </a:bodyPr>
              <a:lstStyle/>
              <a:p>
                <a:endParaRPr lang="da-DK" sz="508" noProof="0" dirty="0"/>
              </a:p>
            </p:txBody>
          </p:sp>
          <p:sp>
            <p:nvSpPr>
              <p:cNvPr id="28" name="Freeform 13">
                <a:extLst>
                  <a:ext uri="{FF2B5EF4-FFF2-40B4-BE49-F238E27FC236}">
                    <a16:creationId xmlns:a16="http://schemas.microsoft.com/office/drawing/2014/main" id="{25FABBEA-0CDD-8A5C-023E-D508A3ED0BC6}"/>
                  </a:ext>
                </a:extLst>
              </p:cNvPr>
              <p:cNvSpPr>
                <a:spLocks noEditPoints="1"/>
              </p:cNvSpPr>
              <p:nvPr/>
            </p:nvSpPr>
            <p:spPr bwMode="auto">
              <a:xfrm>
                <a:off x="9687909" y="2549563"/>
                <a:ext cx="259369" cy="259369"/>
              </a:xfrm>
              <a:custGeom>
                <a:avLst/>
                <a:gdLst>
                  <a:gd name="T0" fmla="*/ 0 w 208"/>
                  <a:gd name="T1" fmla="*/ 104 h 208"/>
                  <a:gd name="T2" fmla="*/ 208 w 208"/>
                  <a:gd name="T3" fmla="*/ 104 h 208"/>
                  <a:gd name="T4" fmla="*/ 8 w 208"/>
                  <a:gd name="T5" fmla="*/ 108 h 208"/>
                  <a:gd name="T6" fmla="*/ 54 w 208"/>
                  <a:gd name="T7" fmla="*/ 152 h 208"/>
                  <a:gd name="T8" fmla="*/ 8 w 208"/>
                  <a:gd name="T9" fmla="*/ 108 h 208"/>
                  <a:gd name="T10" fmla="*/ 108 w 208"/>
                  <a:gd name="T11" fmla="*/ 10 h 208"/>
                  <a:gd name="T12" fmla="*/ 142 w 208"/>
                  <a:gd name="T13" fmla="*/ 48 h 208"/>
                  <a:gd name="T14" fmla="*/ 145 w 208"/>
                  <a:gd name="T15" fmla="*/ 56 h 208"/>
                  <a:gd name="T16" fmla="*/ 108 w 208"/>
                  <a:gd name="T17" fmla="*/ 100 h 208"/>
                  <a:gd name="T18" fmla="*/ 145 w 208"/>
                  <a:gd name="T19" fmla="*/ 56 h 208"/>
                  <a:gd name="T20" fmla="*/ 100 w 208"/>
                  <a:gd name="T21" fmla="*/ 48 h 208"/>
                  <a:gd name="T22" fmla="*/ 71 w 208"/>
                  <a:gd name="T23" fmla="*/ 37 h 208"/>
                  <a:gd name="T24" fmla="*/ 100 w 208"/>
                  <a:gd name="T25" fmla="*/ 56 h 208"/>
                  <a:gd name="T26" fmla="*/ 56 w 208"/>
                  <a:gd name="T27" fmla="*/ 100 h 208"/>
                  <a:gd name="T28" fmla="*/ 100 w 208"/>
                  <a:gd name="T29" fmla="*/ 56 h 208"/>
                  <a:gd name="T30" fmla="*/ 8 w 208"/>
                  <a:gd name="T31" fmla="*/ 100 h 208"/>
                  <a:gd name="T32" fmla="*/ 54 w 208"/>
                  <a:gd name="T33" fmla="*/ 56 h 208"/>
                  <a:gd name="T34" fmla="*/ 56 w 208"/>
                  <a:gd name="T35" fmla="*/ 108 h 208"/>
                  <a:gd name="T36" fmla="*/ 100 w 208"/>
                  <a:gd name="T37" fmla="*/ 152 h 208"/>
                  <a:gd name="T38" fmla="*/ 56 w 208"/>
                  <a:gd name="T39" fmla="*/ 108 h 208"/>
                  <a:gd name="T40" fmla="*/ 100 w 208"/>
                  <a:gd name="T41" fmla="*/ 198 h 208"/>
                  <a:gd name="T42" fmla="*/ 66 w 208"/>
                  <a:gd name="T43" fmla="*/ 160 h 208"/>
                  <a:gd name="T44" fmla="*/ 108 w 208"/>
                  <a:gd name="T45" fmla="*/ 198 h 208"/>
                  <a:gd name="T46" fmla="*/ 142 w 208"/>
                  <a:gd name="T47" fmla="*/ 160 h 208"/>
                  <a:gd name="T48" fmla="*/ 108 w 208"/>
                  <a:gd name="T49" fmla="*/ 198 h 208"/>
                  <a:gd name="T50" fmla="*/ 108 w 208"/>
                  <a:gd name="T51" fmla="*/ 108 h 208"/>
                  <a:gd name="T52" fmla="*/ 145 w 208"/>
                  <a:gd name="T53" fmla="*/ 152 h 208"/>
                  <a:gd name="T54" fmla="*/ 160 w 208"/>
                  <a:gd name="T55" fmla="*/ 108 h 208"/>
                  <a:gd name="T56" fmla="*/ 187 w 208"/>
                  <a:gd name="T57" fmla="*/ 152 h 208"/>
                  <a:gd name="T58" fmla="*/ 160 w 208"/>
                  <a:gd name="T59" fmla="*/ 108 h 208"/>
                  <a:gd name="T60" fmla="*/ 154 w 208"/>
                  <a:gd name="T61" fmla="*/ 56 h 208"/>
                  <a:gd name="T62" fmla="*/ 200 w 208"/>
                  <a:gd name="T63" fmla="*/ 100 h 208"/>
                  <a:gd name="T64" fmla="*/ 182 w 208"/>
                  <a:gd name="T65" fmla="*/ 48 h 208"/>
                  <a:gd name="T66" fmla="*/ 144 w 208"/>
                  <a:gd name="T67" fmla="*/ 33 h 208"/>
                  <a:gd name="T68" fmla="*/ 182 w 208"/>
                  <a:gd name="T69" fmla="*/ 48 h 208"/>
                  <a:gd name="T70" fmla="*/ 64 w 208"/>
                  <a:gd name="T71" fmla="*/ 33 h 208"/>
                  <a:gd name="T72" fmla="*/ 26 w 208"/>
                  <a:gd name="T73" fmla="*/ 48 h 208"/>
                  <a:gd name="T74" fmla="*/ 26 w 208"/>
                  <a:gd name="T75" fmla="*/ 160 h 208"/>
                  <a:gd name="T76" fmla="*/ 64 w 208"/>
                  <a:gd name="T77" fmla="*/ 175 h 208"/>
                  <a:gd name="T78" fmla="*/ 26 w 208"/>
                  <a:gd name="T79" fmla="*/ 160 h 208"/>
                  <a:gd name="T80" fmla="*/ 144 w 208"/>
                  <a:gd name="T81" fmla="*/ 175 h 208"/>
                  <a:gd name="T82" fmla="*/ 182 w 208"/>
                  <a:gd name="T83" fmla="*/ 16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208" h="208">
                    <a:moveTo>
                      <a:pt x="104" y="0"/>
                    </a:moveTo>
                    <a:cubicBezTo>
                      <a:pt x="47" y="0"/>
                      <a:pt x="0" y="47"/>
                      <a:pt x="0" y="104"/>
                    </a:cubicBezTo>
                    <a:cubicBezTo>
                      <a:pt x="0" y="161"/>
                      <a:pt x="47" y="208"/>
                      <a:pt x="104" y="208"/>
                    </a:cubicBezTo>
                    <a:cubicBezTo>
                      <a:pt x="161" y="208"/>
                      <a:pt x="208" y="161"/>
                      <a:pt x="208" y="104"/>
                    </a:cubicBezTo>
                    <a:cubicBezTo>
                      <a:pt x="208" y="47"/>
                      <a:pt x="161" y="0"/>
                      <a:pt x="104" y="0"/>
                    </a:cubicBezTo>
                    <a:close/>
                    <a:moveTo>
                      <a:pt x="8" y="108"/>
                    </a:moveTo>
                    <a:cubicBezTo>
                      <a:pt x="48" y="108"/>
                      <a:pt x="48" y="108"/>
                      <a:pt x="48" y="108"/>
                    </a:cubicBezTo>
                    <a:cubicBezTo>
                      <a:pt x="48" y="124"/>
                      <a:pt x="51" y="139"/>
                      <a:pt x="54" y="152"/>
                    </a:cubicBezTo>
                    <a:cubicBezTo>
                      <a:pt x="21" y="152"/>
                      <a:pt x="21" y="152"/>
                      <a:pt x="21" y="152"/>
                    </a:cubicBezTo>
                    <a:cubicBezTo>
                      <a:pt x="13" y="139"/>
                      <a:pt x="9" y="124"/>
                      <a:pt x="8" y="108"/>
                    </a:cubicBezTo>
                    <a:close/>
                    <a:moveTo>
                      <a:pt x="108" y="48"/>
                    </a:moveTo>
                    <a:cubicBezTo>
                      <a:pt x="108" y="10"/>
                      <a:pt x="108" y="10"/>
                      <a:pt x="108" y="10"/>
                    </a:cubicBezTo>
                    <a:cubicBezTo>
                      <a:pt x="119" y="12"/>
                      <a:pt x="129" y="21"/>
                      <a:pt x="137" y="37"/>
                    </a:cubicBezTo>
                    <a:cubicBezTo>
                      <a:pt x="139" y="40"/>
                      <a:pt x="141" y="44"/>
                      <a:pt x="142" y="48"/>
                    </a:cubicBezTo>
                    <a:lnTo>
                      <a:pt x="108" y="48"/>
                    </a:lnTo>
                    <a:close/>
                    <a:moveTo>
                      <a:pt x="145" y="56"/>
                    </a:moveTo>
                    <a:cubicBezTo>
                      <a:pt x="149" y="69"/>
                      <a:pt x="152" y="84"/>
                      <a:pt x="152" y="100"/>
                    </a:cubicBezTo>
                    <a:cubicBezTo>
                      <a:pt x="108" y="100"/>
                      <a:pt x="108" y="100"/>
                      <a:pt x="108" y="100"/>
                    </a:cubicBezTo>
                    <a:cubicBezTo>
                      <a:pt x="108" y="56"/>
                      <a:pt x="108" y="56"/>
                      <a:pt x="108" y="56"/>
                    </a:cubicBezTo>
                    <a:lnTo>
                      <a:pt x="145" y="56"/>
                    </a:lnTo>
                    <a:close/>
                    <a:moveTo>
                      <a:pt x="100" y="10"/>
                    </a:moveTo>
                    <a:cubicBezTo>
                      <a:pt x="100" y="48"/>
                      <a:pt x="100" y="48"/>
                      <a:pt x="100" y="48"/>
                    </a:cubicBezTo>
                    <a:cubicBezTo>
                      <a:pt x="66" y="48"/>
                      <a:pt x="66" y="48"/>
                      <a:pt x="66" y="48"/>
                    </a:cubicBezTo>
                    <a:cubicBezTo>
                      <a:pt x="67" y="44"/>
                      <a:pt x="69" y="40"/>
                      <a:pt x="71" y="37"/>
                    </a:cubicBezTo>
                    <a:cubicBezTo>
                      <a:pt x="79" y="21"/>
                      <a:pt x="89" y="12"/>
                      <a:pt x="100" y="10"/>
                    </a:cubicBezTo>
                    <a:close/>
                    <a:moveTo>
                      <a:pt x="100" y="56"/>
                    </a:moveTo>
                    <a:cubicBezTo>
                      <a:pt x="100" y="100"/>
                      <a:pt x="100" y="100"/>
                      <a:pt x="100" y="100"/>
                    </a:cubicBezTo>
                    <a:cubicBezTo>
                      <a:pt x="56" y="100"/>
                      <a:pt x="56" y="100"/>
                      <a:pt x="56" y="100"/>
                    </a:cubicBezTo>
                    <a:cubicBezTo>
                      <a:pt x="56" y="84"/>
                      <a:pt x="59" y="69"/>
                      <a:pt x="63" y="56"/>
                    </a:cubicBezTo>
                    <a:lnTo>
                      <a:pt x="100" y="56"/>
                    </a:lnTo>
                    <a:close/>
                    <a:moveTo>
                      <a:pt x="48" y="100"/>
                    </a:moveTo>
                    <a:cubicBezTo>
                      <a:pt x="8" y="100"/>
                      <a:pt x="8" y="100"/>
                      <a:pt x="8" y="100"/>
                    </a:cubicBezTo>
                    <a:cubicBezTo>
                      <a:pt x="9" y="84"/>
                      <a:pt x="13" y="69"/>
                      <a:pt x="21" y="56"/>
                    </a:cubicBezTo>
                    <a:cubicBezTo>
                      <a:pt x="54" y="56"/>
                      <a:pt x="54" y="56"/>
                      <a:pt x="54" y="56"/>
                    </a:cubicBezTo>
                    <a:cubicBezTo>
                      <a:pt x="51" y="69"/>
                      <a:pt x="48" y="84"/>
                      <a:pt x="48" y="100"/>
                    </a:cubicBezTo>
                    <a:close/>
                    <a:moveTo>
                      <a:pt x="56" y="108"/>
                    </a:moveTo>
                    <a:cubicBezTo>
                      <a:pt x="100" y="108"/>
                      <a:pt x="100" y="108"/>
                      <a:pt x="100" y="108"/>
                    </a:cubicBezTo>
                    <a:cubicBezTo>
                      <a:pt x="100" y="152"/>
                      <a:pt x="100" y="152"/>
                      <a:pt x="100" y="152"/>
                    </a:cubicBezTo>
                    <a:cubicBezTo>
                      <a:pt x="63" y="152"/>
                      <a:pt x="63" y="152"/>
                      <a:pt x="63" y="152"/>
                    </a:cubicBezTo>
                    <a:cubicBezTo>
                      <a:pt x="59" y="139"/>
                      <a:pt x="56" y="124"/>
                      <a:pt x="56" y="108"/>
                    </a:cubicBezTo>
                    <a:close/>
                    <a:moveTo>
                      <a:pt x="100" y="160"/>
                    </a:moveTo>
                    <a:cubicBezTo>
                      <a:pt x="100" y="198"/>
                      <a:pt x="100" y="198"/>
                      <a:pt x="100" y="198"/>
                    </a:cubicBezTo>
                    <a:cubicBezTo>
                      <a:pt x="89" y="196"/>
                      <a:pt x="79" y="187"/>
                      <a:pt x="71" y="171"/>
                    </a:cubicBezTo>
                    <a:cubicBezTo>
                      <a:pt x="69" y="168"/>
                      <a:pt x="67" y="164"/>
                      <a:pt x="66" y="160"/>
                    </a:cubicBezTo>
                    <a:lnTo>
                      <a:pt x="100" y="160"/>
                    </a:lnTo>
                    <a:close/>
                    <a:moveTo>
                      <a:pt x="108" y="198"/>
                    </a:moveTo>
                    <a:cubicBezTo>
                      <a:pt x="108" y="160"/>
                      <a:pt x="108" y="160"/>
                      <a:pt x="108" y="160"/>
                    </a:cubicBezTo>
                    <a:cubicBezTo>
                      <a:pt x="142" y="160"/>
                      <a:pt x="142" y="160"/>
                      <a:pt x="142" y="160"/>
                    </a:cubicBezTo>
                    <a:cubicBezTo>
                      <a:pt x="141" y="164"/>
                      <a:pt x="139" y="168"/>
                      <a:pt x="137" y="171"/>
                    </a:cubicBezTo>
                    <a:cubicBezTo>
                      <a:pt x="129" y="187"/>
                      <a:pt x="119" y="196"/>
                      <a:pt x="108" y="198"/>
                    </a:cubicBezTo>
                    <a:close/>
                    <a:moveTo>
                      <a:pt x="108" y="152"/>
                    </a:moveTo>
                    <a:cubicBezTo>
                      <a:pt x="108" y="108"/>
                      <a:pt x="108" y="108"/>
                      <a:pt x="108" y="108"/>
                    </a:cubicBezTo>
                    <a:cubicBezTo>
                      <a:pt x="152" y="108"/>
                      <a:pt x="152" y="108"/>
                      <a:pt x="152" y="108"/>
                    </a:cubicBezTo>
                    <a:cubicBezTo>
                      <a:pt x="152" y="124"/>
                      <a:pt x="149" y="139"/>
                      <a:pt x="145" y="152"/>
                    </a:cubicBezTo>
                    <a:lnTo>
                      <a:pt x="108" y="152"/>
                    </a:lnTo>
                    <a:close/>
                    <a:moveTo>
                      <a:pt x="160" y="108"/>
                    </a:moveTo>
                    <a:cubicBezTo>
                      <a:pt x="200" y="108"/>
                      <a:pt x="200" y="108"/>
                      <a:pt x="200" y="108"/>
                    </a:cubicBezTo>
                    <a:cubicBezTo>
                      <a:pt x="199" y="124"/>
                      <a:pt x="195" y="139"/>
                      <a:pt x="187" y="152"/>
                    </a:cubicBezTo>
                    <a:cubicBezTo>
                      <a:pt x="154" y="152"/>
                      <a:pt x="154" y="152"/>
                      <a:pt x="154" y="152"/>
                    </a:cubicBezTo>
                    <a:cubicBezTo>
                      <a:pt x="157" y="139"/>
                      <a:pt x="160" y="124"/>
                      <a:pt x="160" y="108"/>
                    </a:cubicBezTo>
                    <a:close/>
                    <a:moveTo>
                      <a:pt x="160" y="100"/>
                    </a:moveTo>
                    <a:cubicBezTo>
                      <a:pt x="160" y="84"/>
                      <a:pt x="157" y="69"/>
                      <a:pt x="154" y="56"/>
                    </a:cubicBezTo>
                    <a:cubicBezTo>
                      <a:pt x="187" y="56"/>
                      <a:pt x="187" y="56"/>
                      <a:pt x="187" y="56"/>
                    </a:cubicBezTo>
                    <a:cubicBezTo>
                      <a:pt x="195" y="69"/>
                      <a:pt x="199" y="84"/>
                      <a:pt x="200" y="100"/>
                    </a:cubicBezTo>
                    <a:lnTo>
                      <a:pt x="160" y="100"/>
                    </a:lnTo>
                    <a:close/>
                    <a:moveTo>
                      <a:pt x="182" y="48"/>
                    </a:moveTo>
                    <a:cubicBezTo>
                      <a:pt x="151" y="48"/>
                      <a:pt x="151" y="48"/>
                      <a:pt x="151" y="48"/>
                    </a:cubicBezTo>
                    <a:cubicBezTo>
                      <a:pt x="149" y="43"/>
                      <a:pt x="147" y="37"/>
                      <a:pt x="144" y="33"/>
                    </a:cubicBezTo>
                    <a:cubicBezTo>
                      <a:pt x="140" y="24"/>
                      <a:pt x="134" y="16"/>
                      <a:pt x="127" y="11"/>
                    </a:cubicBezTo>
                    <a:cubicBezTo>
                      <a:pt x="149" y="16"/>
                      <a:pt x="169" y="30"/>
                      <a:pt x="182" y="48"/>
                    </a:cubicBezTo>
                    <a:close/>
                    <a:moveTo>
                      <a:pt x="81" y="11"/>
                    </a:moveTo>
                    <a:cubicBezTo>
                      <a:pt x="74" y="16"/>
                      <a:pt x="68" y="24"/>
                      <a:pt x="64" y="33"/>
                    </a:cubicBezTo>
                    <a:cubicBezTo>
                      <a:pt x="61" y="37"/>
                      <a:pt x="59" y="43"/>
                      <a:pt x="57" y="48"/>
                    </a:cubicBezTo>
                    <a:cubicBezTo>
                      <a:pt x="26" y="48"/>
                      <a:pt x="26" y="48"/>
                      <a:pt x="26" y="48"/>
                    </a:cubicBezTo>
                    <a:cubicBezTo>
                      <a:pt x="39" y="30"/>
                      <a:pt x="59" y="16"/>
                      <a:pt x="81" y="11"/>
                    </a:cubicBezTo>
                    <a:close/>
                    <a:moveTo>
                      <a:pt x="26" y="160"/>
                    </a:moveTo>
                    <a:cubicBezTo>
                      <a:pt x="57" y="160"/>
                      <a:pt x="57" y="160"/>
                      <a:pt x="57" y="160"/>
                    </a:cubicBezTo>
                    <a:cubicBezTo>
                      <a:pt x="59" y="165"/>
                      <a:pt x="61" y="171"/>
                      <a:pt x="64" y="175"/>
                    </a:cubicBezTo>
                    <a:cubicBezTo>
                      <a:pt x="68" y="184"/>
                      <a:pt x="74" y="192"/>
                      <a:pt x="81" y="197"/>
                    </a:cubicBezTo>
                    <a:cubicBezTo>
                      <a:pt x="59" y="192"/>
                      <a:pt x="39" y="178"/>
                      <a:pt x="26" y="160"/>
                    </a:cubicBezTo>
                    <a:close/>
                    <a:moveTo>
                      <a:pt x="127" y="197"/>
                    </a:moveTo>
                    <a:cubicBezTo>
                      <a:pt x="134" y="192"/>
                      <a:pt x="140" y="184"/>
                      <a:pt x="144" y="175"/>
                    </a:cubicBezTo>
                    <a:cubicBezTo>
                      <a:pt x="147" y="171"/>
                      <a:pt x="149" y="165"/>
                      <a:pt x="151" y="160"/>
                    </a:cubicBezTo>
                    <a:cubicBezTo>
                      <a:pt x="182" y="160"/>
                      <a:pt x="182" y="160"/>
                      <a:pt x="182" y="160"/>
                    </a:cubicBezTo>
                    <a:cubicBezTo>
                      <a:pt x="169" y="178"/>
                      <a:pt x="149" y="192"/>
                      <a:pt x="127" y="19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cxnSp>
            <p:nvCxnSpPr>
              <p:cNvPr id="37" name="Connector: Elbow 36">
                <a:extLst>
                  <a:ext uri="{FF2B5EF4-FFF2-40B4-BE49-F238E27FC236}">
                    <a16:creationId xmlns:a16="http://schemas.microsoft.com/office/drawing/2014/main" id="{262BCEBC-1090-C26A-6537-ABD1987BC609}"/>
                  </a:ext>
                </a:extLst>
              </p:cNvPr>
              <p:cNvCxnSpPr>
                <a:cxnSpLocks/>
                <a:stCxn id="22" idx="2"/>
                <a:endCxn id="38" idx="0"/>
              </p:cNvCxnSpPr>
              <p:nvPr/>
            </p:nvCxnSpPr>
            <p:spPr>
              <a:xfrm rot="5400000">
                <a:off x="8463850" y="3875891"/>
                <a:ext cx="472713" cy="1202918"/>
              </a:xfrm>
              <a:prstGeom prst="bentConnector3">
                <a:avLst/>
              </a:prstGeom>
              <a:ln w="12700" cap="rnd">
                <a:solidFill>
                  <a:srgbClr val="06DAC6"/>
                </a:solidFill>
                <a:round/>
              </a:ln>
            </p:spPr>
            <p:style>
              <a:lnRef idx="1">
                <a:schemeClr val="accent1"/>
              </a:lnRef>
              <a:fillRef idx="0">
                <a:schemeClr val="accent1"/>
              </a:fillRef>
              <a:effectRef idx="0">
                <a:schemeClr val="accent1"/>
              </a:effectRef>
              <a:fontRef idx="minor">
                <a:schemeClr val="tx1"/>
              </a:fontRef>
            </p:style>
          </p:cxnSp>
          <p:cxnSp>
            <p:nvCxnSpPr>
              <p:cNvPr id="110" name="Connector: Elbow 109">
                <a:extLst>
                  <a:ext uri="{FF2B5EF4-FFF2-40B4-BE49-F238E27FC236}">
                    <a16:creationId xmlns:a16="http://schemas.microsoft.com/office/drawing/2014/main" id="{62D1B669-C951-0440-7B30-3A2F91727A53}"/>
                  </a:ext>
                </a:extLst>
              </p:cNvPr>
              <p:cNvCxnSpPr>
                <a:cxnSpLocks/>
                <a:stCxn id="22" idx="2"/>
                <a:endCxn id="104" idx="0"/>
              </p:cNvCxnSpPr>
              <p:nvPr/>
            </p:nvCxnSpPr>
            <p:spPr>
              <a:xfrm rot="16200000" flipH="1">
                <a:off x="9668520" y="3874139"/>
                <a:ext cx="472713" cy="1206422"/>
              </a:xfrm>
              <a:prstGeom prst="bentConnector3">
                <a:avLst>
                  <a:gd name="adj1" fmla="val 50000"/>
                </a:avLst>
              </a:prstGeom>
              <a:ln w="12700">
                <a:solidFill>
                  <a:srgbClr val="A2B3C9"/>
                </a:solidFill>
              </a:ln>
            </p:spPr>
            <p:style>
              <a:lnRef idx="1">
                <a:schemeClr val="accent1"/>
              </a:lnRef>
              <a:fillRef idx="0">
                <a:schemeClr val="accent1"/>
              </a:fillRef>
              <a:effectRef idx="0">
                <a:schemeClr val="accent1"/>
              </a:effectRef>
              <a:fontRef idx="minor">
                <a:schemeClr val="tx1"/>
              </a:fontRef>
            </p:style>
          </p:cxnSp>
          <p:cxnSp>
            <p:nvCxnSpPr>
              <p:cNvPr id="92" name="Straight Connector 91">
                <a:extLst>
                  <a:ext uri="{FF2B5EF4-FFF2-40B4-BE49-F238E27FC236}">
                    <a16:creationId xmlns:a16="http://schemas.microsoft.com/office/drawing/2014/main" id="{68D031C8-E81A-8D81-09ED-F5C444AF6E6D}"/>
                  </a:ext>
                </a:extLst>
              </p:cNvPr>
              <p:cNvCxnSpPr>
                <a:cxnSpLocks/>
              </p:cNvCxnSpPr>
              <p:nvPr/>
            </p:nvCxnSpPr>
            <p:spPr>
              <a:xfrm>
                <a:off x="9301664" y="4074218"/>
                <a:ext cx="1753" cy="639489"/>
              </a:xfrm>
              <a:prstGeom prst="line">
                <a:avLst/>
              </a:prstGeom>
              <a:ln w="15875">
                <a:solidFill>
                  <a:srgbClr val="06DAC6"/>
                </a:solidFill>
              </a:ln>
            </p:spPr>
            <p:style>
              <a:lnRef idx="1">
                <a:schemeClr val="accent1"/>
              </a:lnRef>
              <a:fillRef idx="0">
                <a:schemeClr val="accent1"/>
              </a:fillRef>
              <a:effectRef idx="0">
                <a:schemeClr val="accent1"/>
              </a:effectRef>
              <a:fontRef idx="minor">
                <a:schemeClr val="tx1"/>
              </a:fontRef>
            </p:style>
          </p:cxnSp>
          <p:pic>
            <p:nvPicPr>
              <p:cNvPr id="22" name="Picture 21">
                <a:extLst>
                  <a:ext uri="{FF2B5EF4-FFF2-40B4-BE49-F238E27FC236}">
                    <a16:creationId xmlns:a16="http://schemas.microsoft.com/office/drawing/2014/main" id="{B88812D7-78D4-0A2B-7CA2-15D54B4CC459}"/>
                  </a:ext>
                </a:extLst>
              </p:cNvPr>
              <p:cNvPicPr>
                <a:picLocks noChangeAspect="1"/>
              </p:cNvPicPr>
              <p:nvPr/>
            </p:nvPicPr>
            <p:blipFill>
              <a:blip r:embed="rId3"/>
              <a:stretch>
                <a:fillRect/>
              </a:stretch>
            </p:blipFill>
            <p:spPr>
              <a:xfrm>
                <a:off x="8706854" y="3081567"/>
                <a:ext cx="1189621" cy="1159427"/>
              </a:xfrm>
              <a:prstGeom prst="rect">
                <a:avLst/>
              </a:prstGeom>
            </p:spPr>
          </p:pic>
          <p:sp>
            <p:nvSpPr>
              <p:cNvPr id="114" name="Oval 113">
                <a:extLst>
                  <a:ext uri="{FF2B5EF4-FFF2-40B4-BE49-F238E27FC236}">
                    <a16:creationId xmlns:a16="http://schemas.microsoft.com/office/drawing/2014/main" id="{C4E0C166-B061-5FC2-5AAC-65A81EC04DF8}"/>
                  </a:ext>
                </a:extLst>
              </p:cNvPr>
              <p:cNvSpPr/>
              <p:nvPr/>
            </p:nvSpPr>
            <p:spPr>
              <a:xfrm>
                <a:off x="8035053" y="4651767"/>
                <a:ext cx="123880" cy="123880"/>
              </a:xfrm>
              <a:prstGeom prst="ellipse">
                <a:avLst/>
              </a:prstGeom>
              <a:solidFill>
                <a:srgbClr val="06DAC6">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15" name="Oval 114">
                <a:extLst>
                  <a:ext uri="{FF2B5EF4-FFF2-40B4-BE49-F238E27FC236}">
                    <a16:creationId xmlns:a16="http://schemas.microsoft.com/office/drawing/2014/main" id="{616E6263-8FE8-0BCE-AA7F-5898ACBC4668}"/>
                  </a:ext>
                </a:extLst>
              </p:cNvPr>
              <p:cNvSpPr/>
              <p:nvPr/>
            </p:nvSpPr>
            <p:spPr>
              <a:xfrm>
                <a:off x="9244489" y="4651767"/>
                <a:ext cx="123880" cy="123880"/>
              </a:xfrm>
              <a:prstGeom prst="ellipse">
                <a:avLst/>
              </a:prstGeom>
              <a:solidFill>
                <a:srgbClr val="06DAC6">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16" name="Oval 115">
                <a:extLst>
                  <a:ext uri="{FF2B5EF4-FFF2-40B4-BE49-F238E27FC236}">
                    <a16:creationId xmlns:a16="http://schemas.microsoft.com/office/drawing/2014/main" id="{028DB7E1-0D0C-D08F-BB19-40665E816A2B}"/>
                  </a:ext>
                </a:extLst>
              </p:cNvPr>
              <p:cNvSpPr/>
              <p:nvPr/>
            </p:nvSpPr>
            <p:spPr>
              <a:xfrm>
                <a:off x="10448530" y="4651767"/>
                <a:ext cx="123880" cy="123880"/>
              </a:xfrm>
              <a:prstGeom prst="ellipse">
                <a:avLst/>
              </a:prstGeom>
              <a:solidFill>
                <a:srgbClr val="64778A">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04" name="Rectangle: Rounded Corners 103">
                <a:extLst>
                  <a:ext uri="{FF2B5EF4-FFF2-40B4-BE49-F238E27FC236}">
                    <a16:creationId xmlns:a16="http://schemas.microsoft.com/office/drawing/2014/main" id="{239D19DA-9CA4-E04E-6D21-2159B006B9A2}"/>
                  </a:ext>
                </a:extLst>
              </p:cNvPr>
              <p:cNvSpPr/>
              <p:nvPr/>
            </p:nvSpPr>
            <p:spPr>
              <a:xfrm>
                <a:off x="9992159" y="4713707"/>
                <a:ext cx="1031856" cy="471106"/>
              </a:xfrm>
              <a:prstGeom prst="roundRect">
                <a:avLst/>
              </a:prstGeom>
              <a:solidFill>
                <a:schemeClr val="bg1"/>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da-DK" sz="1000" b="1" noProof="0" dirty="0">
                    <a:solidFill>
                      <a:srgbClr val="64778A"/>
                    </a:solidFill>
                  </a:rPr>
                  <a:t>Øvrige løsninger</a:t>
                </a:r>
              </a:p>
            </p:txBody>
          </p:sp>
          <p:sp>
            <p:nvSpPr>
              <p:cNvPr id="38" name="Rectangle: Rounded Corners 37">
                <a:extLst>
                  <a:ext uri="{FF2B5EF4-FFF2-40B4-BE49-F238E27FC236}">
                    <a16:creationId xmlns:a16="http://schemas.microsoft.com/office/drawing/2014/main" id="{5B06E677-3A3B-3ADC-46C8-E10737A1879A}"/>
                  </a:ext>
                </a:extLst>
              </p:cNvPr>
              <p:cNvSpPr/>
              <p:nvPr/>
            </p:nvSpPr>
            <p:spPr>
              <a:xfrm>
                <a:off x="7582819" y="4713707"/>
                <a:ext cx="1031856" cy="471106"/>
              </a:xfrm>
              <a:prstGeom prst="roundRect">
                <a:avLst/>
              </a:prstGeom>
              <a:solidFill>
                <a:schemeClr val="bg1"/>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da-DK" sz="1000" b="1" noProof="0" dirty="0">
                  <a:solidFill>
                    <a:srgbClr val="024D78"/>
                  </a:solidFill>
                </a:endParaRPr>
              </a:p>
            </p:txBody>
          </p:sp>
          <p:pic>
            <p:nvPicPr>
              <p:cNvPr id="5122" name="Picture 2" descr="openDesk 1.0: Lessons learned ...">
                <a:extLst>
                  <a:ext uri="{FF2B5EF4-FFF2-40B4-BE49-F238E27FC236}">
                    <a16:creationId xmlns:a16="http://schemas.microsoft.com/office/drawing/2014/main" id="{706C268F-92E1-5883-A12B-6B6D14D5A9C5}"/>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7684747" y="4822612"/>
                <a:ext cx="828000" cy="237137"/>
              </a:xfrm>
              <a:prstGeom prst="rect">
                <a:avLst/>
              </a:prstGeom>
              <a:noFill/>
              <a:extLst>
                <a:ext uri="{909E8E84-426E-40DD-AFC4-6F175D3DCCD1}">
                  <a14:hiddenFill xmlns:a14="http://schemas.microsoft.com/office/drawing/2010/main">
                    <a:solidFill>
                      <a:srgbClr val="FFFFFF"/>
                    </a:solidFill>
                  </a14:hiddenFill>
                </a:ext>
              </a:extLst>
            </p:spPr>
          </p:pic>
          <p:sp>
            <p:nvSpPr>
              <p:cNvPr id="51" name="Rectangle: Rounded Corners 50">
                <a:extLst>
                  <a:ext uri="{FF2B5EF4-FFF2-40B4-BE49-F238E27FC236}">
                    <a16:creationId xmlns:a16="http://schemas.microsoft.com/office/drawing/2014/main" id="{CC68FD80-2BAB-48E9-DB9B-2ABABC7F7261}"/>
                  </a:ext>
                </a:extLst>
              </p:cNvPr>
              <p:cNvSpPr/>
              <p:nvPr/>
            </p:nvSpPr>
            <p:spPr>
              <a:xfrm>
                <a:off x="8787489" y="4713707"/>
                <a:ext cx="1031856" cy="471106"/>
              </a:xfrm>
              <a:prstGeom prst="roundRect">
                <a:avLst/>
              </a:prstGeom>
              <a:solidFill>
                <a:schemeClr val="bg1"/>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da-DK" sz="1000" b="1" noProof="0" dirty="0">
                  <a:solidFill>
                    <a:srgbClr val="024D78"/>
                  </a:solidFill>
                </a:endParaRPr>
              </a:p>
            </p:txBody>
          </p:sp>
          <p:pic>
            <p:nvPicPr>
              <p:cNvPr id="5124" name="Picture 4" descr="Media | openCode.de">
                <a:extLst>
                  <a:ext uri="{FF2B5EF4-FFF2-40B4-BE49-F238E27FC236}">
                    <a16:creationId xmlns:a16="http://schemas.microsoft.com/office/drawing/2014/main" id="{105C8C5F-30B5-1C28-ADED-1C743BF3758C}"/>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8833664" y="4818220"/>
                <a:ext cx="936000" cy="262080"/>
              </a:xfrm>
              <a:prstGeom prst="rect">
                <a:avLst/>
              </a:prstGeom>
              <a:noFill/>
              <a:extLst>
                <a:ext uri="{909E8E84-426E-40DD-AFC4-6F175D3DCCD1}">
                  <a14:hiddenFill xmlns:a14="http://schemas.microsoft.com/office/drawing/2010/main">
                    <a:solidFill>
                      <a:srgbClr val="FFFFFF"/>
                    </a:solidFill>
                  </a14:hiddenFill>
                </a:ext>
              </a:extLst>
            </p:spPr>
          </p:pic>
        </p:grpSp>
      </p:grpSp>
      <p:sp>
        <p:nvSpPr>
          <p:cNvPr id="102" name="Content Placeholder 5">
            <a:extLst>
              <a:ext uri="{FF2B5EF4-FFF2-40B4-BE49-F238E27FC236}">
                <a16:creationId xmlns:a16="http://schemas.microsoft.com/office/drawing/2014/main" id="{C5C08BB9-8158-F147-DAB1-ECAEFD6D6284}"/>
              </a:ext>
            </a:extLst>
          </p:cNvPr>
          <p:cNvSpPr txBox="1">
            <a:spLocks/>
          </p:cNvSpPr>
          <p:nvPr/>
        </p:nvSpPr>
        <p:spPr>
          <a:xfrm>
            <a:off x="546369" y="6518034"/>
            <a:ext cx="11456822" cy="21705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marR="0" lvl="0" indent="-87313"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700" b="0" i="1" u="none" strike="noStrike" kern="1200" cap="none" spc="0" normalizeH="0" noProof="0">
                <a:ln>
                  <a:noFill/>
                </a:ln>
                <a:solidFill>
                  <a:srgbClr val="000000"/>
                </a:solidFill>
                <a:effectLst/>
                <a:uLnTx/>
                <a:uFillTx/>
                <a:latin typeface="Arial" panose="020B0604020202020204"/>
                <a:ea typeface="+mn-ea"/>
                <a:cs typeface="+mn-cs"/>
              </a:rPr>
              <a:t>*</a:t>
            </a:r>
            <a:r>
              <a:rPr kumimoji="0" lang="da-DK" sz="700" b="0" i="1" u="none" strike="noStrike" kern="1200" cap="none" spc="0" normalizeH="0" noProof="0" dirty="0" err="1">
                <a:ln>
                  <a:noFill/>
                </a:ln>
                <a:solidFill>
                  <a:srgbClr val="000000"/>
                </a:solidFill>
                <a:effectLst/>
                <a:uLnTx/>
                <a:uFillTx/>
                <a:latin typeface="Arial" panose="020B0604020202020204"/>
                <a:ea typeface="+mn-ea"/>
                <a:cs typeface="+mn-cs"/>
              </a:rPr>
              <a:t>Strategische</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a:t>
            </a:r>
            <a:r>
              <a:rPr kumimoji="0" lang="da-DK" sz="700" b="0" i="1" u="none" strike="noStrike" kern="1200" cap="none" spc="0" normalizeH="0" noProof="0" dirty="0" err="1">
                <a:ln>
                  <a:noFill/>
                </a:ln>
                <a:solidFill>
                  <a:srgbClr val="000000"/>
                </a:solidFill>
                <a:effectLst/>
                <a:uLnTx/>
                <a:uFillTx/>
                <a:latin typeface="Arial" panose="020B0604020202020204"/>
                <a:ea typeface="+mn-ea"/>
                <a:cs typeface="+mn-cs"/>
              </a:rPr>
              <a:t>Marktanalyse</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a:t>
            </a:r>
            <a:r>
              <a:rPr kumimoji="0" lang="da-DK" sz="700" b="0" i="1" u="none" strike="noStrike" kern="1200" cap="none" spc="0" normalizeH="0" noProof="0" dirty="0" err="1">
                <a:ln>
                  <a:noFill/>
                </a:ln>
                <a:solidFill>
                  <a:srgbClr val="000000"/>
                </a:solidFill>
                <a:effectLst/>
                <a:uLnTx/>
                <a:uFillTx/>
                <a:latin typeface="Arial" panose="020B0604020202020204"/>
                <a:ea typeface="+mn-ea"/>
                <a:cs typeface="+mn-cs"/>
              </a:rPr>
              <a:t>zur</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a:t>
            </a:r>
            <a:r>
              <a:rPr kumimoji="0" lang="da-DK" sz="700" b="0" i="1" u="none" strike="noStrike" kern="1200" cap="none" spc="0" normalizeH="0" noProof="0" dirty="0" err="1">
                <a:ln>
                  <a:noFill/>
                </a:ln>
                <a:solidFill>
                  <a:srgbClr val="000000"/>
                </a:solidFill>
                <a:effectLst/>
                <a:uLnTx/>
                <a:uFillTx/>
                <a:latin typeface="Arial" panose="020B0604020202020204"/>
                <a:ea typeface="+mn-ea"/>
                <a:cs typeface="+mn-cs"/>
              </a:rPr>
              <a:t>Reduzierung</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von </a:t>
            </a:r>
            <a:r>
              <a:rPr kumimoji="0" lang="da-DK" sz="700" b="0" i="1" u="none" strike="noStrike" kern="1200" cap="none" spc="0" normalizeH="0" noProof="0" dirty="0" err="1">
                <a:ln>
                  <a:noFill/>
                </a:ln>
                <a:solidFill>
                  <a:srgbClr val="000000"/>
                </a:solidFill>
                <a:effectLst/>
                <a:uLnTx/>
                <a:uFillTx/>
                <a:latin typeface="Arial" panose="020B0604020202020204"/>
                <a:ea typeface="+mn-ea"/>
                <a:cs typeface="+mn-cs"/>
              </a:rPr>
              <a:t>Abhängigkeiten</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von </a:t>
            </a:r>
            <a:r>
              <a:rPr kumimoji="0" lang="da-DK" sz="700" b="0" i="1" u="none" strike="noStrike" kern="1200" cap="none" spc="0" normalizeH="0" noProof="0" dirty="0" err="1">
                <a:ln>
                  <a:noFill/>
                </a:ln>
                <a:solidFill>
                  <a:srgbClr val="000000"/>
                </a:solidFill>
                <a:effectLst/>
                <a:uLnTx/>
                <a:uFillTx/>
                <a:latin typeface="Arial" panose="020B0604020202020204"/>
                <a:ea typeface="+mn-ea"/>
                <a:cs typeface="+mn-cs"/>
              </a:rPr>
              <a:t>einzelnen</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Software-</a:t>
            </a:r>
            <a:r>
              <a:rPr kumimoji="0" lang="da-DK" sz="700" b="0" i="1" u="none" strike="noStrike" kern="1200" cap="none" spc="0" normalizeH="0" noProof="0" dirty="0" err="1">
                <a:ln>
                  <a:noFill/>
                </a:ln>
                <a:solidFill>
                  <a:srgbClr val="000000"/>
                </a:solidFill>
                <a:effectLst/>
                <a:uLnTx/>
                <a:uFillTx/>
                <a:latin typeface="Arial" panose="020B0604020202020204"/>
                <a:ea typeface="+mn-ea"/>
                <a:cs typeface="+mn-cs"/>
              </a:rPr>
              <a:t>Anbietern</a:t>
            </a:r>
            <a:r>
              <a:rPr kumimoji="0" lang="da-DK" sz="700" b="0" i="0" u="none" strike="noStrike" kern="1200" cap="none" spc="0" normalizeH="0" noProof="0">
                <a:ln>
                  <a:noFill/>
                </a:ln>
                <a:solidFill>
                  <a:srgbClr val="000000"/>
                </a:solidFill>
                <a:effectLst/>
                <a:uLnTx/>
                <a:uFillTx/>
                <a:latin typeface="Arial" panose="020B0604020202020204"/>
                <a:ea typeface="+mn-ea"/>
                <a:cs typeface="+mn-cs"/>
              </a:rPr>
              <a:t>”, udarbejdet i august 2019 på bestilling af det tyske indenrigsministerium (BMI).</a:t>
            </a:r>
          </a:p>
          <a:p>
            <a:pPr marL="87313" marR="0" lvl="0" indent="-87313"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endParaRPr kumimoji="0" lang="da-DK" sz="700" b="0" i="0" u="none" strike="noStrike" kern="1200" cap="none" spc="0" normalizeH="0" noProof="0">
              <a:ln>
                <a:noFill/>
              </a:ln>
              <a:solidFill>
                <a:srgbClr val="000000"/>
              </a:solidFill>
              <a:effectLst/>
              <a:uLnTx/>
              <a:uFillTx/>
              <a:latin typeface="Arial" panose="020B0604020202020204"/>
              <a:ea typeface="+mn-ea"/>
              <a:cs typeface="+mn-cs"/>
            </a:endParaRPr>
          </a:p>
        </p:txBody>
      </p:sp>
    </p:spTree>
    <p:extLst>
      <p:ext uri="{BB962C8B-B14F-4D97-AF65-F5344CB8AC3E}">
        <p14:creationId xmlns:p14="http://schemas.microsoft.com/office/powerpoint/2010/main" val="544752820"/>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7099390-F728-1AE8-577B-BA28A38384D7}"/>
            </a:ext>
          </a:extLst>
        </p:cNvPr>
        <p:cNvGrpSpPr/>
        <p:nvPr/>
      </p:nvGrpSpPr>
      <p:grpSpPr>
        <a:xfrm>
          <a:off x="0" y="0"/>
          <a:ext cx="0" cy="0"/>
          <a:chOff x="0" y="0"/>
          <a:chExt cx="0" cy="0"/>
        </a:xfrm>
      </p:grpSpPr>
      <p:sp>
        <p:nvSpPr>
          <p:cNvPr id="4" name="Rectangle: Rounded Corners 3">
            <a:extLst>
              <a:ext uri="{FF2B5EF4-FFF2-40B4-BE49-F238E27FC236}">
                <a16:creationId xmlns:a16="http://schemas.microsoft.com/office/drawing/2014/main" id="{1437F420-9C67-9C0B-50D1-B754EF75F271}"/>
              </a:ext>
            </a:extLst>
          </p:cNvPr>
          <p:cNvSpPr/>
          <p:nvPr/>
        </p:nvSpPr>
        <p:spPr>
          <a:xfrm>
            <a:off x="169304" y="11734"/>
            <a:ext cx="7263342"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4 | Center for Digital Suverænitet i Offentlig Forvaltning (</a:t>
            </a:r>
            <a:r>
              <a:rPr lang="da-DK" sz="1600" b="1" noProof="0" dirty="0" err="1">
                <a:solidFill>
                  <a:srgbClr val="36465A"/>
                </a:solidFill>
              </a:rPr>
              <a:t>ZenDiS</a:t>
            </a:r>
            <a:r>
              <a:rPr lang="da-DK" sz="1600" b="1" noProof="0" dirty="0">
                <a:solidFill>
                  <a:srgbClr val="36465A"/>
                </a:solidFill>
              </a:rPr>
              <a:t>)</a:t>
            </a:r>
          </a:p>
        </p:txBody>
      </p:sp>
      <p:sp>
        <p:nvSpPr>
          <p:cNvPr id="2" name="Title 1">
            <a:extLst>
              <a:ext uri="{FF2B5EF4-FFF2-40B4-BE49-F238E27FC236}">
                <a16:creationId xmlns:a16="http://schemas.microsoft.com/office/drawing/2014/main" id="{D2FF3FD5-A32F-F4DB-076C-3AAEC869C94E}"/>
              </a:ext>
            </a:extLst>
          </p:cNvPr>
          <p:cNvSpPr>
            <a:spLocks noGrp="1"/>
          </p:cNvSpPr>
          <p:nvPr>
            <p:ph type="title"/>
          </p:nvPr>
        </p:nvSpPr>
        <p:spPr/>
        <p:txBody>
          <a:bodyPr/>
          <a:lstStyle/>
          <a:p>
            <a:r>
              <a:rPr lang="da-DK" sz="2200" noProof="0" dirty="0"/>
              <a:t>Side 3/3 | </a:t>
            </a:r>
            <a:r>
              <a:rPr lang="da-DK" sz="2200" b="1" noProof="0" dirty="0"/>
              <a:t>Teknologisk og organisatorisk transformation</a:t>
            </a:r>
            <a:endParaRPr lang="da-DK" sz="2200" noProof="0" dirty="0"/>
          </a:p>
        </p:txBody>
      </p:sp>
      <p:pic>
        <p:nvPicPr>
          <p:cNvPr id="13" name="Picture 12">
            <a:extLst>
              <a:ext uri="{FF2B5EF4-FFF2-40B4-BE49-F238E27FC236}">
                <a16:creationId xmlns:a16="http://schemas.microsoft.com/office/drawing/2014/main" id="{2B8899E8-ED27-05BD-9C63-6851DC570730}"/>
              </a:ext>
              <a:ext uri="{C183D7F6-B498-43B3-948B-1728B52AA6E4}">
                <adec:decorative xmlns:adec="http://schemas.microsoft.com/office/drawing/2017/decorative" val="1"/>
              </a:ext>
            </a:extLst>
          </p:cNvPr>
          <p:cNvPicPr>
            <a:picLocks noChangeAspect="1"/>
          </p:cNvPicPr>
          <p:nvPr/>
        </p:nvPicPr>
        <p:blipFill>
          <a:blip r:embed="rId3"/>
          <a:stretch>
            <a:fillRect/>
          </a:stretch>
        </p:blipFill>
        <p:spPr>
          <a:xfrm>
            <a:off x="10617044" y="56347"/>
            <a:ext cx="1351031" cy="1316741"/>
          </a:xfrm>
          <a:prstGeom prst="rect">
            <a:avLst/>
          </a:prstGeom>
        </p:spPr>
      </p:pic>
      <p:sp>
        <p:nvSpPr>
          <p:cNvPr id="10" name="Rectangle: Rounded Corners 9">
            <a:extLst>
              <a:ext uri="{FF2B5EF4-FFF2-40B4-BE49-F238E27FC236}">
                <a16:creationId xmlns:a16="http://schemas.microsoft.com/office/drawing/2014/main" id="{A751B6A9-7E11-D6F4-CE14-73E8D851EFBF}"/>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Teknologisk transformation</a:t>
            </a:r>
          </a:p>
        </p:txBody>
      </p:sp>
      <p:sp>
        <p:nvSpPr>
          <p:cNvPr id="3" name="Rectangle 2">
            <a:extLst>
              <a:ext uri="{FF2B5EF4-FFF2-40B4-BE49-F238E27FC236}">
                <a16:creationId xmlns:a16="http://schemas.microsoft.com/office/drawing/2014/main" id="{8C833494-0FAB-D887-442C-468AE78207DD}"/>
              </a:ext>
            </a:extLst>
          </p:cNvPr>
          <p:cNvSpPr/>
          <p:nvPr/>
        </p:nvSpPr>
        <p:spPr>
          <a:xfrm>
            <a:off x="529798" y="2069025"/>
            <a:ext cx="2980144" cy="43426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Ins="90000"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rPr>
              <a:t>Teknologisk målbillede</a:t>
            </a:r>
          </a:p>
          <a:p>
            <a:r>
              <a:rPr lang="da-DK" sz="900" noProof="0" dirty="0">
                <a:solidFill>
                  <a:schemeClr val="tx1"/>
                </a:solidFill>
                <a:sym typeface="Wingdings" panose="05000000000000000000" pitchFamily="2" charset="2"/>
              </a:rPr>
              <a:t>Det teknologiske målbillede bygger på tre nøgleelementer:</a:t>
            </a:r>
          </a:p>
          <a:p>
            <a:pPr marL="228600" indent="-228600">
              <a:buFont typeface="+mj-lt"/>
              <a:buAutoNum type="arabicPeriod"/>
            </a:pPr>
            <a:r>
              <a:rPr lang="da-DK" sz="900" b="1" noProof="0" dirty="0" err="1">
                <a:solidFill>
                  <a:schemeClr val="tx1"/>
                </a:solidFill>
                <a:sym typeface="Wingdings" panose="05000000000000000000" pitchFamily="2" charset="2"/>
              </a:rPr>
              <a:t>OpenCode</a:t>
            </a:r>
            <a:r>
              <a:rPr lang="da-DK" sz="900" b="1" noProof="0" dirty="0">
                <a:solidFill>
                  <a:schemeClr val="tx1"/>
                </a:solidFill>
                <a:sym typeface="Wingdings" panose="05000000000000000000" pitchFamily="2" charset="2"/>
              </a:rPr>
              <a:t>: </a:t>
            </a:r>
            <a:r>
              <a:rPr lang="da-DK" sz="900" noProof="0" dirty="0" err="1">
                <a:solidFill>
                  <a:schemeClr val="tx1"/>
                </a:solidFill>
                <a:sym typeface="Wingdings" panose="05000000000000000000" pitchFamily="2" charset="2"/>
              </a:rPr>
              <a:t>GitLab</a:t>
            </a:r>
            <a:r>
              <a:rPr lang="da-DK" sz="900" noProof="0" dirty="0">
                <a:solidFill>
                  <a:schemeClr val="tx1"/>
                </a:solidFill>
                <a:sym typeface="Wingdings" panose="05000000000000000000" pitchFamily="2" charset="2"/>
              </a:rPr>
              <a:t>-baseret open source-platform, der fungerer som et fælles udviklingsmiljø for offentlige institutioner. Platformen understøtter over 10.000 brugere og næsten 5.000 projekter, hvilket gør den til en central komponent i opbygningen af en sikker softwareforsyningskæde. Her kan myndigheder dele kode, idéer og komponenter.</a:t>
            </a:r>
            <a:endParaRPr lang="da-DK" sz="900" b="1" noProof="0" dirty="0">
              <a:solidFill>
                <a:schemeClr val="tx1"/>
              </a:solidFill>
              <a:sym typeface="Wingdings" panose="05000000000000000000" pitchFamily="2" charset="2"/>
            </a:endParaRPr>
          </a:p>
          <a:p>
            <a:pPr marL="228600" indent="-228600">
              <a:buFont typeface="+mj-lt"/>
              <a:buAutoNum type="arabicPeriod"/>
            </a:pPr>
            <a:r>
              <a:rPr lang="da-DK" sz="900" b="1" noProof="0" dirty="0" err="1">
                <a:solidFill>
                  <a:schemeClr val="tx1"/>
                </a:solidFill>
                <a:sym typeface="Wingdings" panose="05000000000000000000" pitchFamily="2" charset="2"/>
              </a:rPr>
              <a:t>OpenDesk</a:t>
            </a:r>
            <a:r>
              <a:rPr lang="da-DK" sz="900" b="1" noProof="0" dirty="0">
                <a:solidFill>
                  <a:schemeClr val="tx1"/>
                </a:solidFill>
                <a:sym typeface="Wingdings" panose="05000000000000000000" pitchFamily="2" charset="2"/>
              </a:rPr>
              <a:t>: </a:t>
            </a:r>
            <a:r>
              <a:rPr lang="da-DK" sz="900" noProof="0" dirty="0">
                <a:solidFill>
                  <a:schemeClr val="tx1"/>
                </a:solidFill>
                <a:sym typeface="Wingdings" panose="05000000000000000000" pitchFamily="2" charset="2"/>
              </a:rPr>
              <a:t>Suveræn arbejdspladsløsning, der tilbyder e-mail, kalender, dokumenthåndtering, chat og videomøder i én integreret pakke. Løsningen bygger på open source-komponenter*, hvilket sikrer </a:t>
            </a:r>
            <a:r>
              <a:rPr lang="da-DK" sz="900" noProof="0" dirty="0" err="1">
                <a:solidFill>
                  <a:schemeClr val="tx1"/>
                </a:solidFill>
                <a:sym typeface="Wingdings" panose="05000000000000000000" pitchFamily="2" charset="2"/>
              </a:rPr>
              <a:t>interoperabilitet</a:t>
            </a:r>
            <a:r>
              <a:rPr lang="da-DK" sz="900" noProof="0" dirty="0">
                <a:solidFill>
                  <a:schemeClr val="tx1"/>
                </a:solidFill>
                <a:sym typeface="Wingdings" panose="05000000000000000000" pitchFamily="2" charset="2"/>
              </a:rPr>
              <a:t> og reducerer leverandør </a:t>
            </a:r>
            <a:r>
              <a:rPr lang="da-DK" sz="900" noProof="0" dirty="0" err="1">
                <a:solidFill>
                  <a:schemeClr val="tx1"/>
                </a:solidFill>
                <a:sym typeface="Wingdings" panose="05000000000000000000" pitchFamily="2" charset="2"/>
              </a:rPr>
              <a:t>lock</a:t>
            </a:r>
            <a:r>
              <a:rPr lang="da-DK" sz="900" noProof="0" dirty="0">
                <a:solidFill>
                  <a:schemeClr val="tx1"/>
                </a:solidFill>
                <a:sym typeface="Wingdings" panose="05000000000000000000" pitchFamily="2" charset="2"/>
              </a:rPr>
              <a:t>-in. </a:t>
            </a:r>
            <a:r>
              <a:rPr lang="da-DK" sz="900" noProof="0" dirty="0" err="1">
                <a:solidFill>
                  <a:schemeClr val="tx1"/>
                </a:solidFill>
                <a:sym typeface="Wingdings" panose="05000000000000000000" pitchFamily="2" charset="2"/>
              </a:rPr>
              <a:t>OpenDesk</a:t>
            </a:r>
            <a:r>
              <a:rPr lang="da-DK" sz="900" noProof="0" dirty="0">
                <a:solidFill>
                  <a:schemeClr val="tx1"/>
                </a:solidFill>
                <a:sym typeface="Wingdings" panose="05000000000000000000" pitchFamily="2" charset="2"/>
              </a:rPr>
              <a:t> har næsten 100.000 aktive brugere og 160.000 registrerede brugere med forventning om at fordoble antallet af aktive brugere i 2026. </a:t>
            </a:r>
            <a:endParaRPr lang="da-DK" sz="900" b="1" noProof="0" dirty="0">
              <a:solidFill>
                <a:schemeClr val="tx1"/>
              </a:solidFill>
              <a:sym typeface="Wingdings" panose="05000000000000000000" pitchFamily="2" charset="2"/>
            </a:endParaRPr>
          </a:p>
          <a:p>
            <a:pPr marL="228600" indent="-228600">
              <a:buFont typeface="+mj-lt"/>
              <a:buAutoNum type="arabicPeriod"/>
            </a:pPr>
            <a:r>
              <a:rPr lang="da-DK" sz="900" b="1" noProof="0" dirty="0">
                <a:solidFill>
                  <a:schemeClr val="tx1"/>
                </a:solidFill>
                <a:sym typeface="Wingdings" panose="05000000000000000000" pitchFamily="2" charset="2"/>
              </a:rPr>
              <a:t>Rådgivning: </a:t>
            </a:r>
            <a:r>
              <a:rPr lang="da-DK" sz="900" noProof="0" dirty="0" err="1">
                <a:solidFill>
                  <a:schemeClr val="tx1"/>
                </a:solidFill>
                <a:sym typeface="Wingdings" panose="05000000000000000000" pitchFamily="2" charset="2"/>
              </a:rPr>
              <a:t>ZenDiS</a:t>
            </a:r>
            <a:r>
              <a:rPr lang="da-DK" sz="900" noProof="0" dirty="0">
                <a:solidFill>
                  <a:schemeClr val="tx1"/>
                </a:solidFill>
                <a:sym typeface="Wingdings" panose="05000000000000000000" pitchFamily="2" charset="2"/>
              </a:rPr>
              <a:t> tilbyder strategisk rådgivning, som omfatter afhængighedsanalyser, exit-strategier og migreringsplaner, samt støtte til implementering af open source-løsninger.</a:t>
            </a:r>
          </a:p>
          <a:p>
            <a:r>
              <a:rPr lang="da-DK" sz="900" noProof="0" dirty="0" err="1">
                <a:solidFill>
                  <a:schemeClr val="tx1"/>
                </a:solidFill>
              </a:rPr>
              <a:t>ZenDiS</a:t>
            </a:r>
            <a:r>
              <a:rPr lang="da-DK" sz="900" noProof="0" dirty="0">
                <a:solidFill>
                  <a:schemeClr val="tx1"/>
                </a:solidFill>
              </a:rPr>
              <a:t> har en strategisk ambition om et stærkere (fælles)europæisk perspektiv i udviklingen af nye alternativer. Ved at koordinere indsatsen på tværs af lande kan man undgå paralleludvikling og ineffektiv ressourceanvendelse. Initiativer som fælles open source-platforme, standardisering og samarbejde i EU-projekter (fx DC-EDIC**) er afgørende.</a:t>
            </a:r>
            <a:endParaRPr lang="da-DK" sz="900" noProof="0" dirty="0">
              <a:solidFill>
                <a:schemeClr val="tx1"/>
              </a:solidFill>
              <a:sym typeface="Wingdings" panose="05000000000000000000" pitchFamily="2" charset="2"/>
            </a:endParaRPr>
          </a:p>
          <a:p>
            <a:endParaRPr lang="da-DK" sz="900" noProof="0" dirty="0">
              <a:solidFill>
                <a:srgbClr val="00172D"/>
              </a:solidFill>
              <a:highlight>
                <a:srgbClr val="FFFF00"/>
              </a:highlight>
            </a:endParaRPr>
          </a:p>
        </p:txBody>
      </p:sp>
      <p:sp>
        <p:nvSpPr>
          <p:cNvPr id="11" name="Rectangle: Rounded Corners 10">
            <a:extLst>
              <a:ext uri="{FF2B5EF4-FFF2-40B4-BE49-F238E27FC236}">
                <a16:creationId xmlns:a16="http://schemas.microsoft.com/office/drawing/2014/main" id="{D8CD78CF-F43C-6366-1FE7-32B4BB9D0C51}"/>
              </a:ext>
            </a:extLst>
          </p:cNvPr>
          <p:cNvSpPr>
            <a:spLocks/>
          </p:cNvSpPr>
          <p:nvPr/>
        </p:nvSpPr>
        <p:spPr>
          <a:xfrm>
            <a:off x="4002004" y="1675906"/>
            <a:ext cx="2225744"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Organisatorisk transformation</a:t>
            </a:r>
          </a:p>
        </p:txBody>
      </p:sp>
      <p:sp>
        <p:nvSpPr>
          <p:cNvPr id="5" name="Rectangle 4">
            <a:extLst>
              <a:ext uri="{FF2B5EF4-FFF2-40B4-BE49-F238E27FC236}">
                <a16:creationId xmlns:a16="http://schemas.microsoft.com/office/drawing/2014/main" id="{D43403A6-325C-BE56-7EEF-64B29D8E9473}"/>
              </a:ext>
            </a:extLst>
          </p:cNvPr>
          <p:cNvSpPr/>
          <p:nvPr/>
        </p:nvSpPr>
        <p:spPr>
          <a:xfrm>
            <a:off x="3575058" y="2069025"/>
            <a:ext cx="2944783" cy="447019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sym typeface="Wingdings" panose="05000000000000000000" pitchFamily="2" charset="2"/>
              </a:rPr>
              <a:t>Projektorganisering</a:t>
            </a:r>
            <a:r>
              <a:rPr lang="da-DK" sz="900" b="1" noProof="0" dirty="0">
                <a:solidFill>
                  <a:schemeClr val="tx1"/>
                </a:solidFill>
                <a:sym typeface="Wingdings" panose="05000000000000000000" pitchFamily="2" charset="2"/>
              </a:rPr>
              <a:t> </a:t>
            </a:r>
          </a:p>
          <a:p>
            <a:r>
              <a:rPr lang="da-DK" sz="900" noProof="0" dirty="0" err="1">
                <a:solidFill>
                  <a:schemeClr val="tx1"/>
                </a:solidFill>
                <a:sym typeface="Wingdings" panose="05000000000000000000" pitchFamily="2" charset="2"/>
              </a:rPr>
              <a:t>ZenDiS</a:t>
            </a:r>
            <a:r>
              <a:rPr lang="da-DK" sz="900" noProof="0" dirty="0">
                <a:solidFill>
                  <a:schemeClr val="tx1"/>
                </a:solidFill>
                <a:sym typeface="Wingdings" panose="05000000000000000000" pitchFamily="2" charset="2"/>
              </a:rPr>
              <a:t> er organiseret som en GmbH*** og fungerer som en “</a:t>
            </a:r>
            <a:r>
              <a:rPr lang="da-DK" sz="900" noProof="0" dirty="0" err="1">
                <a:solidFill>
                  <a:schemeClr val="tx1"/>
                </a:solidFill>
                <a:sym typeface="Wingdings" panose="05000000000000000000" pitchFamily="2" charset="2"/>
              </a:rPr>
              <a:t>start-up</a:t>
            </a:r>
            <a:r>
              <a:rPr lang="da-DK" sz="900" noProof="0" dirty="0">
                <a:solidFill>
                  <a:schemeClr val="tx1"/>
                </a:solidFill>
                <a:sym typeface="Wingdings" panose="05000000000000000000" pitchFamily="2" charset="2"/>
              </a:rPr>
              <a:t> i staten” med ca. 45 medarbejdere.</a:t>
            </a:r>
          </a:p>
          <a:p>
            <a:r>
              <a:rPr lang="da-DK" sz="900" noProof="0" dirty="0" err="1">
                <a:solidFill>
                  <a:schemeClr val="tx1"/>
                </a:solidFill>
                <a:sym typeface="Wingdings" panose="05000000000000000000" pitchFamily="2" charset="2"/>
              </a:rPr>
              <a:t>ZenDiS</a:t>
            </a:r>
            <a:r>
              <a:rPr lang="da-DK" sz="900" noProof="0" dirty="0">
                <a:solidFill>
                  <a:schemeClr val="tx1"/>
                </a:solidFill>
                <a:sym typeface="Wingdings" panose="05000000000000000000" pitchFamily="2" charset="2"/>
              </a:rPr>
              <a:t> er en kommerciel virksomhed med en startkapital på €16 mio. (finansieret af staten) og har nu tre primære indtjeningskanaler:</a:t>
            </a:r>
          </a:p>
          <a:p>
            <a:pPr marL="228600" indent="-228600">
              <a:buFont typeface="+mj-lt"/>
              <a:buAutoNum type="arabicPeriod"/>
            </a:pPr>
            <a:r>
              <a:rPr lang="da-DK" sz="900" noProof="0" dirty="0">
                <a:solidFill>
                  <a:schemeClr val="tx1"/>
                </a:solidFill>
                <a:sym typeface="Wingdings" panose="05000000000000000000" pitchFamily="2" charset="2"/>
              </a:rPr>
              <a:t>Statskontrakter.</a:t>
            </a:r>
          </a:p>
          <a:p>
            <a:pPr marL="228600" indent="-228600">
              <a:buFont typeface="+mj-lt"/>
              <a:buAutoNum type="arabicPeriod"/>
            </a:pPr>
            <a:r>
              <a:rPr lang="da-DK" sz="900" noProof="0" dirty="0">
                <a:solidFill>
                  <a:schemeClr val="tx1"/>
                </a:solidFill>
                <a:sym typeface="Wingdings" panose="05000000000000000000" pitchFamily="2" charset="2"/>
              </a:rPr>
              <a:t>Indtægter fra open source-baserede licenser og tilknyttede ydelser</a:t>
            </a:r>
          </a:p>
          <a:p>
            <a:pPr marL="228600" indent="-228600">
              <a:buFont typeface="+mj-lt"/>
              <a:buAutoNum type="arabicPeriod"/>
            </a:pPr>
            <a:r>
              <a:rPr lang="da-DK" sz="900" noProof="0" dirty="0">
                <a:solidFill>
                  <a:schemeClr val="tx1"/>
                </a:solidFill>
                <a:sym typeface="Wingdings" panose="05000000000000000000" pitchFamily="2" charset="2"/>
              </a:rPr>
              <a:t>Rådgivning.</a:t>
            </a:r>
          </a:p>
          <a:p>
            <a:r>
              <a:rPr lang="da-DK" sz="900" noProof="0" dirty="0">
                <a:solidFill>
                  <a:schemeClr val="tx1"/>
                </a:solidFill>
                <a:sym typeface="Wingdings" panose="05000000000000000000" pitchFamily="2" charset="2"/>
              </a:rPr>
              <a:t>Målet er ikke blot at være endnu en it-leverandør, da </a:t>
            </a:r>
            <a:r>
              <a:rPr lang="da-DK" sz="900" noProof="0" dirty="0" err="1">
                <a:solidFill>
                  <a:schemeClr val="tx1"/>
                </a:solidFill>
                <a:sym typeface="Wingdings" panose="05000000000000000000" pitchFamily="2" charset="2"/>
              </a:rPr>
              <a:t>ZenDiS</a:t>
            </a:r>
            <a:r>
              <a:rPr lang="da-DK" sz="900" noProof="0" dirty="0">
                <a:solidFill>
                  <a:schemeClr val="tx1"/>
                </a:solidFill>
                <a:sym typeface="Wingdings" panose="05000000000000000000" pitchFamily="2" charset="2"/>
              </a:rPr>
              <a:t>’ kernekompetence er at transformere eksisterende open source-komponenter til robuste og skalerbare løsninger. Derfor arbejder </a:t>
            </a:r>
            <a:r>
              <a:rPr lang="da-DK" sz="900" noProof="0" dirty="0" err="1">
                <a:solidFill>
                  <a:schemeClr val="tx1"/>
                </a:solidFill>
                <a:sym typeface="Wingdings" panose="05000000000000000000" pitchFamily="2" charset="2"/>
              </a:rPr>
              <a:t>ZenDiS</a:t>
            </a:r>
            <a:r>
              <a:rPr lang="da-DK" sz="900" noProof="0" dirty="0">
                <a:solidFill>
                  <a:schemeClr val="tx1"/>
                </a:solidFill>
                <a:sym typeface="Wingdings" panose="05000000000000000000" pitchFamily="2" charset="2"/>
              </a:rPr>
              <a:t> ”partnerdrevet” via økosystemer med størst mulig genbrug af eksisterende løsninger og derved kombinerer en </a:t>
            </a:r>
            <a:r>
              <a:rPr lang="da-DK" sz="900" noProof="0" dirty="0" err="1">
                <a:solidFill>
                  <a:schemeClr val="tx1"/>
                </a:solidFill>
                <a:sym typeface="Wingdings" panose="05000000000000000000" pitchFamily="2" charset="2"/>
              </a:rPr>
              <a:t>inbound</a:t>
            </a:r>
            <a:r>
              <a:rPr lang="da-DK" sz="900" noProof="0" dirty="0">
                <a:solidFill>
                  <a:schemeClr val="tx1"/>
                </a:solidFill>
                <a:sym typeface="Wingdings" panose="05000000000000000000" pitchFamily="2" charset="2"/>
              </a:rPr>
              <a:t> og </a:t>
            </a:r>
            <a:r>
              <a:rPr lang="da-DK" sz="900" noProof="0" dirty="0" err="1">
                <a:solidFill>
                  <a:schemeClr val="tx1"/>
                </a:solidFill>
                <a:sym typeface="Wingdings" panose="05000000000000000000" pitchFamily="2" charset="2"/>
              </a:rPr>
              <a:t>outbound</a:t>
            </a:r>
            <a:r>
              <a:rPr lang="da-DK" sz="900" noProof="0" dirty="0">
                <a:solidFill>
                  <a:schemeClr val="tx1"/>
                </a:solidFill>
                <a:sym typeface="Wingdings" panose="05000000000000000000" pitchFamily="2" charset="2"/>
              </a:rPr>
              <a:t> tilgang til OSS. </a:t>
            </a:r>
            <a:br>
              <a:rPr lang="da-DK" sz="900" noProof="0" dirty="0">
                <a:solidFill>
                  <a:schemeClr val="tx1"/>
                </a:solidFill>
                <a:sym typeface="Wingdings" panose="05000000000000000000" pitchFamily="2" charset="2"/>
              </a:rPr>
            </a:br>
            <a:r>
              <a:rPr lang="da-DK" sz="900" noProof="0" dirty="0">
                <a:solidFill>
                  <a:schemeClr val="tx1"/>
                </a:solidFill>
                <a:sym typeface="Wingdings" panose="05000000000000000000" pitchFamily="2" charset="2"/>
              </a:rPr>
              <a:t>For at fastholde hastighed og skalerbarhed outsourcer </a:t>
            </a:r>
            <a:r>
              <a:rPr lang="da-DK" sz="900" noProof="0" dirty="0" err="1">
                <a:solidFill>
                  <a:schemeClr val="tx1"/>
                </a:solidFill>
                <a:sym typeface="Wingdings" panose="05000000000000000000" pitchFamily="2" charset="2"/>
              </a:rPr>
              <a:t>ZenDiS</a:t>
            </a:r>
            <a:r>
              <a:rPr lang="da-DK" sz="900" noProof="0" dirty="0">
                <a:solidFill>
                  <a:schemeClr val="tx1"/>
                </a:solidFill>
                <a:sym typeface="Wingdings" panose="05000000000000000000" pitchFamily="2" charset="2"/>
              </a:rPr>
              <a:t> en række supportfunktioner (eksempelvis jura, compliance samt dele af rådgivning, udvikling og drift) til specialiserede it-leverandører i økosystemet.</a:t>
            </a:r>
          </a:p>
          <a:p>
            <a:endParaRPr lang="da-DK" sz="900" b="1" noProof="0" dirty="0">
              <a:solidFill>
                <a:schemeClr val="tx1"/>
              </a:solidFill>
              <a:sym typeface="Wingdings" panose="05000000000000000000" pitchFamily="2" charset="2"/>
            </a:endParaRPr>
          </a:p>
          <a:p>
            <a:r>
              <a:rPr lang="da-DK" sz="900" b="1" noProof="0" dirty="0">
                <a:solidFill>
                  <a:srgbClr val="36465A"/>
                </a:solidFill>
                <a:sym typeface="Wingdings" panose="05000000000000000000" pitchFamily="2" charset="2"/>
              </a:rPr>
              <a:t>Forandringsledelse</a:t>
            </a:r>
          </a:p>
          <a:p>
            <a:r>
              <a:rPr lang="da-DK" sz="900" noProof="0" dirty="0">
                <a:solidFill>
                  <a:schemeClr val="tx1"/>
                </a:solidFill>
              </a:rPr>
              <a:t>Den egentlige organisatoriske implementering og forandringsledelse foregår i den myndighed, der adopterer løsningen. Her skal processer tilpasses og medarbejdere uddannes for at sikre en bæredygtig transition. </a:t>
            </a:r>
            <a:r>
              <a:rPr lang="da-DK" sz="900" noProof="0" dirty="0" err="1">
                <a:solidFill>
                  <a:schemeClr val="tx1"/>
                </a:solidFill>
              </a:rPr>
              <a:t>ZenDiS</a:t>
            </a:r>
            <a:r>
              <a:rPr lang="da-DK" sz="900" noProof="0" dirty="0">
                <a:solidFill>
                  <a:schemeClr val="tx1"/>
                </a:solidFill>
              </a:rPr>
              <a:t> tilbyder rammer, værktøjer og teknisk støtte, men transformationen i praksis kræver ledelsesmæssig forankring og intern forandringskraft i den enkelte organisation.</a:t>
            </a:r>
            <a:endParaRPr lang="da-DK" sz="900" b="1" noProof="0" dirty="0">
              <a:solidFill>
                <a:schemeClr val="tx1"/>
              </a:solidFill>
            </a:endParaRPr>
          </a:p>
          <a:p>
            <a:endParaRPr lang="da-DK" sz="900" b="1" noProof="0" dirty="0">
              <a:solidFill>
                <a:schemeClr val="tx1"/>
              </a:solidFill>
              <a:sym typeface="Wingdings" panose="05000000000000000000" pitchFamily="2" charset="2"/>
            </a:endParaRPr>
          </a:p>
          <a:p>
            <a:endParaRPr lang="da-DK" sz="900" b="1" noProof="0" dirty="0">
              <a:solidFill>
                <a:schemeClr val="tx1"/>
              </a:solidFill>
              <a:sym typeface="Wingdings" panose="05000000000000000000" pitchFamily="2" charset="2"/>
            </a:endParaRPr>
          </a:p>
          <a:p>
            <a:pPr>
              <a:spcAft>
                <a:spcPts val="350"/>
              </a:spcAft>
            </a:pPr>
            <a:endParaRPr lang="da-DK" sz="900" b="1" noProof="0" dirty="0">
              <a:solidFill>
                <a:schemeClr val="tx1"/>
              </a:solidFill>
            </a:endParaRPr>
          </a:p>
        </p:txBody>
      </p:sp>
      <p:sp>
        <p:nvSpPr>
          <p:cNvPr id="7" name="Rectangle 6">
            <a:extLst>
              <a:ext uri="{FF2B5EF4-FFF2-40B4-BE49-F238E27FC236}">
                <a16:creationId xmlns:a16="http://schemas.microsoft.com/office/drawing/2014/main" id="{D0764517-1F56-C9DC-2876-F24B1C44AD06}"/>
              </a:ext>
              <a:ext uri="{C183D7F6-B498-43B3-948B-1728B52AA6E4}">
                <adec:decorative xmlns:adec="http://schemas.microsoft.com/office/drawing/2017/decorative" val="1"/>
              </a:ext>
            </a:extLst>
          </p:cNvPr>
          <p:cNvSpPr>
            <a:spLocks/>
          </p:cNvSpPr>
          <p:nvPr/>
        </p:nvSpPr>
        <p:spPr>
          <a:xfrm rot="5400000">
            <a:off x="1272253"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14B63551-8386-D34B-2E64-A4DE10C8B274}"/>
              </a:ext>
              <a:ext uri="{C183D7F6-B498-43B3-948B-1728B52AA6E4}">
                <adec:decorative xmlns:adec="http://schemas.microsoft.com/office/drawing/2017/decorative" val="1"/>
              </a:ext>
            </a:extLst>
          </p:cNvPr>
          <p:cNvCxnSpPr>
            <a:cxnSpLocks/>
          </p:cNvCxnSpPr>
          <p:nvPr/>
        </p:nvCxnSpPr>
        <p:spPr>
          <a:xfrm>
            <a:off x="652803" y="2069026"/>
            <a:ext cx="280001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6C3E59D-EE36-0C18-79EC-007208B2880F}"/>
              </a:ext>
              <a:ext uri="{C183D7F6-B498-43B3-948B-1728B52AA6E4}">
                <adec:decorative xmlns:adec="http://schemas.microsoft.com/office/drawing/2017/decorative" val="1"/>
              </a:ext>
            </a:extLst>
          </p:cNvPr>
          <p:cNvCxnSpPr>
            <a:cxnSpLocks/>
          </p:cNvCxnSpPr>
          <p:nvPr/>
        </p:nvCxnSpPr>
        <p:spPr>
          <a:xfrm>
            <a:off x="3695700" y="2069026"/>
            <a:ext cx="272378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0A645FBA-7D11-8692-9E43-1922B2D16F08}"/>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50CDC431-CCF6-878F-D4A8-6CF50A4D595D}"/>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 name="Freeform 29">
            <a:extLst>
              <a:ext uri="{FF2B5EF4-FFF2-40B4-BE49-F238E27FC236}">
                <a16:creationId xmlns:a16="http://schemas.microsoft.com/office/drawing/2014/main" id="{10E2DACE-7FC8-ED94-5B0A-BF2D728D7AF8}"/>
              </a:ext>
              <a:ext uri="{C183D7F6-B498-43B3-948B-1728B52AA6E4}">
                <adec:decorative xmlns:adec="http://schemas.microsoft.com/office/drawing/2017/decorative" val="1"/>
              </a:ext>
            </a:extLst>
          </p:cNvPr>
          <p:cNvSpPr>
            <a:spLocks noEditPoints="1"/>
          </p:cNvSpPr>
          <p:nvPr/>
        </p:nvSpPr>
        <p:spPr bwMode="auto">
          <a:xfrm>
            <a:off x="3706126"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21">
            <a:extLst>
              <a:ext uri="{FF2B5EF4-FFF2-40B4-BE49-F238E27FC236}">
                <a16:creationId xmlns:a16="http://schemas.microsoft.com/office/drawing/2014/main" id="{E7DF8500-7D75-8933-6F90-534975F1913B}"/>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32" name="Rectangle: Rounded Corners 131">
            <a:extLst>
              <a:ext uri="{FF2B5EF4-FFF2-40B4-BE49-F238E27FC236}">
                <a16:creationId xmlns:a16="http://schemas.microsoft.com/office/drawing/2014/main" id="{4D2CF29E-0129-CD0A-F890-51C43EAA54AA}"/>
              </a:ext>
              <a:ext uri="{C183D7F6-B498-43B3-948B-1728B52AA6E4}">
                <adec:decorative xmlns:adec="http://schemas.microsoft.com/office/drawing/2017/decorative" val="1"/>
              </a:ext>
            </a:extLst>
          </p:cNvPr>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17" name="Rectangle: Rounded Corners 216">
            <a:extLst>
              <a:ext uri="{FF2B5EF4-FFF2-40B4-BE49-F238E27FC236}">
                <a16:creationId xmlns:a16="http://schemas.microsoft.com/office/drawing/2014/main" id="{1767C8F8-999F-2944-4CE2-DC90A54A4A25}"/>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18" name="TextBox 217">
            <a:extLst>
              <a:ext uri="{FF2B5EF4-FFF2-40B4-BE49-F238E27FC236}">
                <a16:creationId xmlns:a16="http://schemas.microsoft.com/office/drawing/2014/main" id="{8347A2B1-9618-889A-656F-A67C3E2ADDE0}"/>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Omkostningsdrivere</a:t>
            </a:r>
          </a:p>
        </p:txBody>
      </p:sp>
      <p:sp>
        <p:nvSpPr>
          <p:cNvPr id="286" name="Content Placeholder 5">
            <a:extLst>
              <a:ext uri="{FF2B5EF4-FFF2-40B4-BE49-F238E27FC236}">
                <a16:creationId xmlns:a16="http://schemas.microsoft.com/office/drawing/2014/main" id="{AD791838-E4F0-CF15-2310-0149BD070B14}"/>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dirty="0">
                <a:solidFill>
                  <a:schemeClr val="tx1"/>
                </a:solidFill>
              </a:rPr>
              <a:t>Omkostningsniveauer er udtryk for en relativ vurdering på tværs af cases foretaget af PA.</a:t>
            </a:r>
          </a:p>
        </p:txBody>
      </p:sp>
      <p:grpSp>
        <p:nvGrpSpPr>
          <p:cNvPr id="223" name="Group 222" descr="Projektledelse er en mellem til stor midlertidig omkostningsdriver">
            <a:extLst>
              <a:ext uri="{FF2B5EF4-FFF2-40B4-BE49-F238E27FC236}">
                <a16:creationId xmlns:a16="http://schemas.microsoft.com/office/drawing/2014/main" id="{1D31E0C3-5DC0-1175-550B-2554D15C321F}"/>
              </a:ext>
              <a:ext uri="{C183D7F6-B498-43B3-948B-1728B52AA6E4}">
                <adec:decorative xmlns:adec="http://schemas.microsoft.com/office/drawing/2017/decorative" val="0"/>
              </a:ext>
            </a:extLst>
          </p:cNvPr>
          <p:cNvGrpSpPr/>
          <p:nvPr/>
        </p:nvGrpSpPr>
        <p:grpSpPr>
          <a:xfrm>
            <a:off x="7290762" y="2788412"/>
            <a:ext cx="1577742" cy="259970"/>
            <a:chOff x="860772" y="4884291"/>
            <a:chExt cx="1487909" cy="245168"/>
          </a:xfrm>
        </p:grpSpPr>
        <p:grpSp>
          <p:nvGrpSpPr>
            <p:cNvPr id="224" name="Group 223">
              <a:extLst>
                <a:ext uri="{FF2B5EF4-FFF2-40B4-BE49-F238E27FC236}">
                  <a16:creationId xmlns:a16="http://schemas.microsoft.com/office/drawing/2014/main" id="{EDDB52D1-D32E-5C26-6000-F62E0BE11F10}"/>
                </a:ext>
              </a:extLst>
            </p:cNvPr>
            <p:cNvGrpSpPr/>
            <p:nvPr/>
          </p:nvGrpSpPr>
          <p:grpSpPr>
            <a:xfrm>
              <a:off x="860772" y="4884291"/>
              <a:ext cx="1487909" cy="212473"/>
              <a:chOff x="5354949" y="3009711"/>
              <a:chExt cx="1645739" cy="202758"/>
            </a:xfrm>
          </p:grpSpPr>
          <p:grpSp>
            <p:nvGrpSpPr>
              <p:cNvPr id="226" name="Group 225">
                <a:extLst>
                  <a:ext uri="{FF2B5EF4-FFF2-40B4-BE49-F238E27FC236}">
                    <a16:creationId xmlns:a16="http://schemas.microsoft.com/office/drawing/2014/main" id="{9EF163C5-4557-40A3-73C6-2816E62B2447}"/>
                  </a:ext>
                </a:extLst>
              </p:cNvPr>
              <p:cNvGrpSpPr/>
              <p:nvPr/>
            </p:nvGrpSpPr>
            <p:grpSpPr>
              <a:xfrm>
                <a:off x="5458296" y="3153610"/>
                <a:ext cx="1445092" cy="45719"/>
                <a:chOff x="5458296" y="3153610"/>
                <a:chExt cx="1445092" cy="45719"/>
              </a:xfrm>
            </p:grpSpPr>
            <p:cxnSp>
              <p:nvCxnSpPr>
                <p:cNvPr id="230" name="Straight Connector 229">
                  <a:extLst>
                    <a:ext uri="{FF2B5EF4-FFF2-40B4-BE49-F238E27FC236}">
                      <a16:creationId xmlns:a16="http://schemas.microsoft.com/office/drawing/2014/main" id="{BAC3F70D-6249-BFBA-762D-DDB8C5A035F4}"/>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31" name="Oval 230">
                  <a:extLst>
                    <a:ext uri="{FF2B5EF4-FFF2-40B4-BE49-F238E27FC236}">
                      <a16:creationId xmlns:a16="http://schemas.microsoft.com/office/drawing/2014/main" id="{42C6A87D-220A-BC73-8E2F-13ACBCA5C431}"/>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32" name="Oval 231">
                  <a:extLst>
                    <a:ext uri="{FF2B5EF4-FFF2-40B4-BE49-F238E27FC236}">
                      <a16:creationId xmlns:a16="http://schemas.microsoft.com/office/drawing/2014/main" id="{94C3A3B6-E164-36B1-BFF9-69FFF000B787}"/>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27" name="Straight Connector 226">
                <a:extLst>
                  <a:ext uri="{FF2B5EF4-FFF2-40B4-BE49-F238E27FC236}">
                    <a16:creationId xmlns:a16="http://schemas.microsoft.com/office/drawing/2014/main" id="{48A4EB0A-25CB-5E2B-A143-F5283C1CA26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28" name="TextBox 227">
                <a:extLst>
                  <a:ext uri="{FF2B5EF4-FFF2-40B4-BE49-F238E27FC236}">
                    <a16:creationId xmlns:a16="http://schemas.microsoft.com/office/drawing/2014/main" id="{CE9B1545-8DB6-142B-A125-CB4D4C5A0EE0}"/>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29" name="TextBox 228">
                <a:extLst>
                  <a:ext uri="{FF2B5EF4-FFF2-40B4-BE49-F238E27FC236}">
                    <a16:creationId xmlns:a16="http://schemas.microsoft.com/office/drawing/2014/main" id="{340474C4-6AC1-6E37-5F37-EE26B1003091}"/>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25" name="Oval 224">
              <a:extLst>
                <a:ext uri="{FF2B5EF4-FFF2-40B4-BE49-F238E27FC236}">
                  <a16:creationId xmlns:a16="http://schemas.microsoft.com/office/drawing/2014/main" id="{40236F84-041C-5DAF-6901-11E37090631A}"/>
                </a:ext>
              </a:extLst>
            </p:cNvPr>
            <p:cNvSpPr/>
            <p:nvPr/>
          </p:nvSpPr>
          <p:spPr>
            <a:xfrm>
              <a:off x="1833192" y="4985459"/>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36" name="Group 235" descr="Organisatorisk implementering er en mellem midlertidig omkostningsdriver">
            <a:extLst>
              <a:ext uri="{FF2B5EF4-FFF2-40B4-BE49-F238E27FC236}">
                <a16:creationId xmlns:a16="http://schemas.microsoft.com/office/drawing/2014/main" id="{FA437525-F0AA-A82C-89B1-B1246F9917C4}"/>
              </a:ext>
              <a:ext uri="{C183D7F6-B498-43B3-948B-1728B52AA6E4}">
                <adec:decorative xmlns:adec="http://schemas.microsoft.com/office/drawing/2017/decorative" val="0"/>
              </a:ext>
            </a:extLst>
          </p:cNvPr>
          <p:cNvGrpSpPr/>
          <p:nvPr/>
        </p:nvGrpSpPr>
        <p:grpSpPr>
          <a:xfrm>
            <a:off x="7290762" y="3344608"/>
            <a:ext cx="1577742" cy="265864"/>
            <a:chOff x="860772" y="4884291"/>
            <a:chExt cx="1487909" cy="250726"/>
          </a:xfrm>
        </p:grpSpPr>
        <p:grpSp>
          <p:nvGrpSpPr>
            <p:cNvPr id="237" name="Group 236">
              <a:extLst>
                <a:ext uri="{FF2B5EF4-FFF2-40B4-BE49-F238E27FC236}">
                  <a16:creationId xmlns:a16="http://schemas.microsoft.com/office/drawing/2014/main" id="{135E4A22-8EB7-1786-B981-8922BF3F2169}"/>
                </a:ext>
              </a:extLst>
            </p:cNvPr>
            <p:cNvGrpSpPr/>
            <p:nvPr/>
          </p:nvGrpSpPr>
          <p:grpSpPr>
            <a:xfrm>
              <a:off x="860772" y="4884291"/>
              <a:ext cx="1487909" cy="212473"/>
              <a:chOff x="5354949" y="3009711"/>
              <a:chExt cx="1645739" cy="202758"/>
            </a:xfrm>
          </p:grpSpPr>
          <p:grpSp>
            <p:nvGrpSpPr>
              <p:cNvPr id="239" name="Group 238">
                <a:extLst>
                  <a:ext uri="{FF2B5EF4-FFF2-40B4-BE49-F238E27FC236}">
                    <a16:creationId xmlns:a16="http://schemas.microsoft.com/office/drawing/2014/main" id="{D6805C88-37E6-B167-CA88-B79F930696E9}"/>
                  </a:ext>
                </a:extLst>
              </p:cNvPr>
              <p:cNvGrpSpPr/>
              <p:nvPr/>
            </p:nvGrpSpPr>
            <p:grpSpPr>
              <a:xfrm>
                <a:off x="5458296" y="3153610"/>
                <a:ext cx="1445092" cy="45719"/>
                <a:chOff x="5458296" y="3153610"/>
                <a:chExt cx="1445092" cy="45719"/>
              </a:xfrm>
            </p:grpSpPr>
            <p:cxnSp>
              <p:nvCxnSpPr>
                <p:cNvPr id="243" name="Straight Connector 242">
                  <a:extLst>
                    <a:ext uri="{FF2B5EF4-FFF2-40B4-BE49-F238E27FC236}">
                      <a16:creationId xmlns:a16="http://schemas.microsoft.com/office/drawing/2014/main" id="{B951FC19-19C5-9BA0-09AE-8C03631AFAEF}"/>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44" name="Oval 243">
                  <a:extLst>
                    <a:ext uri="{FF2B5EF4-FFF2-40B4-BE49-F238E27FC236}">
                      <a16:creationId xmlns:a16="http://schemas.microsoft.com/office/drawing/2014/main" id="{1BF8A79C-04DA-E042-FC47-676DDFB85B3C}"/>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45" name="Oval 244">
                  <a:extLst>
                    <a:ext uri="{FF2B5EF4-FFF2-40B4-BE49-F238E27FC236}">
                      <a16:creationId xmlns:a16="http://schemas.microsoft.com/office/drawing/2014/main" id="{5FE932DC-733F-7DE8-1EE3-491CE60667BC}"/>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40" name="Straight Connector 239">
                <a:extLst>
                  <a:ext uri="{FF2B5EF4-FFF2-40B4-BE49-F238E27FC236}">
                    <a16:creationId xmlns:a16="http://schemas.microsoft.com/office/drawing/2014/main" id="{9BD89CBB-808D-223D-5E66-0DF5C86E4631}"/>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41" name="TextBox 240">
                <a:extLst>
                  <a:ext uri="{FF2B5EF4-FFF2-40B4-BE49-F238E27FC236}">
                    <a16:creationId xmlns:a16="http://schemas.microsoft.com/office/drawing/2014/main" id="{2BE5E67B-AD96-DF02-CED8-B31EFA32280A}"/>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42" name="TextBox 241">
                <a:extLst>
                  <a:ext uri="{FF2B5EF4-FFF2-40B4-BE49-F238E27FC236}">
                    <a16:creationId xmlns:a16="http://schemas.microsoft.com/office/drawing/2014/main" id="{47CA73DE-951C-DB1A-9B13-7ECBA57F673B}"/>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38" name="Oval 237">
              <a:extLst>
                <a:ext uri="{FF2B5EF4-FFF2-40B4-BE49-F238E27FC236}">
                  <a16:creationId xmlns:a16="http://schemas.microsoft.com/office/drawing/2014/main" id="{4BDD4A45-2FEB-C1E4-191F-AFF7945832C2}"/>
                </a:ext>
              </a:extLst>
            </p:cNvPr>
            <p:cNvSpPr/>
            <p:nvPr/>
          </p:nvSpPr>
          <p:spPr>
            <a:xfrm>
              <a:off x="1531373"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76" name="Group 275" descr="Teknisk implementering er en mellem midlertidig omkostningsdriver">
            <a:extLst>
              <a:ext uri="{FF2B5EF4-FFF2-40B4-BE49-F238E27FC236}">
                <a16:creationId xmlns:a16="http://schemas.microsoft.com/office/drawing/2014/main" id="{30790FBA-5E05-3630-BC8E-3BAC4679A6BA}"/>
              </a:ext>
              <a:ext uri="{C183D7F6-B498-43B3-948B-1728B52AA6E4}">
                <adec:decorative xmlns:adec="http://schemas.microsoft.com/office/drawing/2017/decorative" val="0"/>
              </a:ext>
            </a:extLst>
          </p:cNvPr>
          <p:cNvGrpSpPr/>
          <p:nvPr/>
        </p:nvGrpSpPr>
        <p:grpSpPr>
          <a:xfrm>
            <a:off x="7290762" y="3922767"/>
            <a:ext cx="1577741" cy="265864"/>
            <a:chOff x="860772" y="4884291"/>
            <a:chExt cx="1487909" cy="250726"/>
          </a:xfrm>
        </p:grpSpPr>
        <p:grpSp>
          <p:nvGrpSpPr>
            <p:cNvPr id="277" name="Group 276">
              <a:extLst>
                <a:ext uri="{FF2B5EF4-FFF2-40B4-BE49-F238E27FC236}">
                  <a16:creationId xmlns:a16="http://schemas.microsoft.com/office/drawing/2014/main" id="{C9691CC1-EBE1-52D6-BE8A-5108B0AF7816}"/>
                </a:ext>
              </a:extLst>
            </p:cNvPr>
            <p:cNvGrpSpPr/>
            <p:nvPr/>
          </p:nvGrpSpPr>
          <p:grpSpPr>
            <a:xfrm>
              <a:off x="860772" y="4884291"/>
              <a:ext cx="1487909" cy="212473"/>
              <a:chOff x="5354949" y="3009711"/>
              <a:chExt cx="1645739" cy="202758"/>
            </a:xfrm>
          </p:grpSpPr>
          <p:grpSp>
            <p:nvGrpSpPr>
              <p:cNvPr id="279" name="Group 278">
                <a:extLst>
                  <a:ext uri="{FF2B5EF4-FFF2-40B4-BE49-F238E27FC236}">
                    <a16:creationId xmlns:a16="http://schemas.microsoft.com/office/drawing/2014/main" id="{BC6A8740-AF7F-7D26-618A-5D7F76F9B4F5}"/>
                  </a:ext>
                </a:extLst>
              </p:cNvPr>
              <p:cNvGrpSpPr/>
              <p:nvPr/>
            </p:nvGrpSpPr>
            <p:grpSpPr>
              <a:xfrm>
                <a:off x="5458296" y="3153610"/>
                <a:ext cx="1445092" cy="45719"/>
                <a:chOff x="5458296" y="3153610"/>
                <a:chExt cx="1445092" cy="45719"/>
              </a:xfrm>
            </p:grpSpPr>
            <p:cxnSp>
              <p:nvCxnSpPr>
                <p:cNvPr id="283" name="Straight Connector 282">
                  <a:extLst>
                    <a:ext uri="{FF2B5EF4-FFF2-40B4-BE49-F238E27FC236}">
                      <a16:creationId xmlns:a16="http://schemas.microsoft.com/office/drawing/2014/main" id="{51617FC8-51B7-38F2-713A-089F838D62A6}"/>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84" name="Oval 283">
                  <a:extLst>
                    <a:ext uri="{FF2B5EF4-FFF2-40B4-BE49-F238E27FC236}">
                      <a16:creationId xmlns:a16="http://schemas.microsoft.com/office/drawing/2014/main" id="{B43C6C55-03B6-8EEF-DC04-EA4346EC00C7}"/>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85" name="Oval 284">
                  <a:extLst>
                    <a:ext uri="{FF2B5EF4-FFF2-40B4-BE49-F238E27FC236}">
                      <a16:creationId xmlns:a16="http://schemas.microsoft.com/office/drawing/2014/main" id="{5FABE193-8FAE-AF69-2883-3F9454067C03}"/>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80" name="Straight Connector 279">
                <a:extLst>
                  <a:ext uri="{FF2B5EF4-FFF2-40B4-BE49-F238E27FC236}">
                    <a16:creationId xmlns:a16="http://schemas.microsoft.com/office/drawing/2014/main" id="{C991A0F6-F4F5-D9EF-03C1-38FD115E49E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81" name="TextBox 280">
                <a:extLst>
                  <a:ext uri="{FF2B5EF4-FFF2-40B4-BE49-F238E27FC236}">
                    <a16:creationId xmlns:a16="http://schemas.microsoft.com/office/drawing/2014/main" id="{0D04DAAF-C3C0-CD46-5A51-87444A35567A}"/>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82" name="TextBox 281">
                <a:extLst>
                  <a:ext uri="{FF2B5EF4-FFF2-40B4-BE49-F238E27FC236}">
                    <a16:creationId xmlns:a16="http://schemas.microsoft.com/office/drawing/2014/main" id="{650FAE6E-348C-49AF-E483-393B443CCD92}"/>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78" name="Oval 277">
              <a:extLst>
                <a:ext uri="{FF2B5EF4-FFF2-40B4-BE49-F238E27FC236}">
                  <a16:creationId xmlns:a16="http://schemas.microsoft.com/office/drawing/2014/main" id="{8D12EDA6-B69D-8C90-4327-BBDCA7A5F9D5}"/>
                </a:ext>
              </a:extLst>
            </p:cNvPr>
            <p:cNvSpPr/>
            <p:nvPr/>
          </p:nvSpPr>
          <p:spPr>
            <a:xfrm>
              <a:off x="1548062"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46" name="Group 245" descr="Teknologi er en stor driftsomkostning">
            <a:extLst>
              <a:ext uri="{FF2B5EF4-FFF2-40B4-BE49-F238E27FC236}">
                <a16:creationId xmlns:a16="http://schemas.microsoft.com/office/drawing/2014/main" id="{C84FD15B-7D03-D2C5-1441-351BA10F7A8C}"/>
              </a:ext>
              <a:ext uri="{C183D7F6-B498-43B3-948B-1728B52AA6E4}">
                <adec:decorative xmlns:adec="http://schemas.microsoft.com/office/drawing/2017/decorative" val="0"/>
              </a:ext>
            </a:extLst>
          </p:cNvPr>
          <p:cNvGrpSpPr/>
          <p:nvPr/>
        </p:nvGrpSpPr>
        <p:grpSpPr>
          <a:xfrm>
            <a:off x="7290762" y="4818452"/>
            <a:ext cx="1577742" cy="265864"/>
            <a:chOff x="860772" y="4884291"/>
            <a:chExt cx="1487909" cy="250726"/>
          </a:xfrm>
        </p:grpSpPr>
        <p:grpSp>
          <p:nvGrpSpPr>
            <p:cNvPr id="247" name="Group 246">
              <a:extLst>
                <a:ext uri="{FF2B5EF4-FFF2-40B4-BE49-F238E27FC236}">
                  <a16:creationId xmlns:a16="http://schemas.microsoft.com/office/drawing/2014/main" id="{CA3BF22C-263F-0F30-2785-1A86A87DA4AB}"/>
                </a:ext>
              </a:extLst>
            </p:cNvPr>
            <p:cNvGrpSpPr/>
            <p:nvPr/>
          </p:nvGrpSpPr>
          <p:grpSpPr>
            <a:xfrm>
              <a:off x="860772" y="4884291"/>
              <a:ext cx="1487909" cy="212473"/>
              <a:chOff x="5354949" y="3009711"/>
              <a:chExt cx="1645739" cy="202758"/>
            </a:xfrm>
          </p:grpSpPr>
          <p:grpSp>
            <p:nvGrpSpPr>
              <p:cNvPr id="249" name="Group 248">
                <a:extLst>
                  <a:ext uri="{FF2B5EF4-FFF2-40B4-BE49-F238E27FC236}">
                    <a16:creationId xmlns:a16="http://schemas.microsoft.com/office/drawing/2014/main" id="{9EFED394-9170-7D77-727B-9317EBD7B64F}"/>
                  </a:ext>
                </a:extLst>
              </p:cNvPr>
              <p:cNvGrpSpPr/>
              <p:nvPr/>
            </p:nvGrpSpPr>
            <p:grpSpPr>
              <a:xfrm>
                <a:off x="5458296" y="3153610"/>
                <a:ext cx="1445092" cy="45719"/>
                <a:chOff x="5458296" y="3153610"/>
                <a:chExt cx="1445092" cy="45719"/>
              </a:xfrm>
            </p:grpSpPr>
            <p:cxnSp>
              <p:nvCxnSpPr>
                <p:cNvPr id="253" name="Straight Connector 252">
                  <a:extLst>
                    <a:ext uri="{FF2B5EF4-FFF2-40B4-BE49-F238E27FC236}">
                      <a16:creationId xmlns:a16="http://schemas.microsoft.com/office/drawing/2014/main" id="{FB47B07A-90C8-9966-F685-2AA5750A0B8C}"/>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54" name="Oval 253">
                  <a:extLst>
                    <a:ext uri="{FF2B5EF4-FFF2-40B4-BE49-F238E27FC236}">
                      <a16:creationId xmlns:a16="http://schemas.microsoft.com/office/drawing/2014/main" id="{45DF6915-166F-3533-72C6-13D53E84CBEF}"/>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55" name="Oval 254">
                  <a:extLst>
                    <a:ext uri="{FF2B5EF4-FFF2-40B4-BE49-F238E27FC236}">
                      <a16:creationId xmlns:a16="http://schemas.microsoft.com/office/drawing/2014/main" id="{3D2EFA8C-E0A3-4D49-FAB1-05A8461EAE3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50" name="Straight Connector 249">
                <a:extLst>
                  <a:ext uri="{FF2B5EF4-FFF2-40B4-BE49-F238E27FC236}">
                    <a16:creationId xmlns:a16="http://schemas.microsoft.com/office/drawing/2014/main" id="{8EC72175-2C6C-175F-B3C4-D8E0042AC849}"/>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51" name="TextBox 250">
                <a:extLst>
                  <a:ext uri="{FF2B5EF4-FFF2-40B4-BE49-F238E27FC236}">
                    <a16:creationId xmlns:a16="http://schemas.microsoft.com/office/drawing/2014/main" id="{7BC33BC9-F022-366D-4CEC-B1D524760231}"/>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52" name="TextBox 251">
                <a:extLst>
                  <a:ext uri="{FF2B5EF4-FFF2-40B4-BE49-F238E27FC236}">
                    <a16:creationId xmlns:a16="http://schemas.microsoft.com/office/drawing/2014/main" id="{5CE178DF-27DA-34E3-0CDD-976A92629AD8}"/>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48" name="Oval 247">
              <a:extLst>
                <a:ext uri="{FF2B5EF4-FFF2-40B4-BE49-F238E27FC236}">
                  <a16:creationId xmlns:a16="http://schemas.microsoft.com/office/drawing/2014/main" id="{7F81BA9D-0F09-CF45-5DCC-7122CF0F6E2D}"/>
                </a:ext>
              </a:extLst>
            </p:cNvPr>
            <p:cNvSpPr/>
            <p:nvPr/>
          </p:nvSpPr>
          <p:spPr>
            <a:xfrm>
              <a:off x="2178126"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56" name="Group 255" descr="Nye komepentcer er en stor driftsomkostning">
            <a:extLst>
              <a:ext uri="{FF2B5EF4-FFF2-40B4-BE49-F238E27FC236}">
                <a16:creationId xmlns:a16="http://schemas.microsoft.com/office/drawing/2014/main" id="{5ED1EFE0-8BA5-113F-8FB5-7AFAEEFF2C03}"/>
              </a:ext>
              <a:ext uri="{C183D7F6-B498-43B3-948B-1728B52AA6E4}">
                <adec:decorative xmlns:adec="http://schemas.microsoft.com/office/drawing/2017/decorative" val="0"/>
              </a:ext>
            </a:extLst>
          </p:cNvPr>
          <p:cNvGrpSpPr/>
          <p:nvPr/>
        </p:nvGrpSpPr>
        <p:grpSpPr>
          <a:xfrm>
            <a:off x="7290762" y="5350882"/>
            <a:ext cx="1577741" cy="265864"/>
            <a:chOff x="860772" y="4884291"/>
            <a:chExt cx="1487909" cy="250726"/>
          </a:xfrm>
        </p:grpSpPr>
        <p:grpSp>
          <p:nvGrpSpPr>
            <p:cNvPr id="257" name="Group 256">
              <a:extLst>
                <a:ext uri="{FF2B5EF4-FFF2-40B4-BE49-F238E27FC236}">
                  <a16:creationId xmlns:a16="http://schemas.microsoft.com/office/drawing/2014/main" id="{041229F3-69DD-FF07-0395-216AE7B0A6C7}"/>
                </a:ext>
              </a:extLst>
            </p:cNvPr>
            <p:cNvGrpSpPr/>
            <p:nvPr/>
          </p:nvGrpSpPr>
          <p:grpSpPr>
            <a:xfrm>
              <a:off x="860772" y="4884291"/>
              <a:ext cx="1487909" cy="212473"/>
              <a:chOff x="5354949" y="3009711"/>
              <a:chExt cx="1645739" cy="202758"/>
            </a:xfrm>
          </p:grpSpPr>
          <p:grpSp>
            <p:nvGrpSpPr>
              <p:cNvPr id="259" name="Group 258">
                <a:extLst>
                  <a:ext uri="{FF2B5EF4-FFF2-40B4-BE49-F238E27FC236}">
                    <a16:creationId xmlns:a16="http://schemas.microsoft.com/office/drawing/2014/main" id="{DDA20A47-21CA-9973-E9AE-1FAA9105C1B2}"/>
                  </a:ext>
                </a:extLst>
              </p:cNvPr>
              <p:cNvGrpSpPr/>
              <p:nvPr/>
            </p:nvGrpSpPr>
            <p:grpSpPr>
              <a:xfrm>
                <a:off x="5458296" y="3153610"/>
                <a:ext cx="1445092" cy="45719"/>
                <a:chOff x="5458296" y="3153610"/>
                <a:chExt cx="1445092" cy="45719"/>
              </a:xfrm>
            </p:grpSpPr>
            <p:cxnSp>
              <p:nvCxnSpPr>
                <p:cNvPr id="263" name="Straight Connector 262">
                  <a:extLst>
                    <a:ext uri="{FF2B5EF4-FFF2-40B4-BE49-F238E27FC236}">
                      <a16:creationId xmlns:a16="http://schemas.microsoft.com/office/drawing/2014/main" id="{04C27C1C-3B2C-ECEC-BE69-30FAC034C460}"/>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64" name="Oval 263">
                  <a:extLst>
                    <a:ext uri="{FF2B5EF4-FFF2-40B4-BE49-F238E27FC236}">
                      <a16:creationId xmlns:a16="http://schemas.microsoft.com/office/drawing/2014/main" id="{0EDE3D3B-8C16-F3AB-27F8-C63630E0A1CA}"/>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65" name="Oval 264">
                  <a:extLst>
                    <a:ext uri="{FF2B5EF4-FFF2-40B4-BE49-F238E27FC236}">
                      <a16:creationId xmlns:a16="http://schemas.microsoft.com/office/drawing/2014/main" id="{E77B77E7-DCD9-BACA-0E10-9A3A4009A969}"/>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60" name="Straight Connector 259">
                <a:extLst>
                  <a:ext uri="{FF2B5EF4-FFF2-40B4-BE49-F238E27FC236}">
                    <a16:creationId xmlns:a16="http://schemas.microsoft.com/office/drawing/2014/main" id="{548D2420-B0AD-24E9-519F-CD434DEB670C}"/>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61" name="TextBox 260">
                <a:extLst>
                  <a:ext uri="{FF2B5EF4-FFF2-40B4-BE49-F238E27FC236}">
                    <a16:creationId xmlns:a16="http://schemas.microsoft.com/office/drawing/2014/main" id="{0B4C4C10-8836-6F8F-12A5-D3B5E55D7B9F}"/>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62" name="TextBox 261">
                <a:extLst>
                  <a:ext uri="{FF2B5EF4-FFF2-40B4-BE49-F238E27FC236}">
                    <a16:creationId xmlns:a16="http://schemas.microsoft.com/office/drawing/2014/main" id="{55F8C5ED-9B1F-3161-6E00-DA9C7E4C9C43}"/>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58" name="Oval 257">
              <a:extLst>
                <a:ext uri="{FF2B5EF4-FFF2-40B4-BE49-F238E27FC236}">
                  <a16:creationId xmlns:a16="http://schemas.microsoft.com/office/drawing/2014/main" id="{AF480478-31F9-1634-FB10-EA4A43A98FD0}"/>
                </a:ext>
              </a:extLst>
            </p:cNvPr>
            <p:cNvSpPr/>
            <p:nvPr/>
          </p:nvSpPr>
          <p:spPr>
            <a:xfrm>
              <a:off x="218619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66" name="Group 265" descr="Drift og support er en stor driftsomkostning">
            <a:extLst>
              <a:ext uri="{FF2B5EF4-FFF2-40B4-BE49-F238E27FC236}">
                <a16:creationId xmlns:a16="http://schemas.microsoft.com/office/drawing/2014/main" id="{79BB3505-BBBC-6CF7-3BC8-EDCCDF33713C}"/>
              </a:ext>
              <a:ext uri="{C183D7F6-B498-43B3-948B-1728B52AA6E4}">
                <adec:decorative xmlns:adec="http://schemas.microsoft.com/office/drawing/2017/decorative" val="0"/>
              </a:ext>
            </a:extLst>
          </p:cNvPr>
          <p:cNvGrpSpPr/>
          <p:nvPr/>
        </p:nvGrpSpPr>
        <p:grpSpPr>
          <a:xfrm>
            <a:off x="7290759" y="5883335"/>
            <a:ext cx="1577738" cy="261648"/>
            <a:chOff x="860772" y="4884291"/>
            <a:chExt cx="1487909" cy="246749"/>
          </a:xfrm>
        </p:grpSpPr>
        <p:grpSp>
          <p:nvGrpSpPr>
            <p:cNvPr id="267" name="Group 266">
              <a:extLst>
                <a:ext uri="{FF2B5EF4-FFF2-40B4-BE49-F238E27FC236}">
                  <a16:creationId xmlns:a16="http://schemas.microsoft.com/office/drawing/2014/main" id="{C40884D4-E8D8-ED81-9402-B7B9345A1C13}"/>
                </a:ext>
              </a:extLst>
            </p:cNvPr>
            <p:cNvGrpSpPr/>
            <p:nvPr/>
          </p:nvGrpSpPr>
          <p:grpSpPr>
            <a:xfrm>
              <a:off x="860772" y="4884291"/>
              <a:ext cx="1487909" cy="212473"/>
              <a:chOff x="5354949" y="3009711"/>
              <a:chExt cx="1645739" cy="202758"/>
            </a:xfrm>
          </p:grpSpPr>
          <p:grpSp>
            <p:nvGrpSpPr>
              <p:cNvPr id="269" name="Group 268">
                <a:extLst>
                  <a:ext uri="{FF2B5EF4-FFF2-40B4-BE49-F238E27FC236}">
                    <a16:creationId xmlns:a16="http://schemas.microsoft.com/office/drawing/2014/main" id="{64BC6616-E4E9-BA61-B281-1A7EEC5FF7F4}"/>
                  </a:ext>
                </a:extLst>
              </p:cNvPr>
              <p:cNvGrpSpPr/>
              <p:nvPr/>
            </p:nvGrpSpPr>
            <p:grpSpPr>
              <a:xfrm>
                <a:off x="5458296" y="3153610"/>
                <a:ext cx="1445092" cy="45719"/>
                <a:chOff x="5458296" y="3153610"/>
                <a:chExt cx="1445092" cy="45719"/>
              </a:xfrm>
            </p:grpSpPr>
            <p:cxnSp>
              <p:nvCxnSpPr>
                <p:cNvPr id="273" name="Straight Connector 272">
                  <a:extLst>
                    <a:ext uri="{FF2B5EF4-FFF2-40B4-BE49-F238E27FC236}">
                      <a16:creationId xmlns:a16="http://schemas.microsoft.com/office/drawing/2014/main" id="{9FF1CB73-4C51-0EBF-3BDD-0E004F42DA24}"/>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74" name="Oval 273">
                  <a:extLst>
                    <a:ext uri="{FF2B5EF4-FFF2-40B4-BE49-F238E27FC236}">
                      <a16:creationId xmlns:a16="http://schemas.microsoft.com/office/drawing/2014/main" id="{679FB9D6-7AA1-3AD7-F0D1-57EDE3D3D446}"/>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75" name="Oval 274">
                  <a:extLst>
                    <a:ext uri="{FF2B5EF4-FFF2-40B4-BE49-F238E27FC236}">
                      <a16:creationId xmlns:a16="http://schemas.microsoft.com/office/drawing/2014/main" id="{62276DFD-5AB5-7096-9A9C-14CD695751C0}"/>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70" name="Straight Connector 269">
                <a:extLst>
                  <a:ext uri="{FF2B5EF4-FFF2-40B4-BE49-F238E27FC236}">
                    <a16:creationId xmlns:a16="http://schemas.microsoft.com/office/drawing/2014/main" id="{BD1D4582-D152-DA34-F21A-CCC8E67DF5AB}"/>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71" name="TextBox 270">
                <a:extLst>
                  <a:ext uri="{FF2B5EF4-FFF2-40B4-BE49-F238E27FC236}">
                    <a16:creationId xmlns:a16="http://schemas.microsoft.com/office/drawing/2014/main" id="{2B9AC051-C3EA-E4B1-0A73-A64EF0429808}"/>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72" name="TextBox 271">
                <a:extLst>
                  <a:ext uri="{FF2B5EF4-FFF2-40B4-BE49-F238E27FC236}">
                    <a16:creationId xmlns:a16="http://schemas.microsoft.com/office/drawing/2014/main" id="{7E6A55A3-C9B4-EB74-2A68-1B5BBE11187E}"/>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68" name="Oval 267">
              <a:extLst>
                <a:ext uri="{FF2B5EF4-FFF2-40B4-BE49-F238E27FC236}">
                  <a16:creationId xmlns:a16="http://schemas.microsoft.com/office/drawing/2014/main" id="{6DA43596-C652-81C6-E770-FE5BA5EC498F}"/>
                </a:ext>
              </a:extLst>
            </p:cNvPr>
            <p:cNvSpPr/>
            <p:nvPr/>
          </p:nvSpPr>
          <p:spPr>
            <a:xfrm>
              <a:off x="2195373" y="4987040"/>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34" name="TextBox 133">
            <a:extLst>
              <a:ext uri="{FF2B5EF4-FFF2-40B4-BE49-F238E27FC236}">
                <a16:creationId xmlns:a16="http://schemas.microsoft.com/office/drawing/2014/main" id="{961A531D-958F-C3AE-49C4-2CBBE1264EEF}"/>
              </a:ext>
            </a:extLst>
          </p:cNvPr>
          <p:cNvSpPr txBox="1">
            <a:spLocks/>
          </p:cNvSpPr>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050" noProof="0"/>
              <a:t>Nøgletal</a:t>
            </a:r>
          </a:p>
        </p:txBody>
      </p:sp>
      <p:sp>
        <p:nvSpPr>
          <p:cNvPr id="198" name="TextBox 197">
            <a:extLst>
              <a:ext uri="{FF2B5EF4-FFF2-40B4-BE49-F238E27FC236}">
                <a16:creationId xmlns:a16="http://schemas.microsoft.com/office/drawing/2014/main" id="{67AAC8D4-EF77-9E6D-E72E-329190E9FFF6}"/>
              </a:ext>
            </a:extLst>
          </p:cNvPr>
          <p:cNvSpPr txBox="1"/>
          <p:nvPr/>
        </p:nvSpPr>
        <p:spPr>
          <a:xfrm>
            <a:off x="10330124" y="2146410"/>
            <a:ext cx="1519861" cy="677108"/>
          </a:xfrm>
          <a:prstGeom prst="rect">
            <a:avLst/>
          </a:prstGeom>
          <a:noFill/>
        </p:spPr>
        <p:txBody>
          <a:bodyPr wrap="square">
            <a:spAutoFit/>
          </a:bodyPr>
          <a:lstStyle/>
          <a:p>
            <a:r>
              <a:rPr lang="da-DK" sz="1400" noProof="0">
                <a:solidFill>
                  <a:srgbClr val="EE2F66"/>
                </a:solidFill>
              </a:rPr>
              <a:t>€16 </a:t>
            </a:r>
            <a:r>
              <a:rPr lang="da-DK" sz="1400" noProof="0" dirty="0">
                <a:solidFill>
                  <a:srgbClr val="EE2F66"/>
                </a:solidFill>
              </a:rPr>
              <a:t>mio.</a:t>
            </a:r>
            <a:br>
              <a:rPr lang="da-DK" sz="1400" noProof="0">
                <a:solidFill>
                  <a:srgbClr val="EE2F66"/>
                </a:solidFill>
              </a:rPr>
            </a:br>
            <a:r>
              <a:rPr lang="da-DK" sz="800" noProof="0"/>
              <a:t>i startkapital og stiftelse i december 2022. </a:t>
            </a:r>
          </a:p>
          <a:p>
            <a:endParaRPr lang="da-DK" sz="800" noProof="0"/>
          </a:p>
        </p:txBody>
      </p:sp>
      <p:sp>
        <p:nvSpPr>
          <p:cNvPr id="199" name="Freeform 9">
            <a:extLst>
              <a:ext uri="{FF2B5EF4-FFF2-40B4-BE49-F238E27FC236}">
                <a16:creationId xmlns:a16="http://schemas.microsoft.com/office/drawing/2014/main" id="{60C38296-F15A-F993-ADE9-1DC939595AF9}"/>
              </a:ext>
              <a:ext uri="{C183D7F6-B498-43B3-948B-1728B52AA6E4}">
                <adec:decorative xmlns:adec="http://schemas.microsoft.com/office/drawing/2017/decorative" val="1"/>
              </a:ext>
            </a:extLst>
          </p:cNvPr>
          <p:cNvSpPr>
            <a:spLocks noEditPoints="1"/>
          </p:cNvSpPr>
          <p:nvPr/>
        </p:nvSpPr>
        <p:spPr bwMode="auto">
          <a:xfrm>
            <a:off x="9675341" y="2242036"/>
            <a:ext cx="383113" cy="368290"/>
          </a:xfrm>
          <a:custGeom>
            <a:avLst/>
            <a:gdLst>
              <a:gd name="T0" fmla="*/ 168 w 208"/>
              <a:gd name="T1" fmla="*/ 56 h 200"/>
              <a:gd name="T2" fmla="*/ 56 w 208"/>
              <a:gd name="T3" fmla="*/ 56 h 200"/>
              <a:gd name="T4" fmla="*/ 112 w 208"/>
              <a:gd name="T5" fmla="*/ 8 h 200"/>
              <a:gd name="T6" fmla="*/ 112 w 208"/>
              <a:gd name="T7" fmla="*/ 104 h 200"/>
              <a:gd name="T8" fmla="*/ 112 w 208"/>
              <a:gd name="T9" fmla="*/ 8 h 200"/>
              <a:gd name="T10" fmla="*/ 24 w 208"/>
              <a:gd name="T11" fmla="*/ 168 h 200"/>
              <a:gd name="T12" fmla="*/ 24 w 208"/>
              <a:gd name="T13" fmla="*/ 184 h 200"/>
              <a:gd name="T14" fmla="*/ 207 w 208"/>
              <a:gd name="T15" fmla="*/ 117 h 200"/>
              <a:gd name="T16" fmla="*/ 190 w 208"/>
              <a:gd name="T17" fmla="*/ 108 h 200"/>
              <a:gd name="T18" fmla="*/ 170 w 208"/>
              <a:gd name="T19" fmla="*/ 108 h 200"/>
              <a:gd name="T20" fmla="*/ 150 w 208"/>
              <a:gd name="T21" fmla="*/ 108 h 200"/>
              <a:gd name="T22" fmla="*/ 130 w 208"/>
              <a:gd name="T23" fmla="*/ 120 h 200"/>
              <a:gd name="T24" fmla="*/ 61 w 208"/>
              <a:gd name="T25" fmla="*/ 130 h 200"/>
              <a:gd name="T26" fmla="*/ 48 w 208"/>
              <a:gd name="T27" fmla="*/ 140 h 200"/>
              <a:gd name="T28" fmla="*/ 47 w 208"/>
              <a:gd name="T29" fmla="*/ 129 h 200"/>
              <a:gd name="T30" fmla="*/ 4 w 208"/>
              <a:gd name="T31" fmla="*/ 128 h 200"/>
              <a:gd name="T32" fmla="*/ 4 w 208"/>
              <a:gd name="T33" fmla="*/ 136 h 200"/>
              <a:gd name="T34" fmla="*/ 40 w 208"/>
              <a:gd name="T35" fmla="*/ 192 h 200"/>
              <a:gd name="T36" fmla="*/ 0 w 208"/>
              <a:gd name="T37" fmla="*/ 196 h 200"/>
              <a:gd name="T38" fmla="*/ 44 w 208"/>
              <a:gd name="T39" fmla="*/ 200 h 200"/>
              <a:gd name="T40" fmla="*/ 48 w 208"/>
              <a:gd name="T41" fmla="*/ 196 h 200"/>
              <a:gd name="T42" fmla="*/ 96 w 208"/>
              <a:gd name="T43" fmla="*/ 192 h 200"/>
              <a:gd name="T44" fmla="*/ 153 w 208"/>
              <a:gd name="T45" fmla="*/ 176 h 200"/>
              <a:gd name="T46" fmla="*/ 207 w 208"/>
              <a:gd name="T47" fmla="*/ 123 h 200"/>
              <a:gd name="T48" fmla="*/ 207 w 208"/>
              <a:gd name="T49" fmla="*/ 117 h 200"/>
              <a:gd name="T50" fmla="*/ 150 w 208"/>
              <a:gd name="T51" fmla="*/ 116 h 200"/>
              <a:gd name="T52" fmla="*/ 140 w 208"/>
              <a:gd name="T53" fmla="*/ 130 h 200"/>
              <a:gd name="T54" fmla="*/ 140 w 208"/>
              <a:gd name="T55" fmla="*/ 124 h 200"/>
              <a:gd name="T56" fmla="*/ 143 w 208"/>
              <a:gd name="T57" fmla="*/ 119 h 200"/>
              <a:gd name="T58" fmla="*/ 170 w 208"/>
              <a:gd name="T59" fmla="*/ 116 h 200"/>
              <a:gd name="T60" fmla="*/ 146 w 208"/>
              <a:gd name="T61" fmla="*/ 144 h 200"/>
              <a:gd name="T62" fmla="*/ 163 w 208"/>
              <a:gd name="T63" fmla="*/ 119 h 200"/>
              <a:gd name="T64" fmla="*/ 95 w 208"/>
              <a:gd name="T65" fmla="*/ 184 h 200"/>
              <a:gd name="T66" fmla="*/ 48 w 208"/>
              <a:gd name="T67" fmla="*/ 148 h 200"/>
              <a:gd name="T68" fmla="*/ 66 w 208"/>
              <a:gd name="T69" fmla="*/ 135 h 200"/>
              <a:gd name="T70" fmla="*/ 132 w 208"/>
              <a:gd name="T71" fmla="*/ 128 h 200"/>
              <a:gd name="T72" fmla="*/ 120 w 208"/>
              <a:gd name="T73" fmla="*/ 140 h 200"/>
              <a:gd name="T74" fmla="*/ 92 w 208"/>
              <a:gd name="T75" fmla="*/ 146 h 200"/>
              <a:gd name="T76" fmla="*/ 148 w 208"/>
              <a:gd name="T77" fmla="*/ 152 h 200"/>
              <a:gd name="T78" fmla="*/ 183 w 208"/>
              <a:gd name="T79" fmla="*/ 119 h 200"/>
              <a:gd name="T80" fmla="*/ 197 w 208"/>
              <a:gd name="T81" fmla="*/ 119 h 200"/>
              <a:gd name="T82" fmla="*/ 150 w 208"/>
              <a:gd name="T83" fmla="*/ 168 h 200"/>
              <a:gd name="T84" fmla="*/ 116 w 208"/>
              <a:gd name="T85" fmla="*/ 60 h 200"/>
              <a:gd name="T86" fmla="*/ 116 w 208"/>
              <a:gd name="T87" fmla="*/ 76 h 200"/>
              <a:gd name="T88" fmla="*/ 92 w 208"/>
              <a:gd name="T89" fmla="*/ 80 h 200"/>
              <a:gd name="T90" fmla="*/ 108 w 208"/>
              <a:gd name="T91" fmla="*/ 84 h 200"/>
              <a:gd name="T92" fmla="*/ 112 w 208"/>
              <a:gd name="T93" fmla="*/ 96 h 200"/>
              <a:gd name="T94" fmla="*/ 116 w 208"/>
              <a:gd name="T95" fmla="*/ 84 h 200"/>
              <a:gd name="T96" fmla="*/ 116 w 208"/>
              <a:gd name="T97" fmla="*/ 52 h 200"/>
              <a:gd name="T98" fmla="*/ 100 w 208"/>
              <a:gd name="T99" fmla="*/ 44 h 200"/>
              <a:gd name="T100" fmla="*/ 128 w 208"/>
              <a:gd name="T101" fmla="*/ 36 h 200"/>
              <a:gd name="T102" fmla="*/ 128 w 208"/>
              <a:gd name="T103" fmla="*/ 28 h 200"/>
              <a:gd name="T104" fmla="*/ 116 w 208"/>
              <a:gd name="T105" fmla="*/ 28 h 200"/>
              <a:gd name="T106" fmla="*/ 112 w 208"/>
              <a:gd name="T107" fmla="*/ 16 h 200"/>
              <a:gd name="T108" fmla="*/ 108 w 208"/>
              <a:gd name="T109" fmla="*/ 28 h 200"/>
              <a:gd name="T110" fmla="*/ 92 w 208"/>
              <a:gd name="T111" fmla="*/ 44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208" h="200">
                <a:moveTo>
                  <a:pt x="112" y="112"/>
                </a:moveTo>
                <a:cubicBezTo>
                  <a:pt x="143" y="112"/>
                  <a:pt x="168" y="87"/>
                  <a:pt x="168" y="56"/>
                </a:cubicBezTo>
                <a:cubicBezTo>
                  <a:pt x="168" y="25"/>
                  <a:pt x="143" y="0"/>
                  <a:pt x="112" y="0"/>
                </a:cubicBezTo>
                <a:cubicBezTo>
                  <a:pt x="81" y="0"/>
                  <a:pt x="56" y="25"/>
                  <a:pt x="56" y="56"/>
                </a:cubicBezTo>
                <a:cubicBezTo>
                  <a:pt x="56" y="87"/>
                  <a:pt x="81" y="112"/>
                  <a:pt x="112" y="112"/>
                </a:cubicBezTo>
                <a:close/>
                <a:moveTo>
                  <a:pt x="112" y="8"/>
                </a:moveTo>
                <a:cubicBezTo>
                  <a:pt x="139" y="8"/>
                  <a:pt x="160" y="29"/>
                  <a:pt x="160" y="56"/>
                </a:cubicBezTo>
                <a:cubicBezTo>
                  <a:pt x="160" y="83"/>
                  <a:pt x="139" y="104"/>
                  <a:pt x="112" y="104"/>
                </a:cubicBezTo>
                <a:cubicBezTo>
                  <a:pt x="85" y="104"/>
                  <a:pt x="64" y="83"/>
                  <a:pt x="64" y="56"/>
                </a:cubicBezTo>
                <a:cubicBezTo>
                  <a:pt x="64" y="29"/>
                  <a:pt x="85" y="8"/>
                  <a:pt x="112" y="8"/>
                </a:cubicBezTo>
                <a:close/>
                <a:moveTo>
                  <a:pt x="32" y="176"/>
                </a:moveTo>
                <a:cubicBezTo>
                  <a:pt x="32" y="172"/>
                  <a:pt x="28" y="168"/>
                  <a:pt x="24" y="168"/>
                </a:cubicBezTo>
                <a:cubicBezTo>
                  <a:pt x="20" y="168"/>
                  <a:pt x="16" y="172"/>
                  <a:pt x="16" y="176"/>
                </a:cubicBezTo>
                <a:cubicBezTo>
                  <a:pt x="16" y="180"/>
                  <a:pt x="20" y="184"/>
                  <a:pt x="24" y="184"/>
                </a:cubicBezTo>
                <a:cubicBezTo>
                  <a:pt x="28" y="184"/>
                  <a:pt x="32" y="180"/>
                  <a:pt x="32" y="176"/>
                </a:cubicBezTo>
                <a:close/>
                <a:moveTo>
                  <a:pt x="207" y="117"/>
                </a:moveTo>
                <a:cubicBezTo>
                  <a:pt x="203" y="113"/>
                  <a:pt x="203" y="113"/>
                  <a:pt x="203" y="113"/>
                </a:cubicBezTo>
                <a:cubicBezTo>
                  <a:pt x="199" y="110"/>
                  <a:pt x="195" y="108"/>
                  <a:pt x="190" y="108"/>
                </a:cubicBezTo>
                <a:cubicBezTo>
                  <a:pt x="187" y="108"/>
                  <a:pt x="183" y="109"/>
                  <a:pt x="180" y="111"/>
                </a:cubicBezTo>
                <a:cubicBezTo>
                  <a:pt x="177" y="109"/>
                  <a:pt x="173" y="108"/>
                  <a:pt x="170" y="108"/>
                </a:cubicBezTo>
                <a:cubicBezTo>
                  <a:pt x="167" y="108"/>
                  <a:pt x="163" y="109"/>
                  <a:pt x="160" y="111"/>
                </a:cubicBezTo>
                <a:cubicBezTo>
                  <a:pt x="157" y="109"/>
                  <a:pt x="153" y="108"/>
                  <a:pt x="150" y="108"/>
                </a:cubicBezTo>
                <a:cubicBezTo>
                  <a:pt x="145" y="108"/>
                  <a:pt x="141" y="110"/>
                  <a:pt x="137" y="113"/>
                </a:cubicBezTo>
                <a:cubicBezTo>
                  <a:pt x="130" y="120"/>
                  <a:pt x="130" y="120"/>
                  <a:pt x="130" y="120"/>
                </a:cubicBezTo>
                <a:cubicBezTo>
                  <a:pt x="84" y="120"/>
                  <a:pt x="84" y="120"/>
                  <a:pt x="84" y="120"/>
                </a:cubicBezTo>
                <a:cubicBezTo>
                  <a:pt x="75" y="120"/>
                  <a:pt x="67" y="123"/>
                  <a:pt x="61" y="130"/>
                </a:cubicBezTo>
                <a:cubicBezTo>
                  <a:pt x="52" y="138"/>
                  <a:pt x="52" y="138"/>
                  <a:pt x="52" y="138"/>
                </a:cubicBezTo>
                <a:cubicBezTo>
                  <a:pt x="51" y="139"/>
                  <a:pt x="49" y="140"/>
                  <a:pt x="48" y="140"/>
                </a:cubicBezTo>
                <a:cubicBezTo>
                  <a:pt x="48" y="132"/>
                  <a:pt x="48" y="132"/>
                  <a:pt x="48" y="132"/>
                </a:cubicBezTo>
                <a:cubicBezTo>
                  <a:pt x="48" y="131"/>
                  <a:pt x="48" y="130"/>
                  <a:pt x="47" y="129"/>
                </a:cubicBezTo>
                <a:cubicBezTo>
                  <a:pt x="46" y="128"/>
                  <a:pt x="45" y="128"/>
                  <a:pt x="44" y="128"/>
                </a:cubicBezTo>
                <a:cubicBezTo>
                  <a:pt x="4" y="128"/>
                  <a:pt x="4" y="128"/>
                  <a:pt x="4" y="128"/>
                </a:cubicBezTo>
                <a:cubicBezTo>
                  <a:pt x="2" y="128"/>
                  <a:pt x="0" y="130"/>
                  <a:pt x="0" y="132"/>
                </a:cubicBezTo>
                <a:cubicBezTo>
                  <a:pt x="0" y="134"/>
                  <a:pt x="2" y="136"/>
                  <a:pt x="4" y="136"/>
                </a:cubicBezTo>
                <a:cubicBezTo>
                  <a:pt x="40" y="136"/>
                  <a:pt x="40" y="136"/>
                  <a:pt x="40" y="136"/>
                </a:cubicBezTo>
                <a:cubicBezTo>
                  <a:pt x="40" y="192"/>
                  <a:pt x="40" y="192"/>
                  <a:pt x="40" y="192"/>
                </a:cubicBezTo>
                <a:cubicBezTo>
                  <a:pt x="4" y="192"/>
                  <a:pt x="4" y="192"/>
                  <a:pt x="4" y="192"/>
                </a:cubicBezTo>
                <a:cubicBezTo>
                  <a:pt x="2" y="192"/>
                  <a:pt x="0" y="194"/>
                  <a:pt x="0" y="196"/>
                </a:cubicBezTo>
                <a:cubicBezTo>
                  <a:pt x="0" y="198"/>
                  <a:pt x="2" y="200"/>
                  <a:pt x="4" y="200"/>
                </a:cubicBezTo>
                <a:cubicBezTo>
                  <a:pt x="44" y="200"/>
                  <a:pt x="44" y="200"/>
                  <a:pt x="44" y="200"/>
                </a:cubicBezTo>
                <a:cubicBezTo>
                  <a:pt x="45" y="200"/>
                  <a:pt x="46" y="200"/>
                  <a:pt x="47" y="199"/>
                </a:cubicBezTo>
                <a:cubicBezTo>
                  <a:pt x="48" y="198"/>
                  <a:pt x="48" y="197"/>
                  <a:pt x="48" y="196"/>
                </a:cubicBezTo>
                <a:cubicBezTo>
                  <a:pt x="48" y="192"/>
                  <a:pt x="48" y="192"/>
                  <a:pt x="48" y="192"/>
                </a:cubicBezTo>
                <a:cubicBezTo>
                  <a:pt x="96" y="192"/>
                  <a:pt x="96" y="192"/>
                  <a:pt x="96" y="192"/>
                </a:cubicBezTo>
                <a:cubicBezTo>
                  <a:pt x="97" y="192"/>
                  <a:pt x="97" y="192"/>
                  <a:pt x="97" y="192"/>
                </a:cubicBezTo>
                <a:cubicBezTo>
                  <a:pt x="153" y="176"/>
                  <a:pt x="153" y="176"/>
                  <a:pt x="153" y="176"/>
                </a:cubicBezTo>
                <a:cubicBezTo>
                  <a:pt x="154" y="176"/>
                  <a:pt x="154" y="175"/>
                  <a:pt x="155" y="175"/>
                </a:cubicBezTo>
                <a:cubicBezTo>
                  <a:pt x="207" y="123"/>
                  <a:pt x="207" y="123"/>
                  <a:pt x="207" y="123"/>
                </a:cubicBezTo>
                <a:cubicBezTo>
                  <a:pt x="208" y="122"/>
                  <a:pt x="208" y="121"/>
                  <a:pt x="208" y="120"/>
                </a:cubicBezTo>
                <a:cubicBezTo>
                  <a:pt x="208" y="119"/>
                  <a:pt x="208" y="118"/>
                  <a:pt x="207" y="117"/>
                </a:cubicBezTo>
                <a:close/>
                <a:moveTo>
                  <a:pt x="143" y="119"/>
                </a:moveTo>
                <a:cubicBezTo>
                  <a:pt x="145" y="117"/>
                  <a:pt x="147" y="116"/>
                  <a:pt x="150" y="116"/>
                </a:cubicBezTo>
                <a:cubicBezTo>
                  <a:pt x="151" y="116"/>
                  <a:pt x="153" y="116"/>
                  <a:pt x="154" y="117"/>
                </a:cubicBezTo>
                <a:cubicBezTo>
                  <a:pt x="140" y="130"/>
                  <a:pt x="140" y="130"/>
                  <a:pt x="140" y="130"/>
                </a:cubicBezTo>
                <a:cubicBezTo>
                  <a:pt x="140" y="130"/>
                  <a:pt x="140" y="129"/>
                  <a:pt x="140" y="128"/>
                </a:cubicBezTo>
                <a:cubicBezTo>
                  <a:pt x="140" y="124"/>
                  <a:pt x="140" y="124"/>
                  <a:pt x="140" y="124"/>
                </a:cubicBezTo>
                <a:cubicBezTo>
                  <a:pt x="140" y="123"/>
                  <a:pt x="140" y="123"/>
                  <a:pt x="140" y="122"/>
                </a:cubicBezTo>
                <a:lnTo>
                  <a:pt x="143" y="119"/>
                </a:lnTo>
                <a:close/>
                <a:moveTo>
                  <a:pt x="163" y="119"/>
                </a:moveTo>
                <a:cubicBezTo>
                  <a:pt x="165" y="117"/>
                  <a:pt x="167" y="116"/>
                  <a:pt x="170" y="116"/>
                </a:cubicBezTo>
                <a:cubicBezTo>
                  <a:pt x="171" y="116"/>
                  <a:pt x="173" y="116"/>
                  <a:pt x="174" y="117"/>
                </a:cubicBezTo>
                <a:cubicBezTo>
                  <a:pt x="146" y="144"/>
                  <a:pt x="146" y="144"/>
                  <a:pt x="146" y="144"/>
                </a:cubicBezTo>
                <a:cubicBezTo>
                  <a:pt x="138" y="144"/>
                  <a:pt x="138" y="144"/>
                  <a:pt x="138" y="144"/>
                </a:cubicBezTo>
                <a:lnTo>
                  <a:pt x="163" y="119"/>
                </a:lnTo>
                <a:close/>
                <a:moveTo>
                  <a:pt x="150" y="168"/>
                </a:moveTo>
                <a:cubicBezTo>
                  <a:pt x="95" y="184"/>
                  <a:pt x="95" y="184"/>
                  <a:pt x="95" y="184"/>
                </a:cubicBezTo>
                <a:cubicBezTo>
                  <a:pt x="48" y="184"/>
                  <a:pt x="48" y="184"/>
                  <a:pt x="48" y="184"/>
                </a:cubicBezTo>
                <a:cubicBezTo>
                  <a:pt x="48" y="148"/>
                  <a:pt x="48" y="148"/>
                  <a:pt x="48" y="148"/>
                </a:cubicBezTo>
                <a:cubicBezTo>
                  <a:pt x="52" y="148"/>
                  <a:pt x="55" y="147"/>
                  <a:pt x="58" y="144"/>
                </a:cubicBezTo>
                <a:cubicBezTo>
                  <a:pt x="66" y="135"/>
                  <a:pt x="66" y="135"/>
                  <a:pt x="66" y="135"/>
                </a:cubicBezTo>
                <a:cubicBezTo>
                  <a:pt x="71" y="131"/>
                  <a:pt x="77" y="128"/>
                  <a:pt x="84" y="128"/>
                </a:cubicBezTo>
                <a:cubicBezTo>
                  <a:pt x="132" y="128"/>
                  <a:pt x="132" y="128"/>
                  <a:pt x="132" y="128"/>
                </a:cubicBezTo>
                <a:cubicBezTo>
                  <a:pt x="132" y="128"/>
                  <a:pt x="132" y="128"/>
                  <a:pt x="132" y="128"/>
                </a:cubicBezTo>
                <a:cubicBezTo>
                  <a:pt x="132" y="135"/>
                  <a:pt x="127" y="140"/>
                  <a:pt x="120" y="140"/>
                </a:cubicBezTo>
                <a:cubicBezTo>
                  <a:pt x="98" y="140"/>
                  <a:pt x="98" y="140"/>
                  <a:pt x="98" y="140"/>
                </a:cubicBezTo>
                <a:cubicBezTo>
                  <a:pt x="95" y="140"/>
                  <a:pt x="92" y="143"/>
                  <a:pt x="92" y="146"/>
                </a:cubicBezTo>
                <a:cubicBezTo>
                  <a:pt x="92" y="149"/>
                  <a:pt x="95" y="152"/>
                  <a:pt x="98" y="152"/>
                </a:cubicBezTo>
                <a:cubicBezTo>
                  <a:pt x="148" y="152"/>
                  <a:pt x="148" y="152"/>
                  <a:pt x="148" y="152"/>
                </a:cubicBezTo>
                <a:cubicBezTo>
                  <a:pt x="149" y="152"/>
                  <a:pt x="150" y="152"/>
                  <a:pt x="151" y="151"/>
                </a:cubicBezTo>
                <a:cubicBezTo>
                  <a:pt x="183" y="119"/>
                  <a:pt x="183" y="119"/>
                  <a:pt x="183" y="119"/>
                </a:cubicBezTo>
                <a:cubicBezTo>
                  <a:pt x="185" y="117"/>
                  <a:pt x="187" y="116"/>
                  <a:pt x="190" y="116"/>
                </a:cubicBezTo>
                <a:cubicBezTo>
                  <a:pt x="193" y="116"/>
                  <a:pt x="195" y="117"/>
                  <a:pt x="197" y="119"/>
                </a:cubicBezTo>
                <a:cubicBezTo>
                  <a:pt x="198" y="120"/>
                  <a:pt x="198" y="120"/>
                  <a:pt x="198" y="120"/>
                </a:cubicBezTo>
                <a:lnTo>
                  <a:pt x="150" y="168"/>
                </a:lnTo>
                <a:close/>
                <a:moveTo>
                  <a:pt x="108" y="60"/>
                </a:moveTo>
                <a:cubicBezTo>
                  <a:pt x="116" y="60"/>
                  <a:pt x="116" y="60"/>
                  <a:pt x="116" y="60"/>
                </a:cubicBezTo>
                <a:cubicBezTo>
                  <a:pt x="120" y="60"/>
                  <a:pt x="124" y="64"/>
                  <a:pt x="124" y="68"/>
                </a:cubicBezTo>
                <a:cubicBezTo>
                  <a:pt x="124" y="72"/>
                  <a:pt x="120" y="76"/>
                  <a:pt x="116" y="76"/>
                </a:cubicBezTo>
                <a:cubicBezTo>
                  <a:pt x="96" y="76"/>
                  <a:pt x="96" y="76"/>
                  <a:pt x="96" y="76"/>
                </a:cubicBezTo>
                <a:cubicBezTo>
                  <a:pt x="94" y="76"/>
                  <a:pt x="92" y="78"/>
                  <a:pt x="92" y="80"/>
                </a:cubicBezTo>
                <a:cubicBezTo>
                  <a:pt x="92" y="82"/>
                  <a:pt x="94" y="84"/>
                  <a:pt x="96" y="84"/>
                </a:cubicBezTo>
                <a:cubicBezTo>
                  <a:pt x="108" y="84"/>
                  <a:pt x="108" y="84"/>
                  <a:pt x="108" y="84"/>
                </a:cubicBezTo>
                <a:cubicBezTo>
                  <a:pt x="108" y="92"/>
                  <a:pt x="108" y="92"/>
                  <a:pt x="108" y="92"/>
                </a:cubicBezTo>
                <a:cubicBezTo>
                  <a:pt x="108" y="94"/>
                  <a:pt x="110" y="96"/>
                  <a:pt x="112" y="96"/>
                </a:cubicBezTo>
                <a:cubicBezTo>
                  <a:pt x="114" y="96"/>
                  <a:pt x="116" y="94"/>
                  <a:pt x="116" y="92"/>
                </a:cubicBezTo>
                <a:cubicBezTo>
                  <a:pt x="116" y="84"/>
                  <a:pt x="116" y="84"/>
                  <a:pt x="116" y="84"/>
                </a:cubicBezTo>
                <a:cubicBezTo>
                  <a:pt x="125" y="84"/>
                  <a:pt x="132" y="77"/>
                  <a:pt x="132" y="68"/>
                </a:cubicBezTo>
                <a:cubicBezTo>
                  <a:pt x="132" y="59"/>
                  <a:pt x="125" y="52"/>
                  <a:pt x="116" y="52"/>
                </a:cubicBezTo>
                <a:cubicBezTo>
                  <a:pt x="108" y="52"/>
                  <a:pt x="108" y="52"/>
                  <a:pt x="108" y="52"/>
                </a:cubicBezTo>
                <a:cubicBezTo>
                  <a:pt x="104" y="52"/>
                  <a:pt x="100" y="48"/>
                  <a:pt x="100" y="44"/>
                </a:cubicBezTo>
                <a:cubicBezTo>
                  <a:pt x="100" y="40"/>
                  <a:pt x="104" y="36"/>
                  <a:pt x="108" y="36"/>
                </a:cubicBezTo>
                <a:cubicBezTo>
                  <a:pt x="128" y="36"/>
                  <a:pt x="128" y="36"/>
                  <a:pt x="128" y="36"/>
                </a:cubicBezTo>
                <a:cubicBezTo>
                  <a:pt x="130" y="36"/>
                  <a:pt x="132" y="34"/>
                  <a:pt x="132" y="32"/>
                </a:cubicBezTo>
                <a:cubicBezTo>
                  <a:pt x="132" y="30"/>
                  <a:pt x="130" y="28"/>
                  <a:pt x="128" y="28"/>
                </a:cubicBezTo>
                <a:cubicBezTo>
                  <a:pt x="128" y="28"/>
                  <a:pt x="128" y="28"/>
                  <a:pt x="128" y="28"/>
                </a:cubicBezTo>
                <a:cubicBezTo>
                  <a:pt x="116" y="28"/>
                  <a:pt x="116" y="28"/>
                  <a:pt x="116" y="28"/>
                </a:cubicBezTo>
                <a:cubicBezTo>
                  <a:pt x="116" y="20"/>
                  <a:pt x="116" y="20"/>
                  <a:pt x="116" y="20"/>
                </a:cubicBezTo>
                <a:cubicBezTo>
                  <a:pt x="116" y="18"/>
                  <a:pt x="114" y="16"/>
                  <a:pt x="112" y="16"/>
                </a:cubicBezTo>
                <a:cubicBezTo>
                  <a:pt x="110" y="16"/>
                  <a:pt x="108" y="18"/>
                  <a:pt x="108" y="20"/>
                </a:cubicBezTo>
                <a:cubicBezTo>
                  <a:pt x="108" y="28"/>
                  <a:pt x="108" y="28"/>
                  <a:pt x="108" y="28"/>
                </a:cubicBezTo>
                <a:cubicBezTo>
                  <a:pt x="108" y="28"/>
                  <a:pt x="108" y="28"/>
                  <a:pt x="108" y="28"/>
                </a:cubicBezTo>
                <a:cubicBezTo>
                  <a:pt x="99" y="28"/>
                  <a:pt x="92" y="35"/>
                  <a:pt x="92" y="44"/>
                </a:cubicBezTo>
                <a:cubicBezTo>
                  <a:pt x="92" y="53"/>
                  <a:pt x="99" y="60"/>
                  <a:pt x="108" y="60"/>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204" name="TextBox 203">
            <a:extLst>
              <a:ext uri="{FF2B5EF4-FFF2-40B4-BE49-F238E27FC236}">
                <a16:creationId xmlns:a16="http://schemas.microsoft.com/office/drawing/2014/main" id="{AAA75B8E-40D0-EC2B-8E60-8EB36E12B1EE}"/>
              </a:ext>
            </a:extLst>
          </p:cNvPr>
          <p:cNvSpPr txBox="1"/>
          <p:nvPr/>
        </p:nvSpPr>
        <p:spPr>
          <a:xfrm>
            <a:off x="10330124" y="2769186"/>
            <a:ext cx="1519861" cy="923330"/>
          </a:xfrm>
          <a:prstGeom prst="rect">
            <a:avLst/>
          </a:prstGeom>
          <a:noFill/>
        </p:spPr>
        <p:txBody>
          <a:bodyPr wrap="square">
            <a:spAutoFit/>
          </a:bodyPr>
          <a:lstStyle/>
          <a:p>
            <a:r>
              <a:rPr lang="da-DK" sz="1400" noProof="0" dirty="0">
                <a:solidFill>
                  <a:srgbClr val="EE2F66"/>
                </a:solidFill>
              </a:rPr>
              <a:t>Ca. 45</a:t>
            </a:r>
            <a:endParaRPr lang="da-DK" sz="1400" noProof="0" dirty="0">
              <a:solidFill>
                <a:srgbClr val="2C8027"/>
              </a:solidFill>
            </a:endParaRPr>
          </a:p>
          <a:p>
            <a:r>
              <a:rPr lang="da-DK" sz="800" noProof="0" dirty="0"/>
              <a:t>ansatte arbejder i </a:t>
            </a:r>
            <a:r>
              <a:rPr lang="da-DK" sz="800" noProof="0" dirty="0" err="1"/>
              <a:t>ZenDiS</a:t>
            </a:r>
            <a:r>
              <a:rPr lang="da-DK" sz="800" noProof="0" dirty="0"/>
              <a:t> med en ”</a:t>
            </a:r>
            <a:r>
              <a:rPr lang="da-DK" sz="800" noProof="0" dirty="0" err="1"/>
              <a:t>start-up</a:t>
            </a:r>
            <a:r>
              <a:rPr lang="da-DK" sz="800" noProof="0" dirty="0"/>
              <a:t>”-/outsourcing- organisationsmodel.</a:t>
            </a:r>
          </a:p>
          <a:p>
            <a:endParaRPr lang="da-DK" sz="800" noProof="0" dirty="0"/>
          </a:p>
        </p:txBody>
      </p:sp>
      <p:sp>
        <p:nvSpPr>
          <p:cNvPr id="201" name="TextBox 200">
            <a:extLst>
              <a:ext uri="{FF2B5EF4-FFF2-40B4-BE49-F238E27FC236}">
                <a16:creationId xmlns:a16="http://schemas.microsoft.com/office/drawing/2014/main" id="{72D5C027-C706-DFAE-726A-1E334353F3F7}"/>
              </a:ext>
            </a:extLst>
          </p:cNvPr>
          <p:cNvSpPr txBox="1"/>
          <p:nvPr/>
        </p:nvSpPr>
        <p:spPr>
          <a:xfrm>
            <a:off x="10330124" y="3607363"/>
            <a:ext cx="1519861" cy="677108"/>
          </a:xfrm>
          <a:prstGeom prst="rect">
            <a:avLst/>
          </a:prstGeom>
          <a:noFill/>
        </p:spPr>
        <p:txBody>
          <a:bodyPr wrap="square">
            <a:spAutoFit/>
          </a:bodyPr>
          <a:lstStyle/>
          <a:p>
            <a:r>
              <a:rPr lang="da-DK" sz="1400" noProof="0" dirty="0">
                <a:solidFill>
                  <a:srgbClr val="EE2F66"/>
                </a:solidFill>
              </a:rPr>
              <a:t>Næsten 100.000</a:t>
            </a:r>
            <a:endParaRPr lang="da-DK" sz="1400" noProof="0" dirty="0">
              <a:solidFill>
                <a:srgbClr val="2C8027"/>
              </a:solidFill>
            </a:endParaRPr>
          </a:p>
          <a:p>
            <a:r>
              <a:rPr lang="da-DK" sz="800" noProof="0" dirty="0"/>
              <a:t>Aktive brugere på </a:t>
            </a:r>
            <a:r>
              <a:rPr lang="da-DK" sz="800" noProof="0" dirty="0" err="1"/>
              <a:t>openDesk</a:t>
            </a:r>
            <a:r>
              <a:rPr lang="da-DK" sz="800" noProof="0" dirty="0"/>
              <a:t>, </a:t>
            </a:r>
            <a:r>
              <a:rPr lang="da-DK" sz="800" noProof="0" dirty="0" err="1"/>
              <a:t>ZenDiS</a:t>
            </a:r>
            <a:r>
              <a:rPr lang="da-DK" sz="800" noProof="0" dirty="0"/>
              <a:t>’ OSS-digitale arbejdspladsløsning.</a:t>
            </a:r>
          </a:p>
        </p:txBody>
      </p:sp>
      <p:pic>
        <p:nvPicPr>
          <p:cNvPr id="207" name="Graphic 9">
            <a:extLst>
              <a:ext uri="{FF2B5EF4-FFF2-40B4-BE49-F238E27FC236}">
                <a16:creationId xmlns:a16="http://schemas.microsoft.com/office/drawing/2014/main" id="{8CFBC23F-3AEC-EFE5-30C3-5C59A11FCDA7}"/>
              </a:ext>
              <a:ext uri="{C183D7F6-B498-43B3-948B-1728B52AA6E4}">
                <adec:decorative xmlns:adec="http://schemas.microsoft.com/office/drawing/2017/decorative" val="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473144" y="4426905"/>
            <a:ext cx="431800" cy="349250"/>
          </a:xfrm>
          <a:prstGeom prst="rect">
            <a:avLst/>
          </a:prstGeom>
        </p:spPr>
      </p:pic>
      <p:grpSp>
        <p:nvGrpSpPr>
          <p:cNvPr id="214" name="Group 213">
            <a:extLst>
              <a:ext uri="{FF2B5EF4-FFF2-40B4-BE49-F238E27FC236}">
                <a16:creationId xmlns:a16="http://schemas.microsoft.com/office/drawing/2014/main" id="{7DB003BC-6500-F669-7A68-3D44C3AE600C}"/>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215" name="Rectangle 214">
              <a:extLst>
                <a:ext uri="{FF2B5EF4-FFF2-40B4-BE49-F238E27FC236}">
                  <a16:creationId xmlns:a16="http://schemas.microsoft.com/office/drawing/2014/main" id="{10F3C750-8029-9811-48EE-8D99A5863749}"/>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16" name="Rectangle 215">
              <a:extLst>
                <a:ext uri="{FF2B5EF4-FFF2-40B4-BE49-F238E27FC236}">
                  <a16:creationId xmlns:a16="http://schemas.microsoft.com/office/drawing/2014/main" id="{83BB4388-0CCB-CE31-BCA6-4722989C0EFC}"/>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219" name="TextBox 218">
            <a:extLst>
              <a:ext uri="{FF2B5EF4-FFF2-40B4-BE49-F238E27FC236}">
                <a16:creationId xmlns:a16="http://schemas.microsoft.com/office/drawing/2014/main" id="{A0F99A9C-AE51-12FF-12B5-B16F2CF3260A}"/>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dirty="0"/>
              <a:t>Midlertidige omkostninger</a:t>
            </a:r>
            <a:endParaRPr lang="da-DK" sz="900" noProof="0" dirty="0"/>
          </a:p>
          <a:p>
            <a:pPr>
              <a:lnSpc>
                <a:spcPct val="200000"/>
              </a:lnSpc>
            </a:pPr>
            <a:r>
              <a:rPr lang="da-DK" sz="900" noProof="0" dirty="0"/>
              <a:t>  Projektledelse </a:t>
            </a:r>
          </a:p>
          <a:p>
            <a:pPr>
              <a:lnSpc>
                <a:spcPct val="200000"/>
              </a:lnSpc>
            </a:pPr>
            <a:endParaRPr lang="da-DK" sz="900" noProof="0" dirty="0"/>
          </a:p>
          <a:p>
            <a:pPr>
              <a:lnSpc>
                <a:spcPct val="200000"/>
              </a:lnSpc>
            </a:pPr>
            <a:r>
              <a:rPr lang="da-DK" sz="900" noProof="0" dirty="0"/>
              <a:t>  Organisatorisk implementering</a:t>
            </a:r>
          </a:p>
          <a:p>
            <a:pPr>
              <a:lnSpc>
                <a:spcPct val="200000"/>
              </a:lnSpc>
            </a:pPr>
            <a:r>
              <a:rPr lang="da-DK" sz="900" noProof="0" dirty="0"/>
              <a:t> </a:t>
            </a:r>
          </a:p>
          <a:p>
            <a:pPr>
              <a:lnSpc>
                <a:spcPct val="200000"/>
              </a:lnSpc>
            </a:pPr>
            <a:r>
              <a:rPr lang="da-DK" sz="900" noProof="0" dirty="0"/>
              <a:t>  Teknisk implementering</a:t>
            </a:r>
          </a:p>
          <a:p>
            <a:pPr>
              <a:lnSpc>
                <a:spcPct val="150000"/>
              </a:lnSpc>
            </a:pPr>
            <a:endParaRPr lang="da-DK" sz="900" noProof="0" dirty="0"/>
          </a:p>
          <a:p>
            <a:pPr>
              <a:lnSpc>
                <a:spcPct val="150000"/>
              </a:lnSpc>
            </a:pPr>
            <a:endParaRPr lang="da-DK" sz="900" b="1" noProof="0" dirty="0">
              <a:solidFill>
                <a:srgbClr val="36465A"/>
              </a:solidFill>
            </a:endParaRPr>
          </a:p>
          <a:p>
            <a:pPr>
              <a:lnSpc>
                <a:spcPct val="150000"/>
              </a:lnSpc>
            </a:pPr>
            <a:r>
              <a:rPr lang="da-DK" sz="900" b="1" noProof="0" dirty="0">
                <a:solidFill>
                  <a:srgbClr val="36465A"/>
                </a:solidFill>
              </a:rPr>
              <a:t>Driftsomkostninger</a:t>
            </a:r>
          </a:p>
          <a:p>
            <a:pPr>
              <a:lnSpc>
                <a:spcPct val="200000"/>
              </a:lnSpc>
            </a:pPr>
            <a:r>
              <a:rPr lang="da-DK" sz="900" noProof="0" dirty="0">
                <a:solidFill>
                  <a:schemeClr val="accent4">
                    <a:lumMod val="50000"/>
                  </a:schemeClr>
                </a:solidFill>
              </a:rPr>
              <a:t>  Teknologi</a:t>
            </a:r>
          </a:p>
          <a:p>
            <a:pPr>
              <a:lnSpc>
                <a:spcPct val="200000"/>
              </a:lnSpc>
            </a:pPr>
            <a:endParaRPr lang="da-DK" sz="900" noProof="0" dirty="0">
              <a:solidFill>
                <a:schemeClr val="accent4">
                  <a:lumMod val="50000"/>
                </a:schemeClr>
              </a:solidFill>
            </a:endParaRPr>
          </a:p>
          <a:p>
            <a:pPr>
              <a:lnSpc>
                <a:spcPct val="200000"/>
              </a:lnSpc>
            </a:pPr>
            <a:r>
              <a:rPr lang="da-DK" sz="900" noProof="0" dirty="0">
                <a:solidFill>
                  <a:schemeClr val="accent4">
                    <a:lumMod val="50000"/>
                  </a:schemeClr>
                </a:solidFill>
              </a:rPr>
              <a:t>  Nye kompetencer </a:t>
            </a:r>
          </a:p>
          <a:p>
            <a:pPr>
              <a:lnSpc>
                <a:spcPct val="200000"/>
              </a:lnSpc>
            </a:pPr>
            <a:endParaRPr lang="da-DK" sz="900" noProof="0" dirty="0">
              <a:solidFill>
                <a:schemeClr val="accent4">
                  <a:lumMod val="50000"/>
                </a:schemeClr>
              </a:solidFill>
            </a:endParaRPr>
          </a:p>
          <a:p>
            <a:pPr>
              <a:lnSpc>
                <a:spcPct val="200000"/>
              </a:lnSpc>
            </a:pPr>
            <a:r>
              <a:rPr lang="da-DK" sz="900" noProof="0" dirty="0">
                <a:solidFill>
                  <a:schemeClr val="accent4">
                    <a:lumMod val="50000"/>
                  </a:schemeClr>
                </a:solidFill>
              </a:rPr>
              <a:t>  Drift og support</a:t>
            </a:r>
          </a:p>
        </p:txBody>
      </p:sp>
      <p:grpSp>
        <p:nvGrpSpPr>
          <p:cNvPr id="220" name="Group 219">
            <a:extLst>
              <a:ext uri="{FF2B5EF4-FFF2-40B4-BE49-F238E27FC236}">
                <a16:creationId xmlns:a16="http://schemas.microsoft.com/office/drawing/2014/main" id="{8840C713-34A0-87F9-10EB-D6E347DD59B0}"/>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221" name="Oval 220">
              <a:extLst>
                <a:ext uri="{FF2B5EF4-FFF2-40B4-BE49-F238E27FC236}">
                  <a16:creationId xmlns:a16="http://schemas.microsoft.com/office/drawing/2014/main" id="{8B946ADB-3EDB-DEE1-ACE3-57A2AB376525}"/>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22" name="Freeform 11">
              <a:extLst>
                <a:ext uri="{FF2B5EF4-FFF2-40B4-BE49-F238E27FC236}">
                  <a16:creationId xmlns:a16="http://schemas.microsoft.com/office/drawing/2014/main" id="{AE942F1F-01CF-917A-A975-C63014712BF8}"/>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233" name="Group 232">
            <a:extLst>
              <a:ext uri="{FF2B5EF4-FFF2-40B4-BE49-F238E27FC236}">
                <a16:creationId xmlns:a16="http://schemas.microsoft.com/office/drawing/2014/main" id="{A07B6ECE-488C-646D-FF8B-F25C68294FB9}"/>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234" name="Oval 233">
              <a:extLst>
                <a:ext uri="{FF2B5EF4-FFF2-40B4-BE49-F238E27FC236}">
                  <a16:creationId xmlns:a16="http://schemas.microsoft.com/office/drawing/2014/main" id="{F6212FEC-B0AC-FBA5-3055-9C5407836925}"/>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35" name="Freeform 19">
              <a:extLst>
                <a:ext uri="{FF2B5EF4-FFF2-40B4-BE49-F238E27FC236}">
                  <a16:creationId xmlns:a16="http://schemas.microsoft.com/office/drawing/2014/main" id="{7D6D98F2-C350-00A0-5F7A-B7F4D4FF3BE1}"/>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14" name="Content Placeholder 5" descr="*Såsom Nextcloud, Open-Xchange, Collabora og Matrix (fuld oversigt kan findes her https://www.opendesk.eu/en/product). **Digital Commons European Digital Infrastructure Consortium. ***GmbH betyder &quot;Gesellschaft mit beschränkter Haftung&quot;, hvilket er tysk for &quot;selskab med begrænset ansvar&quot; og svarer til et dansk anpartsselskab (ApS)&#10;&#10;">
            <a:extLst>
              <a:ext uri="{FF2B5EF4-FFF2-40B4-BE49-F238E27FC236}">
                <a16:creationId xmlns:a16="http://schemas.microsoft.com/office/drawing/2014/main" id="{98DCDD22-10F4-1DA7-18E8-8124672CCE23}"/>
              </a:ext>
            </a:extLst>
          </p:cNvPr>
          <p:cNvSpPr txBox="1">
            <a:spLocks/>
          </p:cNvSpPr>
          <p:nvPr/>
        </p:nvSpPr>
        <p:spPr>
          <a:xfrm>
            <a:off x="558228" y="6405542"/>
            <a:ext cx="11509488" cy="290179"/>
          </a:xfrm>
          <a:prstGeom prst="rect">
            <a:avLst/>
          </a:prstGeom>
        </p:spPr>
        <p:txBody>
          <a:bodyPr vert="horz" lIns="0" tIns="0" rIns="0" bIns="0" rtlCol="0" anchor="t">
            <a:noAutofit/>
          </a:bodyPr>
          <a:lstStyle>
            <a:defPPr>
              <a:defRPr lang="en-US"/>
            </a:defPPr>
            <a:lvl1pPr marL="87313" indent="-87313" defTabSz="203892">
              <a:lnSpc>
                <a:spcPct val="100000"/>
              </a:lnSpc>
              <a:spcBef>
                <a:spcPts val="0"/>
              </a:spcBef>
              <a:spcAft>
                <a:spcPts val="300"/>
              </a:spcAft>
              <a:buClrTx/>
              <a:buFont typeface="Arial" panose="020B0604020202020204" pitchFamily="34" charset="0"/>
              <a:buNone/>
              <a:defRPr sz="900" b="0" cap="none" baseline="30000"/>
            </a:lvl1pPr>
            <a:lvl2pPr marL="0" indent="0" defTabSz="203892">
              <a:lnSpc>
                <a:spcPct val="100000"/>
              </a:lnSpc>
              <a:spcBef>
                <a:spcPts val="0"/>
              </a:spcBef>
              <a:spcAft>
                <a:spcPts val="600"/>
              </a:spcAft>
              <a:buClrTx/>
              <a:buFont typeface="Arial" panose="020B0604020202020204" pitchFamily="34" charset="0"/>
              <a:buNone/>
              <a:defRPr sz="1200" b="1" cap="none" baseline="0">
                <a:solidFill>
                  <a:schemeClr val="accent1"/>
                </a:solidFill>
              </a:defRPr>
            </a:lvl2pPr>
            <a:lvl3pPr marL="0" indent="0" defTabSz="203892">
              <a:lnSpc>
                <a:spcPct val="100000"/>
              </a:lnSpc>
              <a:spcBef>
                <a:spcPts val="0"/>
              </a:spcBef>
              <a:spcAft>
                <a:spcPts val="600"/>
              </a:spcAft>
              <a:buFont typeface="Arial" panose="020B0604020202020204" pitchFamily="34" charset="0"/>
              <a:buNone/>
              <a:defRPr sz="1100">
                <a:solidFill>
                  <a:schemeClr val="accent3"/>
                </a:solidFill>
              </a:defRPr>
            </a:lvl3pPr>
            <a:lvl4pPr marL="180000" indent="-180000" defTabSz="203892">
              <a:lnSpc>
                <a:spcPct val="100000"/>
              </a:lnSpc>
              <a:spcBef>
                <a:spcPts val="0"/>
              </a:spcBef>
              <a:spcAft>
                <a:spcPts val="600"/>
              </a:spcAft>
              <a:buClr>
                <a:srgbClr val="F62B44"/>
              </a:buClr>
              <a:buFont typeface="Arial" panose="020B0604020202020204" pitchFamily="34" charset="0"/>
              <a:buChar char="•"/>
              <a:defRPr sz="1100">
                <a:solidFill>
                  <a:schemeClr val="accent3"/>
                </a:solidFill>
              </a:defRPr>
            </a:lvl4pPr>
            <a:lvl5pPr marL="36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5pPr>
            <a:lvl6pPr marL="54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6pPr>
            <a:lvl7pPr marL="225425" indent="-225425" defTabSz="203892">
              <a:lnSpc>
                <a:spcPct val="100000"/>
              </a:lnSpc>
              <a:spcBef>
                <a:spcPts val="0"/>
              </a:spcBef>
              <a:spcAft>
                <a:spcPts val="600"/>
              </a:spcAft>
              <a:buClr>
                <a:srgbClr val="F62B44"/>
              </a:buClr>
              <a:buFont typeface="+mj-lt"/>
              <a:buAutoNum type="arabicPeriod"/>
              <a:defRPr sz="1100">
                <a:solidFill>
                  <a:schemeClr val="accent3"/>
                </a:solidFill>
              </a:defRPr>
            </a:lvl7pPr>
            <a:lvl8pPr marL="449263" indent="-215900" defTabSz="203892">
              <a:lnSpc>
                <a:spcPct val="100000"/>
              </a:lnSpc>
              <a:spcBef>
                <a:spcPts val="0"/>
              </a:spcBef>
              <a:spcAft>
                <a:spcPts val="600"/>
              </a:spcAft>
              <a:buClr>
                <a:srgbClr val="F62B44"/>
              </a:buClr>
              <a:buFont typeface="+mj-lt"/>
              <a:buAutoNum type="alphaLcParenR"/>
              <a:defRPr sz="1100">
                <a:solidFill>
                  <a:schemeClr val="accent3"/>
                </a:solidFill>
              </a:defRPr>
            </a:lvl8pPr>
            <a:lvl9pPr marL="630238" indent="-180975" defTabSz="203892">
              <a:lnSpc>
                <a:spcPct val="100000"/>
              </a:lnSpc>
              <a:spcBef>
                <a:spcPts val="0"/>
              </a:spcBef>
              <a:spcAft>
                <a:spcPts val="600"/>
              </a:spcAft>
              <a:buClr>
                <a:srgbClr val="F62B44"/>
              </a:buClr>
              <a:buSzPct val="100000"/>
              <a:buFont typeface="+mj-lt"/>
              <a:buAutoNum type="romanLcPeriod"/>
              <a:defRPr sz="1100">
                <a:solidFill>
                  <a:schemeClr val="accent3"/>
                </a:solidFill>
              </a:defRPr>
            </a:lvl9pPr>
          </a:lstStyle>
          <a:p>
            <a:pPr marL="0" indent="0"/>
            <a:r>
              <a:rPr lang="da-DK" sz="700" i="1" baseline="0" noProof="0" dirty="0">
                <a:sym typeface="Wingdings" panose="05000000000000000000" pitchFamily="2" charset="2"/>
              </a:rPr>
              <a:t>*Såsom </a:t>
            </a:r>
            <a:r>
              <a:rPr lang="da-DK" sz="700" i="1" baseline="0" noProof="0" dirty="0" err="1">
                <a:sym typeface="Wingdings" panose="05000000000000000000" pitchFamily="2" charset="2"/>
              </a:rPr>
              <a:t>Nextcloud</a:t>
            </a:r>
            <a:r>
              <a:rPr lang="da-DK" sz="700" i="1" baseline="0" noProof="0" dirty="0">
                <a:sym typeface="Wingdings" panose="05000000000000000000" pitchFamily="2" charset="2"/>
              </a:rPr>
              <a:t>, Open-</a:t>
            </a:r>
            <a:r>
              <a:rPr lang="da-DK" sz="700" i="1" baseline="0" noProof="0" dirty="0" err="1">
                <a:sym typeface="Wingdings" panose="05000000000000000000" pitchFamily="2" charset="2"/>
              </a:rPr>
              <a:t>Xchange</a:t>
            </a:r>
            <a:r>
              <a:rPr lang="da-DK" sz="700" i="1" baseline="0" noProof="0" dirty="0">
                <a:sym typeface="Wingdings" panose="05000000000000000000" pitchFamily="2" charset="2"/>
              </a:rPr>
              <a:t>, </a:t>
            </a:r>
            <a:r>
              <a:rPr lang="da-DK" sz="700" i="1" baseline="0" noProof="0" dirty="0" err="1">
                <a:sym typeface="Wingdings" panose="05000000000000000000" pitchFamily="2" charset="2"/>
              </a:rPr>
              <a:t>Collabora</a:t>
            </a:r>
            <a:r>
              <a:rPr lang="da-DK" sz="700" i="1" baseline="0" noProof="0" dirty="0">
                <a:sym typeface="Wingdings" panose="05000000000000000000" pitchFamily="2" charset="2"/>
              </a:rPr>
              <a:t> og Matrix (fuld oversigt kan findes her </a:t>
            </a:r>
            <a:r>
              <a:rPr lang="da-DK" sz="700" i="1" baseline="0" noProof="0" dirty="0">
                <a:sym typeface="Wingdings" panose="05000000000000000000" pitchFamily="2" charset="2"/>
                <a:hlinkClick r:id="rId6" tooltip="openDesk produktside"/>
              </a:rPr>
              <a:t>https://www.opendesk.eu/en/product</a:t>
            </a:r>
            <a:r>
              <a:rPr lang="da-DK" sz="700" i="1" baseline="0" noProof="0" dirty="0">
                <a:sym typeface="Wingdings" panose="05000000000000000000" pitchFamily="2" charset="2"/>
              </a:rPr>
              <a:t>). **Digital Commons European Digital </a:t>
            </a:r>
            <a:r>
              <a:rPr lang="da-DK" sz="700" i="1" baseline="0" noProof="0" dirty="0" err="1">
                <a:sym typeface="Wingdings" panose="05000000000000000000" pitchFamily="2" charset="2"/>
              </a:rPr>
              <a:t>Infrastructure</a:t>
            </a:r>
            <a:r>
              <a:rPr lang="da-DK" sz="700" i="1" baseline="0" noProof="0" dirty="0">
                <a:sym typeface="Wingdings" panose="05000000000000000000" pitchFamily="2" charset="2"/>
              </a:rPr>
              <a:t> </a:t>
            </a:r>
            <a:r>
              <a:rPr lang="da-DK" sz="700" i="1" baseline="0" noProof="0" dirty="0" err="1">
                <a:sym typeface="Wingdings" panose="05000000000000000000" pitchFamily="2" charset="2"/>
              </a:rPr>
              <a:t>Consortium</a:t>
            </a:r>
            <a:r>
              <a:rPr lang="da-DK" sz="700" i="1" baseline="0" noProof="0" dirty="0">
                <a:sym typeface="Wingdings" panose="05000000000000000000" pitchFamily="2" charset="2"/>
              </a:rPr>
              <a:t>. ***GmbH betyder "</a:t>
            </a:r>
            <a:r>
              <a:rPr lang="da-DK" sz="700" i="1" baseline="0" noProof="0" dirty="0" err="1">
                <a:sym typeface="Wingdings" panose="05000000000000000000" pitchFamily="2" charset="2"/>
              </a:rPr>
              <a:t>Gesellschaft</a:t>
            </a:r>
            <a:r>
              <a:rPr lang="da-DK" sz="700" i="1" baseline="0" noProof="0" dirty="0">
                <a:sym typeface="Wingdings" panose="05000000000000000000" pitchFamily="2" charset="2"/>
              </a:rPr>
              <a:t> mit </a:t>
            </a:r>
            <a:r>
              <a:rPr lang="da-DK" sz="700" i="1" baseline="0" noProof="0" dirty="0" err="1">
                <a:sym typeface="Wingdings" panose="05000000000000000000" pitchFamily="2" charset="2"/>
              </a:rPr>
              <a:t>beschränkter</a:t>
            </a:r>
            <a:r>
              <a:rPr lang="da-DK" sz="700" i="1" baseline="0" noProof="0" dirty="0">
                <a:sym typeface="Wingdings" panose="05000000000000000000" pitchFamily="2" charset="2"/>
              </a:rPr>
              <a:t> </a:t>
            </a:r>
            <a:r>
              <a:rPr lang="da-DK" sz="700" i="1" baseline="0" noProof="0" dirty="0" err="1">
                <a:sym typeface="Wingdings" panose="05000000000000000000" pitchFamily="2" charset="2"/>
              </a:rPr>
              <a:t>Haftung</a:t>
            </a:r>
            <a:r>
              <a:rPr lang="da-DK" sz="700" i="1" baseline="0" noProof="0" dirty="0">
                <a:sym typeface="Wingdings" panose="05000000000000000000" pitchFamily="2" charset="2"/>
              </a:rPr>
              <a:t>", hvilket er tysk for "selskab med begrænset ansvar" og svarer til et dansk anpartsselskab (ApS)</a:t>
            </a:r>
            <a:endParaRPr lang="da-DK" sz="700" i="1" baseline="0" noProof="0" dirty="0"/>
          </a:p>
        </p:txBody>
      </p:sp>
      <p:sp>
        <p:nvSpPr>
          <p:cNvPr id="25" name="Freeform 8">
            <a:extLst>
              <a:ext uri="{FF2B5EF4-FFF2-40B4-BE49-F238E27FC236}">
                <a16:creationId xmlns:a16="http://schemas.microsoft.com/office/drawing/2014/main" id="{5FF25504-FA13-36C1-0706-6D3CC069CA0A}"/>
              </a:ext>
              <a:ext uri="{C183D7F6-B498-43B3-948B-1728B52AA6E4}">
                <adec:decorative xmlns:adec="http://schemas.microsoft.com/office/drawing/2017/decorative" val="1"/>
              </a:ext>
            </a:extLst>
          </p:cNvPr>
          <p:cNvSpPr>
            <a:spLocks noEditPoints="1"/>
          </p:cNvSpPr>
          <p:nvPr/>
        </p:nvSpPr>
        <p:spPr bwMode="auto">
          <a:xfrm>
            <a:off x="9675341" y="2872261"/>
            <a:ext cx="401608" cy="322739"/>
          </a:xfrm>
          <a:custGeom>
            <a:avLst/>
            <a:gdLst>
              <a:gd name="T0" fmla="*/ 120 w 240"/>
              <a:gd name="T1" fmla="*/ 0 h 192"/>
              <a:gd name="T2" fmla="*/ 120 w 240"/>
              <a:gd name="T3" fmla="*/ 8 h 192"/>
              <a:gd name="T4" fmla="*/ 100 w 240"/>
              <a:gd name="T5" fmla="*/ 28 h 192"/>
              <a:gd name="T6" fmla="*/ 219 w 240"/>
              <a:gd name="T7" fmla="*/ 155 h 192"/>
              <a:gd name="T8" fmla="*/ 208 w 240"/>
              <a:gd name="T9" fmla="*/ 104 h 192"/>
              <a:gd name="T10" fmla="*/ 168 w 240"/>
              <a:gd name="T11" fmla="*/ 68 h 192"/>
              <a:gd name="T12" fmla="*/ 142 w 240"/>
              <a:gd name="T13" fmla="*/ 57 h 192"/>
              <a:gd name="T14" fmla="*/ 95 w 240"/>
              <a:gd name="T15" fmla="*/ 56 h 192"/>
              <a:gd name="T16" fmla="*/ 72 w 240"/>
              <a:gd name="T17" fmla="*/ 88 h 192"/>
              <a:gd name="T18" fmla="*/ 32 w 240"/>
              <a:gd name="T19" fmla="*/ 112 h 192"/>
              <a:gd name="T20" fmla="*/ 1 w 240"/>
              <a:gd name="T21" fmla="*/ 165 h 192"/>
              <a:gd name="T22" fmla="*/ 0 w 240"/>
              <a:gd name="T23" fmla="*/ 188 h 192"/>
              <a:gd name="T24" fmla="*/ 68 w 240"/>
              <a:gd name="T25" fmla="*/ 192 h 192"/>
              <a:gd name="T26" fmla="*/ 72 w 240"/>
              <a:gd name="T27" fmla="*/ 168 h 192"/>
              <a:gd name="T28" fmla="*/ 60 w 240"/>
              <a:gd name="T29" fmla="*/ 136 h 192"/>
              <a:gd name="T30" fmla="*/ 48 w 240"/>
              <a:gd name="T31" fmla="*/ 96 h 192"/>
              <a:gd name="T32" fmla="*/ 96 w 240"/>
              <a:gd name="T33" fmla="*/ 136 h 192"/>
              <a:gd name="T34" fmla="*/ 84 w 240"/>
              <a:gd name="T35" fmla="*/ 168 h 192"/>
              <a:gd name="T36" fmla="*/ 88 w 240"/>
              <a:gd name="T37" fmla="*/ 192 h 192"/>
              <a:gd name="T38" fmla="*/ 156 w 240"/>
              <a:gd name="T39" fmla="*/ 188 h 192"/>
              <a:gd name="T40" fmla="*/ 135 w 240"/>
              <a:gd name="T41" fmla="*/ 155 h 192"/>
              <a:gd name="T42" fmla="*/ 124 w 240"/>
              <a:gd name="T43" fmla="*/ 96 h 192"/>
              <a:gd name="T44" fmla="*/ 200 w 240"/>
              <a:gd name="T45" fmla="*/ 112 h 192"/>
              <a:gd name="T46" fmla="*/ 169 w 240"/>
              <a:gd name="T47" fmla="*/ 165 h 192"/>
              <a:gd name="T48" fmla="*/ 169 w 240"/>
              <a:gd name="T49" fmla="*/ 191 h 192"/>
              <a:gd name="T50" fmla="*/ 239 w 240"/>
              <a:gd name="T51" fmla="*/ 191 h 192"/>
              <a:gd name="T52" fmla="*/ 239 w 240"/>
              <a:gd name="T53" fmla="*/ 165 h 192"/>
              <a:gd name="T54" fmla="*/ 64 w 240"/>
              <a:gd name="T55" fmla="*/ 170 h 192"/>
              <a:gd name="T56" fmla="*/ 8 w 240"/>
              <a:gd name="T57" fmla="*/ 170 h 192"/>
              <a:gd name="T58" fmla="*/ 36 w 240"/>
              <a:gd name="T59" fmla="*/ 160 h 192"/>
              <a:gd name="T60" fmla="*/ 52 w 240"/>
              <a:gd name="T61" fmla="*/ 136 h 192"/>
              <a:gd name="T62" fmla="*/ 36 w 240"/>
              <a:gd name="T63" fmla="*/ 120 h 192"/>
              <a:gd name="T64" fmla="*/ 147 w 240"/>
              <a:gd name="T65" fmla="*/ 169 h 192"/>
              <a:gd name="T66" fmla="*/ 92 w 240"/>
              <a:gd name="T67" fmla="*/ 184 h 192"/>
              <a:gd name="T68" fmla="*/ 120 w 240"/>
              <a:gd name="T69" fmla="*/ 160 h 192"/>
              <a:gd name="T70" fmla="*/ 141 w 240"/>
              <a:gd name="T71" fmla="*/ 166 h 192"/>
              <a:gd name="T72" fmla="*/ 104 w 240"/>
              <a:gd name="T73" fmla="*/ 136 h 192"/>
              <a:gd name="T74" fmla="*/ 160 w 240"/>
              <a:gd name="T75" fmla="*/ 88 h 192"/>
              <a:gd name="T76" fmla="*/ 83 w 240"/>
              <a:gd name="T77" fmla="*/ 69 h 192"/>
              <a:gd name="T78" fmla="*/ 122 w 240"/>
              <a:gd name="T79" fmla="*/ 79 h 192"/>
              <a:gd name="T80" fmla="*/ 160 w 240"/>
              <a:gd name="T81" fmla="*/ 71 h 192"/>
              <a:gd name="T82" fmla="*/ 204 w 240"/>
              <a:gd name="T83" fmla="*/ 120 h 192"/>
              <a:gd name="T84" fmla="*/ 188 w 240"/>
              <a:gd name="T85" fmla="*/ 136 h 192"/>
              <a:gd name="T86" fmla="*/ 176 w 240"/>
              <a:gd name="T87" fmla="*/ 170 h 192"/>
              <a:gd name="T88" fmla="*/ 204 w 240"/>
              <a:gd name="T89" fmla="*/ 160 h 192"/>
              <a:gd name="T90" fmla="*/ 231 w 240"/>
              <a:gd name="T91" fmla="*/ 169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40" h="192">
                <a:moveTo>
                  <a:pt x="120" y="56"/>
                </a:moveTo>
                <a:cubicBezTo>
                  <a:pt x="135" y="56"/>
                  <a:pt x="148" y="43"/>
                  <a:pt x="148" y="28"/>
                </a:cubicBezTo>
                <a:cubicBezTo>
                  <a:pt x="148" y="13"/>
                  <a:pt x="135" y="0"/>
                  <a:pt x="120" y="0"/>
                </a:cubicBezTo>
                <a:cubicBezTo>
                  <a:pt x="105" y="0"/>
                  <a:pt x="92" y="13"/>
                  <a:pt x="92" y="28"/>
                </a:cubicBezTo>
                <a:cubicBezTo>
                  <a:pt x="92" y="43"/>
                  <a:pt x="105" y="56"/>
                  <a:pt x="120" y="56"/>
                </a:cubicBezTo>
                <a:close/>
                <a:moveTo>
                  <a:pt x="120" y="8"/>
                </a:moveTo>
                <a:cubicBezTo>
                  <a:pt x="131" y="8"/>
                  <a:pt x="140" y="17"/>
                  <a:pt x="140" y="28"/>
                </a:cubicBezTo>
                <a:cubicBezTo>
                  <a:pt x="140" y="39"/>
                  <a:pt x="131" y="48"/>
                  <a:pt x="120" y="48"/>
                </a:cubicBezTo>
                <a:cubicBezTo>
                  <a:pt x="109" y="48"/>
                  <a:pt x="100" y="39"/>
                  <a:pt x="100" y="28"/>
                </a:cubicBezTo>
                <a:cubicBezTo>
                  <a:pt x="100" y="17"/>
                  <a:pt x="109" y="8"/>
                  <a:pt x="120" y="8"/>
                </a:cubicBezTo>
                <a:close/>
                <a:moveTo>
                  <a:pt x="239" y="165"/>
                </a:moveTo>
                <a:cubicBezTo>
                  <a:pt x="238" y="165"/>
                  <a:pt x="231" y="158"/>
                  <a:pt x="219" y="155"/>
                </a:cubicBezTo>
                <a:cubicBezTo>
                  <a:pt x="225" y="150"/>
                  <a:pt x="228" y="143"/>
                  <a:pt x="228" y="136"/>
                </a:cubicBezTo>
                <a:cubicBezTo>
                  <a:pt x="228" y="124"/>
                  <a:pt x="219" y="114"/>
                  <a:pt x="208" y="112"/>
                </a:cubicBezTo>
                <a:cubicBezTo>
                  <a:pt x="208" y="104"/>
                  <a:pt x="208" y="104"/>
                  <a:pt x="208" y="104"/>
                </a:cubicBezTo>
                <a:cubicBezTo>
                  <a:pt x="208" y="95"/>
                  <a:pt x="201" y="88"/>
                  <a:pt x="192" y="88"/>
                </a:cubicBezTo>
                <a:cubicBezTo>
                  <a:pt x="168" y="88"/>
                  <a:pt x="168" y="88"/>
                  <a:pt x="168" y="88"/>
                </a:cubicBezTo>
                <a:cubicBezTo>
                  <a:pt x="168" y="68"/>
                  <a:pt x="168" y="68"/>
                  <a:pt x="168" y="68"/>
                </a:cubicBezTo>
                <a:cubicBezTo>
                  <a:pt x="168" y="67"/>
                  <a:pt x="167" y="66"/>
                  <a:pt x="166" y="65"/>
                </a:cubicBezTo>
                <a:cubicBezTo>
                  <a:pt x="166" y="65"/>
                  <a:pt x="158" y="60"/>
                  <a:pt x="145" y="56"/>
                </a:cubicBezTo>
                <a:cubicBezTo>
                  <a:pt x="144" y="56"/>
                  <a:pt x="143" y="56"/>
                  <a:pt x="142" y="57"/>
                </a:cubicBezTo>
                <a:cubicBezTo>
                  <a:pt x="120" y="71"/>
                  <a:pt x="120" y="71"/>
                  <a:pt x="120" y="71"/>
                </a:cubicBezTo>
                <a:cubicBezTo>
                  <a:pt x="98" y="57"/>
                  <a:pt x="98" y="57"/>
                  <a:pt x="98" y="57"/>
                </a:cubicBezTo>
                <a:cubicBezTo>
                  <a:pt x="97" y="56"/>
                  <a:pt x="96" y="56"/>
                  <a:pt x="95" y="56"/>
                </a:cubicBezTo>
                <a:cubicBezTo>
                  <a:pt x="82" y="60"/>
                  <a:pt x="74" y="65"/>
                  <a:pt x="74" y="65"/>
                </a:cubicBezTo>
                <a:cubicBezTo>
                  <a:pt x="73" y="66"/>
                  <a:pt x="72" y="67"/>
                  <a:pt x="72" y="68"/>
                </a:cubicBezTo>
                <a:cubicBezTo>
                  <a:pt x="72" y="88"/>
                  <a:pt x="72" y="88"/>
                  <a:pt x="72" y="88"/>
                </a:cubicBezTo>
                <a:cubicBezTo>
                  <a:pt x="48" y="88"/>
                  <a:pt x="48" y="88"/>
                  <a:pt x="48" y="88"/>
                </a:cubicBezTo>
                <a:cubicBezTo>
                  <a:pt x="39" y="88"/>
                  <a:pt x="32" y="95"/>
                  <a:pt x="32" y="104"/>
                </a:cubicBezTo>
                <a:cubicBezTo>
                  <a:pt x="32" y="112"/>
                  <a:pt x="32" y="112"/>
                  <a:pt x="32" y="112"/>
                </a:cubicBezTo>
                <a:cubicBezTo>
                  <a:pt x="21" y="114"/>
                  <a:pt x="12" y="124"/>
                  <a:pt x="12" y="136"/>
                </a:cubicBezTo>
                <a:cubicBezTo>
                  <a:pt x="12" y="143"/>
                  <a:pt x="15" y="150"/>
                  <a:pt x="21" y="155"/>
                </a:cubicBezTo>
                <a:cubicBezTo>
                  <a:pt x="9" y="158"/>
                  <a:pt x="2" y="165"/>
                  <a:pt x="1" y="165"/>
                </a:cubicBezTo>
                <a:cubicBezTo>
                  <a:pt x="1" y="166"/>
                  <a:pt x="0" y="167"/>
                  <a:pt x="0" y="168"/>
                </a:cubicBezTo>
                <a:cubicBezTo>
                  <a:pt x="0" y="188"/>
                  <a:pt x="0" y="188"/>
                  <a:pt x="0" y="188"/>
                </a:cubicBezTo>
                <a:cubicBezTo>
                  <a:pt x="0" y="188"/>
                  <a:pt x="0" y="188"/>
                  <a:pt x="0" y="188"/>
                </a:cubicBezTo>
                <a:cubicBezTo>
                  <a:pt x="0" y="189"/>
                  <a:pt x="0" y="190"/>
                  <a:pt x="1" y="191"/>
                </a:cubicBezTo>
                <a:cubicBezTo>
                  <a:pt x="2" y="192"/>
                  <a:pt x="3" y="192"/>
                  <a:pt x="4" y="192"/>
                </a:cubicBezTo>
                <a:cubicBezTo>
                  <a:pt x="68" y="192"/>
                  <a:pt x="68" y="192"/>
                  <a:pt x="68" y="192"/>
                </a:cubicBezTo>
                <a:cubicBezTo>
                  <a:pt x="69" y="192"/>
                  <a:pt x="70" y="192"/>
                  <a:pt x="71" y="191"/>
                </a:cubicBezTo>
                <a:cubicBezTo>
                  <a:pt x="72" y="190"/>
                  <a:pt x="72" y="189"/>
                  <a:pt x="72" y="188"/>
                </a:cubicBezTo>
                <a:cubicBezTo>
                  <a:pt x="72" y="168"/>
                  <a:pt x="72" y="168"/>
                  <a:pt x="72" y="168"/>
                </a:cubicBezTo>
                <a:cubicBezTo>
                  <a:pt x="72" y="167"/>
                  <a:pt x="71" y="166"/>
                  <a:pt x="71" y="165"/>
                </a:cubicBezTo>
                <a:cubicBezTo>
                  <a:pt x="70" y="165"/>
                  <a:pt x="63" y="158"/>
                  <a:pt x="51" y="155"/>
                </a:cubicBezTo>
                <a:cubicBezTo>
                  <a:pt x="57" y="150"/>
                  <a:pt x="60" y="143"/>
                  <a:pt x="60" y="136"/>
                </a:cubicBezTo>
                <a:cubicBezTo>
                  <a:pt x="60" y="124"/>
                  <a:pt x="51" y="114"/>
                  <a:pt x="40" y="112"/>
                </a:cubicBezTo>
                <a:cubicBezTo>
                  <a:pt x="40" y="104"/>
                  <a:pt x="40" y="104"/>
                  <a:pt x="40" y="104"/>
                </a:cubicBezTo>
                <a:cubicBezTo>
                  <a:pt x="40" y="100"/>
                  <a:pt x="44" y="96"/>
                  <a:pt x="48" y="96"/>
                </a:cubicBezTo>
                <a:cubicBezTo>
                  <a:pt x="116" y="96"/>
                  <a:pt x="116" y="96"/>
                  <a:pt x="116" y="96"/>
                </a:cubicBezTo>
                <a:cubicBezTo>
                  <a:pt x="116" y="112"/>
                  <a:pt x="116" y="112"/>
                  <a:pt x="116" y="112"/>
                </a:cubicBezTo>
                <a:cubicBezTo>
                  <a:pt x="105" y="114"/>
                  <a:pt x="96" y="124"/>
                  <a:pt x="96" y="136"/>
                </a:cubicBezTo>
                <a:cubicBezTo>
                  <a:pt x="96" y="143"/>
                  <a:pt x="99" y="150"/>
                  <a:pt x="105" y="155"/>
                </a:cubicBezTo>
                <a:cubicBezTo>
                  <a:pt x="93" y="158"/>
                  <a:pt x="86" y="165"/>
                  <a:pt x="85" y="165"/>
                </a:cubicBezTo>
                <a:cubicBezTo>
                  <a:pt x="85" y="166"/>
                  <a:pt x="84" y="167"/>
                  <a:pt x="84" y="168"/>
                </a:cubicBezTo>
                <a:cubicBezTo>
                  <a:pt x="84" y="188"/>
                  <a:pt x="84" y="188"/>
                  <a:pt x="84" y="188"/>
                </a:cubicBezTo>
                <a:cubicBezTo>
                  <a:pt x="84" y="189"/>
                  <a:pt x="84" y="190"/>
                  <a:pt x="85" y="191"/>
                </a:cubicBezTo>
                <a:cubicBezTo>
                  <a:pt x="86" y="192"/>
                  <a:pt x="87" y="192"/>
                  <a:pt x="88" y="192"/>
                </a:cubicBezTo>
                <a:cubicBezTo>
                  <a:pt x="152" y="192"/>
                  <a:pt x="152" y="192"/>
                  <a:pt x="152" y="192"/>
                </a:cubicBezTo>
                <a:cubicBezTo>
                  <a:pt x="153" y="192"/>
                  <a:pt x="154" y="192"/>
                  <a:pt x="155" y="191"/>
                </a:cubicBezTo>
                <a:cubicBezTo>
                  <a:pt x="156" y="190"/>
                  <a:pt x="156" y="189"/>
                  <a:pt x="156" y="188"/>
                </a:cubicBezTo>
                <a:cubicBezTo>
                  <a:pt x="156" y="168"/>
                  <a:pt x="156" y="168"/>
                  <a:pt x="156" y="168"/>
                </a:cubicBezTo>
                <a:cubicBezTo>
                  <a:pt x="156" y="167"/>
                  <a:pt x="155" y="166"/>
                  <a:pt x="155" y="165"/>
                </a:cubicBezTo>
                <a:cubicBezTo>
                  <a:pt x="154" y="165"/>
                  <a:pt x="147" y="158"/>
                  <a:pt x="135" y="155"/>
                </a:cubicBezTo>
                <a:cubicBezTo>
                  <a:pt x="141" y="150"/>
                  <a:pt x="144" y="143"/>
                  <a:pt x="144" y="136"/>
                </a:cubicBezTo>
                <a:cubicBezTo>
                  <a:pt x="144" y="124"/>
                  <a:pt x="135" y="114"/>
                  <a:pt x="124" y="112"/>
                </a:cubicBezTo>
                <a:cubicBezTo>
                  <a:pt x="124" y="96"/>
                  <a:pt x="124" y="96"/>
                  <a:pt x="124" y="96"/>
                </a:cubicBezTo>
                <a:cubicBezTo>
                  <a:pt x="192" y="96"/>
                  <a:pt x="192" y="96"/>
                  <a:pt x="192" y="96"/>
                </a:cubicBezTo>
                <a:cubicBezTo>
                  <a:pt x="196" y="96"/>
                  <a:pt x="200" y="100"/>
                  <a:pt x="200" y="104"/>
                </a:cubicBezTo>
                <a:cubicBezTo>
                  <a:pt x="200" y="112"/>
                  <a:pt x="200" y="112"/>
                  <a:pt x="200" y="112"/>
                </a:cubicBezTo>
                <a:cubicBezTo>
                  <a:pt x="189" y="114"/>
                  <a:pt x="180" y="124"/>
                  <a:pt x="180" y="136"/>
                </a:cubicBezTo>
                <a:cubicBezTo>
                  <a:pt x="180" y="143"/>
                  <a:pt x="183" y="150"/>
                  <a:pt x="189" y="155"/>
                </a:cubicBezTo>
                <a:cubicBezTo>
                  <a:pt x="177" y="158"/>
                  <a:pt x="170" y="165"/>
                  <a:pt x="169" y="165"/>
                </a:cubicBezTo>
                <a:cubicBezTo>
                  <a:pt x="169" y="166"/>
                  <a:pt x="168" y="167"/>
                  <a:pt x="168" y="168"/>
                </a:cubicBezTo>
                <a:cubicBezTo>
                  <a:pt x="168" y="188"/>
                  <a:pt x="168" y="188"/>
                  <a:pt x="168" y="188"/>
                </a:cubicBezTo>
                <a:cubicBezTo>
                  <a:pt x="168" y="189"/>
                  <a:pt x="168" y="190"/>
                  <a:pt x="169" y="191"/>
                </a:cubicBezTo>
                <a:cubicBezTo>
                  <a:pt x="170" y="192"/>
                  <a:pt x="171" y="192"/>
                  <a:pt x="172" y="192"/>
                </a:cubicBezTo>
                <a:cubicBezTo>
                  <a:pt x="236" y="192"/>
                  <a:pt x="236" y="192"/>
                  <a:pt x="236" y="192"/>
                </a:cubicBezTo>
                <a:cubicBezTo>
                  <a:pt x="237" y="192"/>
                  <a:pt x="238" y="192"/>
                  <a:pt x="239" y="191"/>
                </a:cubicBezTo>
                <a:cubicBezTo>
                  <a:pt x="240" y="190"/>
                  <a:pt x="240" y="189"/>
                  <a:pt x="240" y="188"/>
                </a:cubicBezTo>
                <a:cubicBezTo>
                  <a:pt x="240" y="168"/>
                  <a:pt x="240" y="168"/>
                  <a:pt x="240" y="168"/>
                </a:cubicBezTo>
                <a:cubicBezTo>
                  <a:pt x="240" y="167"/>
                  <a:pt x="239" y="166"/>
                  <a:pt x="239" y="165"/>
                </a:cubicBezTo>
                <a:close/>
                <a:moveTo>
                  <a:pt x="57" y="166"/>
                </a:moveTo>
                <a:cubicBezTo>
                  <a:pt x="59" y="167"/>
                  <a:pt x="62" y="168"/>
                  <a:pt x="63" y="169"/>
                </a:cubicBezTo>
                <a:cubicBezTo>
                  <a:pt x="63" y="170"/>
                  <a:pt x="64" y="170"/>
                  <a:pt x="64" y="170"/>
                </a:cubicBezTo>
                <a:cubicBezTo>
                  <a:pt x="64" y="184"/>
                  <a:pt x="64" y="184"/>
                  <a:pt x="64" y="184"/>
                </a:cubicBezTo>
                <a:cubicBezTo>
                  <a:pt x="8" y="184"/>
                  <a:pt x="8" y="184"/>
                  <a:pt x="8" y="184"/>
                </a:cubicBezTo>
                <a:cubicBezTo>
                  <a:pt x="8" y="170"/>
                  <a:pt x="8" y="170"/>
                  <a:pt x="8" y="170"/>
                </a:cubicBezTo>
                <a:cubicBezTo>
                  <a:pt x="8" y="170"/>
                  <a:pt x="8" y="170"/>
                  <a:pt x="9" y="169"/>
                </a:cubicBezTo>
                <a:cubicBezTo>
                  <a:pt x="13" y="166"/>
                  <a:pt x="24" y="160"/>
                  <a:pt x="36" y="160"/>
                </a:cubicBezTo>
                <a:cubicBezTo>
                  <a:pt x="36" y="160"/>
                  <a:pt x="36" y="160"/>
                  <a:pt x="36" y="160"/>
                </a:cubicBezTo>
                <a:cubicBezTo>
                  <a:pt x="36" y="160"/>
                  <a:pt x="36" y="160"/>
                  <a:pt x="36" y="160"/>
                </a:cubicBezTo>
                <a:cubicBezTo>
                  <a:pt x="44" y="160"/>
                  <a:pt x="51" y="163"/>
                  <a:pt x="57" y="166"/>
                </a:cubicBezTo>
                <a:close/>
                <a:moveTo>
                  <a:pt x="52" y="136"/>
                </a:moveTo>
                <a:cubicBezTo>
                  <a:pt x="52" y="145"/>
                  <a:pt x="45" y="152"/>
                  <a:pt x="36" y="152"/>
                </a:cubicBezTo>
                <a:cubicBezTo>
                  <a:pt x="27" y="152"/>
                  <a:pt x="20" y="145"/>
                  <a:pt x="20" y="136"/>
                </a:cubicBezTo>
                <a:cubicBezTo>
                  <a:pt x="20" y="127"/>
                  <a:pt x="27" y="120"/>
                  <a:pt x="36" y="120"/>
                </a:cubicBezTo>
                <a:cubicBezTo>
                  <a:pt x="45" y="120"/>
                  <a:pt x="52" y="127"/>
                  <a:pt x="52" y="136"/>
                </a:cubicBezTo>
                <a:close/>
                <a:moveTo>
                  <a:pt x="141" y="166"/>
                </a:moveTo>
                <a:cubicBezTo>
                  <a:pt x="144" y="167"/>
                  <a:pt x="146" y="168"/>
                  <a:pt x="147" y="169"/>
                </a:cubicBezTo>
                <a:cubicBezTo>
                  <a:pt x="147" y="170"/>
                  <a:pt x="148" y="170"/>
                  <a:pt x="148" y="170"/>
                </a:cubicBezTo>
                <a:cubicBezTo>
                  <a:pt x="148" y="184"/>
                  <a:pt x="148" y="184"/>
                  <a:pt x="148" y="184"/>
                </a:cubicBezTo>
                <a:cubicBezTo>
                  <a:pt x="92" y="184"/>
                  <a:pt x="92" y="184"/>
                  <a:pt x="92" y="184"/>
                </a:cubicBezTo>
                <a:cubicBezTo>
                  <a:pt x="92" y="170"/>
                  <a:pt x="92" y="170"/>
                  <a:pt x="92" y="170"/>
                </a:cubicBezTo>
                <a:cubicBezTo>
                  <a:pt x="92" y="170"/>
                  <a:pt x="93" y="170"/>
                  <a:pt x="93" y="169"/>
                </a:cubicBezTo>
                <a:cubicBezTo>
                  <a:pt x="97" y="166"/>
                  <a:pt x="108" y="160"/>
                  <a:pt x="120" y="160"/>
                </a:cubicBezTo>
                <a:cubicBezTo>
                  <a:pt x="120" y="160"/>
                  <a:pt x="120" y="160"/>
                  <a:pt x="120" y="160"/>
                </a:cubicBezTo>
                <a:cubicBezTo>
                  <a:pt x="120" y="160"/>
                  <a:pt x="120" y="160"/>
                  <a:pt x="120" y="160"/>
                </a:cubicBezTo>
                <a:cubicBezTo>
                  <a:pt x="128" y="160"/>
                  <a:pt x="135" y="163"/>
                  <a:pt x="141" y="166"/>
                </a:cubicBezTo>
                <a:close/>
                <a:moveTo>
                  <a:pt x="136" y="136"/>
                </a:moveTo>
                <a:cubicBezTo>
                  <a:pt x="136" y="145"/>
                  <a:pt x="129" y="152"/>
                  <a:pt x="120" y="152"/>
                </a:cubicBezTo>
                <a:cubicBezTo>
                  <a:pt x="111" y="152"/>
                  <a:pt x="104" y="145"/>
                  <a:pt x="104" y="136"/>
                </a:cubicBezTo>
                <a:cubicBezTo>
                  <a:pt x="104" y="127"/>
                  <a:pt x="111" y="120"/>
                  <a:pt x="120" y="120"/>
                </a:cubicBezTo>
                <a:cubicBezTo>
                  <a:pt x="129" y="120"/>
                  <a:pt x="136" y="127"/>
                  <a:pt x="136" y="136"/>
                </a:cubicBezTo>
                <a:close/>
                <a:moveTo>
                  <a:pt x="160" y="88"/>
                </a:moveTo>
                <a:cubicBezTo>
                  <a:pt x="80" y="88"/>
                  <a:pt x="80" y="88"/>
                  <a:pt x="80" y="88"/>
                </a:cubicBezTo>
                <a:cubicBezTo>
                  <a:pt x="80" y="71"/>
                  <a:pt x="80" y="71"/>
                  <a:pt x="80" y="71"/>
                </a:cubicBezTo>
                <a:cubicBezTo>
                  <a:pt x="81" y="70"/>
                  <a:pt x="82" y="70"/>
                  <a:pt x="83" y="69"/>
                </a:cubicBezTo>
                <a:cubicBezTo>
                  <a:pt x="86" y="68"/>
                  <a:pt x="90" y="66"/>
                  <a:pt x="96" y="64"/>
                </a:cubicBezTo>
                <a:cubicBezTo>
                  <a:pt x="118" y="79"/>
                  <a:pt x="118" y="79"/>
                  <a:pt x="118" y="79"/>
                </a:cubicBezTo>
                <a:cubicBezTo>
                  <a:pt x="119" y="80"/>
                  <a:pt x="121" y="80"/>
                  <a:pt x="122" y="79"/>
                </a:cubicBezTo>
                <a:cubicBezTo>
                  <a:pt x="144" y="64"/>
                  <a:pt x="144" y="64"/>
                  <a:pt x="144" y="64"/>
                </a:cubicBezTo>
                <a:cubicBezTo>
                  <a:pt x="150" y="66"/>
                  <a:pt x="154" y="68"/>
                  <a:pt x="157" y="69"/>
                </a:cubicBezTo>
                <a:cubicBezTo>
                  <a:pt x="158" y="70"/>
                  <a:pt x="159" y="70"/>
                  <a:pt x="160" y="71"/>
                </a:cubicBezTo>
                <a:lnTo>
                  <a:pt x="160" y="88"/>
                </a:lnTo>
                <a:close/>
                <a:moveTo>
                  <a:pt x="188" y="136"/>
                </a:moveTo>
                <a:cubicBezTo>
                  <a:pt x="188" y="127"/>
                  <a:pt x="195" y="120"/>
                  <a:pt x="204" y="120"/>
                </a:cubicBezTo>
                <a:cubicBezTo>
                  <a:pt x="213" y="120"/>
                  <a:pt x="220" y="127"/>
                  <a:pt x="220" y="136"/>
                </a:cubicBezTo>
                <a:cubicBezTo>
                  <a:pt x="220" y="145"/>
                  <a:pt x="213" y="152"/>
                  <a:pt x="204" y="152"/>
                </a:cubicBezTo>
                <a:cubicBezTo>
                  <a:pt x="195" y="152"/>
                  <a:pt x="188" y="145"/>
                  <a:pt x="188" y="136"/>
                </a:cubicBezTo>
                <a:close/>
                <a:moveTo>
                  <a:pt x="232" y="184"/>
                </a:moveTo>
                <a:cubicBezTo>
                  <a:pt x="176" y="184"/>
                  <a:pt x="176" y="184"/>
                  <a:pt x="176" y="184"/>
                </a:cubicBezTo>
                <a:cubicBezTo>
                  <a:pt x="176" y="170"/>
                  <a:pt x="176" y="170"/>
                  <a:pt x="176" y="170"/>
                </a:cubicBezTo>
                <a:cubicBezTo>
                  <a:pt x="176" y="170"/>
                  <a:pt x="177" y="170"/>
                  <a:pt x="177" y="169"/>
                </a:cubicBezTo>
                <a:cubicBezTo>
                  <a:pt x="181" y="166"/>
                  <a:pt x="192" y="160"/>
                  <a:pt x="204" y="160"/>
                </a:cubicBezTo>
                <a:cubicBezTo>
                  <a:pt x="204" y="160"/>
                  <a:pt x="204" y="160"/>
                  <a:pt x="204" y="160"/>
                </a:cubicBezTo>
                <a:cubicBezTo>
                  <a:pt x="204" y="160"/>
                  <a:pt x="204" y="160"/>
                  <a:pt x="204" y="160"/>
                </a:cubicBezTo>
                <a:cubicBezTo>
                  <a:pt x="212" y="160"/>
                  <a:pt x="219" y="163"/>
                  <a:pt x="225" y="166"/>
                </a:cubicBezTo>
                <a:cubicBezTo>
                  <a:pt x="227" y="167"/>
                  <a:pt x="230" y="168"/>
                  <a:pt x="231" y="169"/>
                </a:cubicBezTo>
                <a:cubicBezTo>
                  <a:pt x="231" y="170"/>
                  <a:pt x="232" y="170"/>
                  <a:pt x="232" y="170"/>
                </a:cubicBezTo>
                <a:lnTo>
                  <a:pt x="232" y="184"/>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26" name="Freeform 32">
            <a:extLst>
              <a:ext uri="{FF2B5EF4-FFF2-40B4-BE49-F238E27FC236}">
                <a16:creationId xmlns:a16="http://schemas.microsoft.com/office/drawing/2014/main" id="{B3714CC2-B53B-7C01-D7E8-0938D9A96AC0}"/>
              </a:ext>
              <a:ext uri="{C183D7F6-B498-43B3-948B-1728B52AA6E4}">
                <adec:decorative xmlns:adec="http://schemas.microsoft.com/office/drawing/2017/decorative" val="1"/>
              </a:ext>
            </a:extLst>
          </p:cNvPr>
          <p:cNvSpPr>
            <a:spLocks noEditPoints="1"/>
          </p:cNvSpPr>
          <p:nvPr/>
        </p:nvSpPr>
        <p:spPr bwMode="auto">
          <a:xfrm>
            <a:off x="9675341" y="3643609"/>
            <a:ext cx="410024" cy="301608"/>
          </a:xfrm>
          <a:custGeom>
            <a:avLst/>
            <a:gdLst>
              <a:gd name="T0" fmla="*/ 96 w 240"/>
              <a:gd name="T1" fmla="*/ 16 h 176"/>
              <a:gd name="T2" fmla="*/ 95 w 240"/>
              <a:gd name="T3" fmla="*/ 1 h 176"/>
              <a:gd name="T4" fmla="*/ 4 w 240"/>
              <a:gd name="T5" fmla="*/ 0 h 176"/>
              <a:gd name="T6" fmla="*/ 0 w 240"/>
              <a:gd name="T7" fmla="*/ 4 h 176"/>
              <a:gd name="T8" fmla="*/ 1 w 240"/>
              <a:gd name="T9" fmla="*/ 175 h 176"/>
              <a:gd name="T10" fmla="*/ 92 w 240"/>
              <a:gd name="T11" fmla="*/ 176 h 176"/>
              <a:gd name="T12" fmla="*/ 96 w 240"/>
              <a:gd name="T13" fmla="*/ 172 h 176"/>
              <a:gd name="T14" fmla="*/ 120 w 240"/>
              <a:gd name="T15" fmla="*/ 152 h 176"/>
              <a:gd name="T16" fmla="*/ 106 w 240"/>
              <a:gd name="T17" fmla="*/ 169 h 176"/>
              <a:gd name="T18" fmla="*/ 108 w 240"/>
              <a:gd name="T19" fmla="*/ 176 h 176"/>
              <a:gd name="T20" fmla="*/ 176 w 240"/>
              <a:gd name="T21" fmla="*/ 173 h 176"/>
              <a:gd name="T22" fmla="*/ 160 w 240"/>
              <a:gd name="T23" fmla="*/ 158 h 176"/>
              <a:gd name="T24" fmla="*/ 228 w 240"/>
              <a:gd name="T25" fmla="*/ 152 h 176"/>
              <a:gd name="T26" fmla="*/ 240 w 240"/>
              <a:gd name="T27" fmla="*/ 28 h 176"/>
              <a:gd name="T28" fmla="*/ 88 w 240"/>
              <a:gd name="T29" fmla="*/ 168 h 176"/>
              <a:gd name="T30" fmla="*/ 8 w 240"/>
              <a:gd name="T31" fmla="*/ 8 h 176"/>
              <a:gd name="T32" fmla="*/ 88 w 240"/>
              <a:gd name="T33" fmla="*/ 168 h 176"/>
              <a:gd name="T34" fmla="*/ 216 w 240"/>
              <a:gd name="T35" fmla="*/ 40 h 176"/>
              <a:gd name="T36" fmla="*/ 96 w 240"/>
              <a:gd name="T37" fmla="*/ 128 h 176"/>
              <a:gd name="T38" fmla="*/ 160 w 240"/>
              <a:gd name="T39" fmla="*/ 168 h 176"/>
              <a:gd name="T40" fmla="*/ 126 w 240"/>
              <a:gd name="T41" fmla="*/ 163 h 176"/>
              <a:gd name="T42" fmla="*/ 128 w 240"/>
              <a:gd name="T43" fmla="*/ 152 h 176"/>
              <a:gd name="T44" fmla="*/ 152 w 240"/>
              <a:gd name="T45" fmla="*/ 160 h 176"/>
              <a:gd name="T46" fmla="*/ 160 w 240"/>
              <a:gd name="T47" fmla="*/ 168 h 176"/>
              <a:gd name="T48" fmla="*/ 228 w 240"/>
              <a:gd name="T49" fmla="*/ 144 h 176"/>
              <a:gd name="T50" fmla="*/ 96 w 240"/>
              <a:gd name="T51" fmla="*/ 136 h 176"/>
              <a:gd name="T52" fmla="*/ 223 w 240"/>
              <a:gd name="T53" fmla="*/ 135 h 176"/>
              <a:gd name="T54" fmla="*/ 224 w 240"/>
              <a:gd name="T55" fmla="*/ 36 h 176"/>
              <a:gd name="T56" fmla="*/ 220 w 240"/>
              <a:gd name="T57" fmla="*/ 32 h 176"/>
              <a:gd name="T58" fmla="*/ 96 w 240"/>
              <a:gd name="T59" fmla="*/ 24 h 176"/>
              <a:gd name="T60" fmla="*/ 232 w 240"/>
              <a:gd name="T61" fmla="*/ 28 h 176"/>
              <a:gd name="T62" fmla="*/ 20 w 240"/>
              <a:gd name="T63" fmla="*/ 56 h 176"/>
              <a:gd name="T64" fmla="*/ 79 w 240"/>
              <a:gd name="T65" fmla="*/ 55 h 176"/>
              <a:gd name="T66" fmla="*/ 80 w 240"/>
              <a:gd name="T67" fmla="*/ 36 h 176"/>
              <a:gd name="T68" fmla="*/ 76 w 240"/>
              <a:gd name="T69" fmla="*/ 32 h 176"/>
              <a:gd name="T70" fmla="*/ 17 w 240"/>
              <a:gd name="T71" fmla="*/ 33 h 176"/>
              <a:gd name="T72" fmla="*/ 16 w 240"/>
              <a:gd name="T73" fmla="*/ 52 h 176"/>
              <a:gd name="T74" fmla="*/ 20 w 240"/>
              <a:gd name="T75" fmla="*/ 56 h 176"/>
              <a:gd name="T76" fmla="*/ 72 w 240"/>
              <a:gd name="T77" fmla="*/ 40 h 176"/>
              <a:gd name="T78" fmla="*/ 24 w 240"/>
              <a:gd name="T79" fmla="*/ 48 h 176"/>
              <a:gd name="T80" fmla="*/ 48 w 240"/>
              <a:gd name="T81" fmla="*/ 104 h 176"/>
              <a:gd name="T82" fmla="*/ 48 w 240"/>
              <a:gd name="T83" fmla="*/ 136 h 176"/>
              <a:gd name="T84" fmla="*/ 48 w 240"/>
              <a:gd name="T85" fmla="*/ 104 h 176"/>
              <a:gd name="T86" fmla="*/ 40 w 240"/>
              <a:gd name="T87" fmla="*/ 120 h 176"/>
              <a:gd name="T88" fmla="*/ 56 w 240"/>
              <a:gd name="T89" fmla="*/ 120 h 176"/>
              <a:gd name="T90" fmla="*/ 20 w 240"/>
              <a:gd name="T91" fmla="*/ 24 h 176"/>
              <a:gd name="T92" fmla="*/ 32 w 240"/>
              <a:gd name="T93" fmla="*/ 20 h 176"/>
              <a:gd name="T94" fmla="*/ 20 w 240"/>
              <a:gd name="T95" fmla="*/ 16 h 176"/>
              <a:gd name="T96" fmla="*/ 20 w 240"/>
              <a:gd name="T97" fmla="*/ 24 h 176"/>
              <a:gd name="T98" fmla="*/ 52 w 240"/>
              <a:gd name="T99" fmla="*/ 24 h 176"/>
              <a:gd name="T100" fmla="*/ 52 w 240"/>
              <a:gd name="T101" fmla="*/ 16 h 176"/>
              <a:gd name="T102" fmla="*/ 40 w 240"/>
              <a:gd name="T103" fmla="*/ 20 h 176"/>
              <a:gd name="T104" fmla="*/ 68 w 240"/>
              <a:gd name="T105" fmla="*/ 24 h 176"/>
              <a:gd name="T106" fmla="*/ 80 w 240"/>
              <a:gd name="T107" fmla="*/ 20 h 176"/>
              <a:gd name="T108" fmla="*/ 68 w 240"/>
              <a:gd name="T109" fmla="*/ 16 h 176"/>
              <a:gd name="T110" fmla="*/ 68 w 240"/>
              <a:gd name="T111" fmla="*/ 24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240" h="176">
                <a:moveTo>
                  <a:pt x="228" y="16"/>
                </a:moveTo>
                <a:cubicBezTo>
                  <a:pt x="96" y="16"/>
                  <a:pt x="96" y="16"/>
                  <a:pt x="96" y="16"/>
                </a:cubicBezTo>
                <a:cubicBezTo>
                  <a:pt x="96" y="4"/>
                  <a:pt x="96" y="4"/>
                  <a:pt x="96" y="4"/>
                </a:cubicBezTo>
                <a:cubicBezTo>
                  <a:pt x="96" y="3"/>
                  <a:pt x="96" y="2"/>
                  <a:pt x="95" y="1"/>
                </a:cubicBezTo>
                <a:cubicBezTo>
                  <a:pt x="94" y="0"/>
                  <a:pt x="93" y="0"/>
                  <a:pt x="92" y="0"/>
                </a:cubicBezTo>
                <a:cubicBezTo>
                  <a:pt x="4" y="0"/>
                  <a:pt x="4" y="0"/>
                  <a:pt x="4" y="0"/>
                </a:cubicBezTo>
                <a:cubicBezTo>
                  <a:pt x="3" y="0"/>
                  <a:pt x="2" y="0"/>
                  <a:pt x="1" y="1"/>
                </a:cubicBezTo>
                <a:cubicBezTo>
                  <a:pt x="0" y="2"/>
                  <a:pt x="0" y="3"/>
                  <a:pt x="0" y="4"/>
                </a:cubicBezTo>
                <a:cubicBezTo>
                  <a:pt x="0" y="172"/>
                  <a:pt x="0" y="172"/>
                  <a:pt x="0" y="172"/>
                </a:cubicBezTo>
                <a:cubicBezTo>
                  <a:pt x="0" y="173"/>
                  <a:pt x="0" y="174"/>
                  <a:pt x="1" y="175"/>
                </a:cubicBezTo>
                <a:cubicBezTo>
                  <a:pt x="2" y="176"/>
                  <a:pt x="3" y="176"/>
                  <a:pt x="4" y="176"/>
                </a:cubicBezTo>
                <a:cubicBezTo>
                  <a:pt x="92" y="176"/>
                  <a:pt x="92" y="176"/>
                  <a:pt x="92" y="176"/>
                </a:cubicBezTo>
                <a:cubicBezTo>
                  <a:pt x="93" y="176"/>
                  <a:pt x="94" y="176"/>
                  <a:pt x="95" y="175"/>
                </a:cubicBezTo>
                <a:cubicBezTo>
                  <a:pt x="96" y="174"/>
                  <a:pt x="96" y="173"/>
                  <a:pt x="96" y="172"/>
                </a:cubicBezTo>
                <a:cubicBezTo>
                  <a:pt x="96" y="152"/>
                  <a:pt x="96" y="152"/>
                  <a:pt x="96" y="152"/>
                </a:cubicBezTo>
                <a:cubicBezTo>
                  <a:pt x="120" y="152"/>
                  <a:pt x="120" y="152"/>
                  <a:pt x="120" y="152"/>
                </a:cubicBezTo>
                <a:cubicBezTo>
                  <a:pt x="120" y="158"/>
                  <a:pt x="120" y="158"/>
                  <a:pt x="120" y="158"/>
                </a:cubicBezTo>
                <a:cubicBezTo>
                  <a:pt x="106" y="169"/>
                  <a:pt x="106" y="169"/>
                  <a:pt x="106" y="169"/>
                </a:cubicBezTo>
                <a:cubicBezTo>
                  <a:pt x="104" y="170"/>
                  <a:pt x="104" y="172"/>
                  <a:pt x="104" y="173"/>
                </a:cubicBezTo>
                <a:cubicBezTo>
                  <a:pt x="105" y="175"/>
                  <a:pt x="106" y="176"/>
                  <a:pt x="108" y="176"/>
                </a:cubicBezTo>
                <a:cubicBezTo>
                  <a:pt x="172" y="176"/>
                  <a:pt x="172" y="176"/>
                  <a:pt x="172" y="176"/>
                </a:cubicBezTo>
                <a:cubicBezTo>
                  <a:pt x="174" y="176"/>
                  <a:pt x="175" y="175"/>
                  <a:pt x="176" y="173"/>
                </a:cubicBezTo>
                <a:cubicBezTo>
                  <a:pt x="176" y="172"/>
                  <a:pt x="176" y="170"/>
                  <a:pt x="174" y="169"/>
                </a:cubicBezTo>
                <a:cubicBezTo>
                  <a:pt x="160" y="158"/>
                  <a:pt x="160" y="158"/>
                  <a:pt x="160" y="158"/>
                </a:cubicBezTo>
                <a:cubicBezTo>
                  <a:pt x="160" y="152"/>
                  <a:pt x="160" y="152"/>
                  <a:pt x="160" y="152"/>
                </a:cubicBezTo>
                <a:cubicBezTo>
                  <a:pt x="228" y="152"/>
                  <a:pt x="228" y="152"/>
                  <a:pt x="228" y="152"/>
                </a:cubicBezTo>
                <a:cubicBezTo>
                  <a:pt x="235" y="152"/>
                  <a:pt x="240" y="147"/>
                  <a:pt x="240" y="140"/>
                </a:cubicBezTo>
                <a:cubicBezTo>
                  <a:pt x="240" y="28"/>
                  <a:pt x="240" y="28"/>
                  <a:pt x="240" y="28"/>
                </a:cubicBezTo>
                <a:cubicBezTo>
                  <a:pt x="240" y="21"/>
                  <a:pt x="235" y="16"/>
                  <a:pt x="228" y="16"/>
                </a:cubicBezTo>
                <a:close/>
                <a:moveTo>
                  <a:pt x="88" y="168"/>
                </a:moveTo>
                <a:cubicBezTo>
                  <a:pt x="8" y="168"/>
                  <a:pt x="8" y="168"/>
                  <a:pt x="8" y="168"/>
                </a:cubicBezTo>
                <a:cubicBezTo>
                  <a:pt x="8" y="8"/>
                  <a:pt x="8" y="8"/>
                  <a:pt x="8" y="8"/>
                </a:cubicBezTo>
                <a:cubicBezTo>
                  <a:pt x="88" y="8"/>
                  <a:pt x="88" y="8"/>
                  <a:pt x="88" y="8"/>
                </a:cubicBezTo>
                <a:lnTo>
                  <a:pt x="88" y="168"/>
                </a:lnTo>
                <a:close/>
                <a:moveTo>
                  <a:pt x="96" y="40"/>
                </a:moveTo>
                <a:cubicBezTo>
                  <a:pt x="216" y="40"/>
                  <a:pt x="216" y="40"/>
                  <a:pt x="216" y="40"/>
                </a:cubicBezTo>
                <a:cubicBezTo>
                  <a:pt x="216" y="128"/>
                  <a:pt x="216" y="128"/>
                  <a:pt x="216" y="128"/>
                </a:cubicBezTo>
                <a:cubicBezTo>
                  <a:pt x="96" y="128"/>
                  <a:pt x="96" y="128"/>
                  <a:pt x="96" y="128"/>
                </a:cubicBezTo>
                <a:lnTo>
                  <a:pt x="96" y="40"/>
                </a:lnTo>
                <a:close/>
                <a:moveTo>
                  <a:pt x="160" y="168"/>
                </a:moveTo>
                <a:cubicBezTo>
                  <a:pt x="120" y="168"/>
                  <a:pt x="120" y="168"/>
                  <a:pt x="120" y="168"/>
                </a:cubicBezTo>
                <a:cubicBezTo>
                  <a:pt x="126" y="163"/>
                  <a:pt x="126" y="163"/>
                  <a:pt x="126" y="163"/>
                </a:cubicBezTo>
                <a:cubicBezTo>
                  <a:pt x="127" y="162"/>
                  <a:pt x="128" y="161"/>
                  <a:pt x="128" y="160"/>
                </a:cubicBezTo>
                <a:cubicBezTo>
                  <a:pt x="128" y="152"/>
                  <a:pt x="128" y="152"/>
                  <a:pt x="128" y="152"/>
                </a:cubicBezTo>
                <a:cubicBezTo>
                  <a:pt x="152" y="152"/>
                  <a:pt x="152" y="152"/>
                  <a:pt x="152" y="152"/>
                </a:cubicBezTo>
                <a:cubicBezTo>
                  <a:pt x="152" y="160"/>
                  <a:pt x="152" y="160"/>
                  <a:pt x="152" y="160"/>
                </a:cubicBezTo>
                <a:cubicBezTo>
                  <a:pt x="152" y="161"/>
                  <a:pt x="153" y="162"/>
                  <a:pt x="154" y="163"/>
                </a:cubicBezTo>
                <a:lnTo>
                  <a:pt x="160" y="168"/>
                </a:lnTo>
                <a:close/>
                <a:moveTo>
                  <a:pt x="232" y="140"/>
                </a:moveTo>
                <a:cubicBezTo>
                  <a:pt x="232" y="142"/>
                  <a:pt x="230" y="144"/>
                  <a:pt x="228" y="144"/>
                </a:cubicBezTo>
                <a:cubicBezTo>
                  <a:pt x="96" y="144"/>
                  <a:pt x="96" y="144"/>
                  <a:pt x="96" y="144"/>
                </a:cubicBezTo>
                <a:cubicBezTo>
                  <a:pt x="96" y="136"/>
                  <a:pt x="96" y="136"/>
                  <a:pt x="96" y="136"/>
                </a:cubicBezTo>
                <a:cubicBezTo>
                  <a:pt x="220" y="136"/>
                  <a:pt x="220" y="136"/>
                  <a:pt x="220" y="136"/>
                </a:cubicBezTo>
                <a:cubicBezTo>
                  <a:pt x="221" y="136"/>
                  <a:pt x="222" y="136"/>
                  <a:pt x="223" y="135"/>
                </a:cubicBezTo>
                <a:cubicBezTo>
                  <a:pt x="224" y="134"/>
                  <a:pt x="224" y="133"/>
                  <a:pt x="224" y="132"/>
                </a:cubicBezTo>
                <a:cubicBezTo>
                  <a:pt x="224" y="36"/>
                  <a:pt x="224" y="36"/>
                  <a:pt x="224" y="36"/>
                </a:cubicBezTo>
                <a:cubicBezTo>
                  <a:pt x="224" y="35"/>
                  <a:pt x="224" y="34"/>
                  <a:pt x="223" y="33"/>
                </a:cubicBezTo>
                <a:cubicBezTo>
                  <a:pt x="222" y="32"/>
                  <a:pt x="221" y="32"/>
                  <a:pt x="220" y="32"/>
                </a:cubicBezTo>
                <a:cubicBezTo>
                  <a:pt x="96" y="32"/>
                  <a:pt x="96" y="32"/>
                  <a:pt x="96" y="32"/>
                </a:cubicBezTo>
                <a:cubicBezTo>
                  <a:pt x="96" y="24"/>
                  <a:pt x="96" y="24"/>
                  <a:pt x="96" y="24"/>
                </a:cubicBezTo>
                <a:cubicBezTo>
                  <a:pt x="228" y="24"/>
                  <a:pt x="228" y="24"/>
                  <a:pt x="228" y="24"/>
                </a:cubicBezTo>
                <a:cubicBezTo>
                  <a:pt x="230" y="24"/>
                  <a:pt x="232" y="26"/>
                  <a:pt x="232" y="28"/>
                </a:cubicBezTo>
                <a:lnTo>
                  <a:pt x="232" y="140"/>
                </a:lnTo>
                <a:close/>
                <a:moveTo>
                  <a:pt x="20" y="56"/>
                </a:moveTo>
                <a:cubicBezTo>
                  <a:pt x="76" y="56"/>
                  <a:pt x="76" y="56"/>
                  <a:pt x="76" y="56"/>
                </a:cubicBezTo>
                <a:cubicBezTo>
                  <a:pt x="77" y="56"/>
                  <a:pt x="78" y="56"/>
                  <a:pt x="79" y="55"/>
                </a:cubicBezTo>
                <a:cubicBezTo>
                  <a:pt x="80" y="54"/>
                  <a:pt x="80" y="53"/>
                  <a:pt x="80" y="52"/>
                </a:cubicBezTo>
                <a:cubicBezTo>
                  <a:pt x="80" y="36"/>
                  <a:pt x="80" y="36"/>
                  <a:pt x="80" y="36"/>
                </a:cubicBezTo>
                <a:cubicBezTo>
                  <a:pt x="80" y="35"/>
                  <a:pt x="80" y="34"/>
                  <a:pt x="79" y="33"/>
                </a:cubicBezTo>
                <a:cubicBezTo>
                  <a:pt x="78" y="32"/>
                  <a:pt x="77" y="32"/>
                  <a:pt x="76" y="32"/>
                </a:cubicBezTo>
                <a:cubicBezTo>
                  <a:pt x="20" y="32"/>
                  <a:pt x="20" y="32"/>
                  <a:pt x="20" y="32"/>
                </a:cubicBezTo>
                <a:cubicBezTo>
                  <a:pt x="19" y="32"/>
                  <a:pt x="18" y="32"/>
                  <a:pt x="17" y="33"/>
                </a:cubicBezTo>
                <a:cubicBezTo>
                  <a:pt x="16" y="34"/>
                  <a:pt x="16" y="35"/>
                  <a:pt x="16" y="36"/>
                </a:cubicBezTo>
                <a:cubicBezTo>
                  <a:pt x="16" y="52"/>
                  <a:pt x="16" y="52"/>
                  <a:pt x="16" y="52"/>
                </a:cubicBezTo>
                <a:cubicBezTo>
                  <a:pt x="16" y="53"/>
                  <a:pt x="16" y="54"/>
                  <a:pt x="17" y="55"/>
                </a:cubicBezTo>
                <a:cubicBezTo>
                  <a:pt x="18" y="56"/>
                  <a:pt x="19" y="56"/>
                  <a:pt x="20" y="56"/>
                </a:cubicBezTo>
                <a:close/>
                <a:moveTo>
                  <a:pt x="24" y="40"/>
                </a:moveTo>
                <a:cubicBezTo>
                  <a:pt x="72" y="40"/>
                  <a:pt x="72" y="40"/>
                  <a:pt x="72" y="40"/>
                </a:cubicBezTo>
                <a:cubicBezTo>
                  <a:pt x="72" y="48"/>
                  <a:pt x="72" y="48"/>
                  <a:pt x="72" y="48"/>
                </a:cubicBezTo>
                <a:cubicBezTo>
                  <a:pt x="24" y="48"/>
                  <a:pt x="24" y="48"/>
                  <a:pt x="24" y="48"/>
                </a:cubicBezTo>
                <a:lnTo>
                  <a:pt x="24" y="40"/>
                </a:lnTo>
                <a:close/>
                <a:moveTo>
                  <a:pt x="48" y="104"/>
                </a:moveTo>
                <a:cubicBezTo>
                  <a:pt x="39" y="104"/>
                  <a:pt x="32" y="111"/>
                  <a:pt x="32" y="120"/>
                </a:cubicBezTo>
                <a:cubicBezTo>
                  <a:pt x="32" y="129"/>
                  <a:pt x="39" y="136"/>
                  <a:pt x="48" y="136"/>
                </a:cubicBezTo>
                <a:cubicBezTo>
                  <a:pt x="57" y="136"/>
                  <a:pt x="64" y="129"/>
                  <a:pt x="64" y="120"/>
                </a:cubicBezTo>
                <a:cubicBezTo>
                  <a:pt x="64" y="111"/>
                  <a:pt x="57" y="104"/>
                  <a:pt x="48" y="104"/>
                </a:cubicBezTo>
                <a:close/>
                <a:moveTo>
                  <a:pt x="48" y="128"/>
                </a:moveTo>
                <a:cubicBezTo>
                  <a:pt x="44" y="128"/>
                  <a:pt x="40" y="124"/>
                  <a:pt x="40" y="120"/>
                </a:cubicBezTo>
                <a:cubicBezTo>
                  <a:pt x="40" y="116"/>
                  <a:pt x="44" y="112"/>
                  <a:pt x="48" y="112"/>
                </a:cubicBezTo>
                <a:cubicBezTo>
                  <a:pt x="52" y="112"/>
                  <a:pt x="56" y="116"/>
                  <a:pt x="56" y="120"/>
                </a:cubicBezTo>
                <a:cubicBezTo>
                  <a:pt x="56" y="124"/>
                  <a:pt x="52" y="128"/>
                  <a:pt x="48" y="128"/>
                </a:cubicBezTo>
                <a:close/>
                <a:moveTo>
                  <a:pt x="20" y="24"/>
                </a:moveTo>
                <a:cubicBezTo>
                  <a:pt x="28" y="24"/>
                  <a:pt x="28" y="24"/>
                  <a:pt x="28" y="24"/>
                </a:cubicBezTo>
                <a:cubicBezTo>
                  <a:pt x="30" y="24"/>
                  <a:pt x="32" y="22"/>
                  <a:pt x="32" y="20"/>
                </a:cubicBezTo>
                <a:cubicBezTo>
                  <a:pt x="32" y="18"/>
                  <a:pt x="30" y="16"/>
                  <a:pt x="28" y="16"/>
                </a:cubicBezTo>
                <a:cubicBezTo>
                  <a:pt x="20" y="16"/>
                  <a:pt x="20" y="16"/>
                  <a:pt x="20" y="16"/>
                </a:cubicBezTo>
                <a:cubicBezTo>
                  <a:pt x="18" y="16"/>
                  <a:pt x="16" y="18"/>
                  <a:pt x="16" y="20"/>
                </a:cubicBezTo>
                <a:cubicBezTo>
                  <a:pt x="16" y="22"/>
                  <a:pt x="18" y="24"/>
                  <a:pt x="20" y="24"/>
                </a:cubicBezTo>
                <a:close/>
                <a:moveTo>
                  <a:pt x="44" y="24"/>
                </a:moveTo>
                <a:cubicBezTo>
                  <a:pt x="52" y="24"/>
                  <a:pt x="52" y="24"/>
                  <a:pt x="52" y="24"/>
                </a:cubicBezTo>
                <a:cubicBezTo>
                  <a:pt x="54" y="24"/>
                  <a:pt x="56" y="22"/>
                  <a:pt x="56" y="20"/>
                </a:cubicBezTo>
                <a:cubicBezTo>
                  <a:pt x="56" y="18"/>
                  <a:pt x="54" y="16"/>
                  <a:pt x="52" y="16"/>
                </a:cubicBezTo>
                <a:cubicBezTo>
                  <a:pt x="44" y="16"/>
                  <a:pt x="44" y="16"/>
                  <a:pt x="44" y="16"/>
                </a:cubicBezTo>
                <a:cubicBezTo>
                  <a:pt x="42" y="16"/>
                  <a:pt x="40" y="18"/>
                  <a:pt x="40" y="20"/>
                </a:cubicBezTo>
                <a:cubicBezTo>
                  <a:pt x="40" y="22"/>
                  <a:pt x="42" y="24"/>
                  <a:pt x="44" y="24"/>
                </a:cubicBezTo>
                <a:close/>
                <a:moveTo>
                  <a:pt x="68" y="24"/>
                </a:moveTo>
                <a:cubicBezTo>
                  <a:pt x="76" y="24"/>
                  <a:pt x="76" y="24"/>
                  <a:pt x="76" y="24"/>
                </a:cubicBezTo>
                <a:cubicBezTo>
                  <a:pt x="78" y="24"/>
                  <a:pt x="80" y="22"/>
                  <a:pt x="80" y="20"/>
                </a:cubicBezTo>
                <a:cubicBezTo>
                  <a:pt x="80" y="18"/>
                  <a:pt x="78" y="16"/>
                  <a:pt x="76" y="16"/>
                </a:cubicBezTo>
                <a:cubicBezTo>
                  <a:pt x="68" y="16"/>
                  <a:pt x="68" y="16"/>
                  <a:pt x="68" y="16"/>
                </a:cubicBezTo>
                <a:cubicBezTo>
                  <a:pt x="66" y="16"/>
                  <a:pt x="64" y="18"/>
                  <a:pt x="64" y="20"/>
                </a:cubicBezTo>
                <a:cubicBezTo>
                  <a:pt x="64" y="22"/>
                  <a:pt x="66" y="24"/>
                  <a:pt x="68" y="2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8" name="TextBox 17">
            <a:extLst>
              <a:ext uri="{FF2B5EF4-FFF2-40B4-BE49-F238E27FC236}">
                <a16:creationId xmlns:a16="http://schemas.microsoft.com/office/drawing/2014/main" id="{13091C25-6F51-2C59-B0C0-D1D097C9E226}"/>
              </a:ext>
            </a:extLst>
          </p:cNvPr>
          <p:cNvSpPr txBox="1"/>
          <p:nvPr/>
        </p:nvSpPr>
        <p:spPr>
          <a:xfrm>
            <a:off x="9390963" y="4756315"/>
            <a:ext cx="2415969" cy="1318310"/>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Vi bygger ikke software fra bunden – vi transformerer eksisterende komponenter til suveræne løsninger, der kan vedligeholdes og videreudvikles i det offentlige.”</a:t>
            </a:r>
          </a:p>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Alexander </a:t>
            </a:r>
            <a:r>
              <a:rPr kumimoji="0" lang="da-DK" sz="900" b="1" i="0" u="none" strike="noStrike" kern="1200" cap="none" spc="0" normalizeH="0" baseline="0" noProof="0" dirty="0" err="1">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Pockrandt</a:t>
            </a: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 </a:t>
            </a:r>
            <a:b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b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Administrerende direktør i </a:t>
            </a:r>
            <a:r>
              <a:rPr kumimoji="0" lang="da-DK" sz="900" b="0" i="0" u="none" strike="noStrike" kern="1200" cap="none" spc="0" normalizeH="0" baseline="0" noProof="0" dirty="0" err="1">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ZenDiS</a:t>
            </a: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a:t>
            </a:r>
            <a:endPar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p:txBody>
      </p:sp>
    </p:spTree>
    <p:extLst>
      <p:ext uri="{BB962C8B-B14F-4D97-AF65-F5344CB8AC3E}">
        <p14:creationId xmlns:p14="http://schemas.microsoft.com/office/powerpoint/2010/main" val="2301654635"/>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0EF70A8-E0A1-F406-642B-BB998CE831D4}"/>
            </a:ext>
          </a:extLst>
        </p:cNvPr>
        <p:cNvGrpSpPr/>
        <p:nvPr/>
      </p:nvGrpSpPr>
      <p:grpSpPr>
        <a:xfrm>
          <a:off x="0" y="0"/>
          <a:ext cx="0" cy="0"/>
          <a:chOff x="0" y="0"/>
          <a:chExt cx="0" cy="0"/>
        </a:xfrm>
      </p:grpSpPr>
      <p:sp>
        <p:nvSpPr>
          <p:cNvPr id="78" name="Rectangle: Rounded Corners 77">
            <a:extLst>
              <a:ext uri="{FF2B5EF4-FFF2-40B4-BE49-F238E27FC236}">
                <a16:creationId xmlns:a16="http://schemas.microsoft.com/office/drawing/2014/main" id="{0D814023-B1D5-A497-1A5A-0C82BF89B5DD}"/>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5 | </a:t>
            </a:r>
            <a:r>
              <a:rPr lang="da-DK" sz="1600" b="1" noProof="0" dirty="0">
                <a:solidFill>
                  <a:srgbClr val="36465A"/>
                </a:solidFill>
                <a:sym typeface="Wingdings" panose="05000000000000000000" pitchFamily="2" charset="2"/>
              </a:rPr>
              <a:t>National og suveræn AI-</a:t>
            </a:r>
            <a:r>
              <a:rPr lang="da-DK" sz="1600" b="1" noProof="0" dirty="0" err="1">
                <a:solidFill>
                  <a:srgbClr val="36465A"/>
                </a:solidFill>
                <a:sym typeface="Wingdings" panose="05000000000000000000" pitchFamily="2" charset="2"/>
              </a:rPr>
              <a:t>chatbot</a:t>
            </a:r>
            <a:r>
              <a:rPr lang="da-DK" sz="1600" b="1" noProof="0" dirty="0">
                <a:solidFill>
                  <a:srgbClr val="36465A"/>
                </a:solidFill>
                <a:sym typeface="Wingdings" panose="05000000000000000000" pitchFamily="2" charset="2"/>
              </a:rPr>
              <a:t> i Holland </a:t>
            </a:r>
            <a:endParaRPr lang="da-DK" sz="1600" b="1" noProof="0" dirty="0">
              <a:solidFill>
                <a:srgbClr val="36465A"/>
              </a:solidFill>
            </a:endParaRPr>
          </a:p>
        </p:txBody>
      </p:sp>
      <p:sp>
        <p:nvSpPr>
          <p:cNvPr id="2" name="Title 1">
            <a:extLst>
              <a:ext uri="{FF2B5EF4-FFF2-40B4-BE49-F238E27FC236}">
                <a16:creationId xmlns:a16="http://schemas.microsoft.com/office/drawing/2014/main" id="{5EC5D06D-6099-65CA-A5A7-07EED19DC95A}"/>
              </a:ext>
            </a:extLst>
          </p:cNvPr>
          <p:cNvSpPr>
            <a:spLocks noGrp="1"/>
          </p:cNvSpPr>
          <p:nvPr>
            <p:ph type="title"/>
          </p:nvPr>
        </p:nvSpPr>
        <p:spPr/>
        <p:txBody>
          <a:bodyPr/>
          <a:lstStyle/>
          <a:p>
            <a:r>
              <a:rPr lang="da-DK" sz="2200" noProof="0" dirty="0"/>
              <a:t>Side 1/3 | </a:t>
            </a:r>
            <a:r>
              <a:rPr lang="da-DK" sz="2200" b="1" noProof="0" dirty="0"/>
              <a:t>Sammenfatning af casen</a:t>
            </a:r>
          </a:p>
        </p:txBody>
      </p:sp>
      <p:pic>
        <p:nvPicPr>
          <p:cNvPr id="9218" name="Picture 2">
            <a:extLst>
              <a:ext uri="{FF2B5EF4-FFF2-40B4-BE49-F238E27FC236}">
                <a16:creationId xmlns:a16="http://schemas.microsoft.com/office/drawing/2014/main" id="{AA4DFA83-1405-CF05-05B4-96CEC955FEAC}"/>
              </a:ext>
              <a:ext uri="{C183D7F6-B498-43B3-948B-1728B52AA6E4}">
                <adec:decorative xmlns:adec="http://schemas.microsoft.com/office/drawing/2017/decorative" val="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181693" y="203234"/>
            <a:ext cx="1840770" cy="1092957"/>
          </a:xfrm>
          <a:prstGeom prst="rect">
            <a:avLst/>
          </a:prstGeom>
          <a:noFill/>
          <a:extLst>
            <a:ext uri="{909E8E84-426E-40DD-AFC4-6F175D3DCCD1}">
              <a14:hiddenFill xmlns:a14="http://schemas.microsoft.com/office/drawing/2010/main">
                <a:solidFill>
                  <a:srgbClr val="FFFFFF"/>
                </a:solidFill>
              </a14:hiddenFill>
            </a:ext>
          </a:extLst>
        </p:spPr>
      </p:pic>
      <p:sp>
        <p:nvSpPr>
          <p:cNvPr id="4" name="Rectangle: Rounded Corners 3">
            <a:extLst>
              <a:ext uri="{FF2B5EF4-FFF2-40B4-BE49-F238E27FC236}">
                <a16:creationId xmlns:a16="http://schemas.microsoft.com/office/drawing/2014/main" id="{B8C57D63-D277-C68C-E807-B9C8FE57F641}"/>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3" name="Rectangle: Rounded Corners 52">
            <a:extLst>
              <a:ext uri="{FF2B5EF4-FFF2-40B4-BE49-F238E27FC236}">
                <a16:creationId xmlns:a16="http://schemas.microsoft.com/office/drawing/2014/main" id="{1FDF4F14-34CA-8FF2-4000-521FF80DAE43}"/>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chemeClr val="lt1">
                  <a:alpha val="50000"/>
                </a:schemeClr>
              </a:solidFill>
            </a:endParaRPr>
          </a:p>
        </p:txBody>
      </p:sp>
      <p:sp>
        <p:nvSpPr>
          <p:cNvPr id="9" name="Rectangle: Rounded Corners 8">
            <a:extLst>
              <a:ext uri="{FF2B5EF4-FFF2-40B4-BE49-F238E27FC236}">
                <a16:creationId xmlns:a16="http://schemas.microsoft.com/office/drawing/2014/main" id="{D07FD867-E422-20EF-B1D0-52E3B5CB48D6}"/>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3" name="Content Placeholder 5">
            <a:extLst>
              <a:ext uri="{FF2B5EF4-FFF2-40B4-BE49-F238E27FC236}">
                <a16:creationId xmlns:a16="http://schemas.microsoft.com/office/drawing/2014/main" id="{E7200F9F-816D-BB37-8108-0A8B14DE02C6}"/>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11" name="Rectangle 10">
            <a:extLst>
              <a:ext uri="{FF2B5EF4-FFF2-40B4-BE49-F238E27FC236}">
                <a16:creationId xmlns:a16="http://schemas.microsoft.com/office/drawing/2014/main" id="{7BA4C19A-ED74-AC9D-9EED-6F68B09D03E5}"/>
              </a:ext>
            </a:extLst>
          </p:cNvPr>
          <p:cNvSpPr/>
          <p:nvPr/>
        </p:nvSpPr>
        <p:spPr>
          <a:xfrm>
            <a:off x="552449" y="2139036"/>
            <a:ext cx="2757177" cy="19904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kumimoji="0" lang="da-DK" sz="900" i="0" u="none" strike="noStrike" kern="1200" cap="none" spc="0" normalizeH="0" baseline="0" noProof="0">
                <a:ln>
                  <a:noFill/>
                </a:ln>
                <a:solidFill>
                  <a:srgbClr val="000000"/>
                </a:solidFill>
                <a:effectLst/>
                <a:uLnTx/>
                <a:uFillTx/>
                <a:latin typeface="Arial" panose="020B0604020202020204"/>
                <a:ea typeface="+mn-ea"/>
                <a:cs typeface="+mn-cs"/>
              </a:rPr>
              <a:t>Casen omhandler udviklingen af GPT-NL, en</a:t>
            </a:r>
            <a:r>
              <a:rPr lang="da-DK" sz="900" noProof="0" dirty="0">
                <a:solidFill>
                  <a:srgbClr val="000000"/>
                </a:solidFill>
                <a:latin typeface="Arial" panose="020B0604020202020204"/>
              </a:rPr>
              <a:t> proprietær</a:t>
            </a:r>
            <a:r>
              <a:rPr kumimoji="0" lang="da-DK" sz="900" i="0" u="none" strike="noStrike" kern="1200" cap="none" spc="0" normalizeH="0" baseline="0" noProof="0">
                <a:ln>
                  <a:noFill/>
                </a:ln>
                <a:solidFill>
                  <a:srgbClr val="000000"/>
                </a:solidFill>
                <a:effectLst/>
                <a:uLnTx/>
                <a:uFillTx/>
                <a:latin typeface="Arial" panose="020B0604020202020204"/>
                <a:ea typeface="+mn-ea"/>
                <a:cs typeface="+mn-cs"/>
              </a:rPr>
              <a:t> national sprogmodel (</a:t>
            </a:r>
            <a:r>
              <a:rPr kumimoji="0" lang="da-DK" sz="900" i="0" u="none" strike="noStrike" kern="1200" cap="none" spc="0" normalizeH="0" baseline="0" noProof="0" dirty="0" err="1">
                <a:ln>
                  <a:noFill/>
                </a:ln>
                <a:solidFill>
                  <a:srgbClr val="000000"/>
                </a:solidFill>
                <a:effectLst/>
                <a:uLnTx/>
                <a:uFillTx/>
                <a:latin typeface="Arial" panose="020B0604020202020204"/>
                <a:ea typeface="+mn-ea"/>
                <a:cs typeface="+mn-cs"/>
              </a:rPr>
              <a:t>chatbot</a:t>
            </a:r>
            <a:r>
              <a:rPr kumimoji="0" lang="da-DK" sz="900" i="0" u="none" strike="noStrike" kern="1200" cap="none" spc="0" normalizeH="0" baseline="0" noProof="0">
                <a:ln>
                  <a:noFill/>
                </a:ln>
                <a:solidFill>
                  <a:srgbClr val="000000"/>
                </a:solidFill>
                <a:effectLst/>
                <a:uLnTx/>
                <a:uFillTx/>
                <a:latin typeface="Arial" panose="020B0604020202020204"/>
                <a:ea typeface="+mn-ea"/>
                <a:cs typeface="+mn-cs"/>
              </a:rPr>
              <a:t>) for Holland baseret på open source-komponenter og datasæt med hollandsk indhold med perspektiv for senere at inkludere øvrige europæiske sprog. GPT-NL skal fungere som en strategisk rygrad for fremtidig AI-udvikling i Holland og på sigt EU. </a:t>
            </a:r>
            <a:br>
              <a:rPr lang="da-DK" sz="900" noProof="0" dirty="0">
                <a:solidFill>
                  <a:srgbClr val="000000"/>
                </a:solidFill>
                <a:latin typeface="Arial" panose="020B0604020202020204"/>
              </a:rPr>
            </a:br>
            <a:endParaRPr lang="da-DK" sz="900" noProof="0" dirty="0">
              <a:solidFill>
                <a:srgbClr val="000000"/>
              </a:solidFill>
              <a:latin typeface="Arial" panose="020B0604020202020204"/>
            </a:endParaRPr>
          </a:p>
          <a:p>
            <a:r>
              <a:rPr kumimoji="0" lang="da-DK" sz="900" i="0" u="none" strike="noStrike" kern="1200" cap="none" spc="0" normalizeH="0" baseline="0" noProof="0">
                <a:ln>
                  <a:noFill/>
                </a:ln>
                <a:solidFill>
                  <a:srgbClr val="000000"/>
                </a:solidFill>
                <a:effectLst/>
                <a:uLnTx/>
                <a:uFillTx/>
                <a:latin typeface="Arial" panose="020B0604020202020204"/>
                <a:ea typeface="+mn-ea"/>
                <a:cs typeface="+mn-cs"/>
              </a:rPr>
              <a:t>Projektet bygger på principper om gennemsigtighed, tillid, ansvarlighed, etik og digital suverænitet, og skal reducere afhængigheden af globale </a:t>
            </a:r>
            <a:r>
              <a:rPr kumimoji="0" lang="da-DK" sz="900" i="0" u="none" strike="noStrike" kern="1200" cap="none" spc="0" normalizeH="0" baseline="0" noProof="0" dirty="0" err="1">
                <a:ln>
                  <a:noFill/>
                </a:ln>
                <a:solidFill>
                  <a:srgbClr val="000000"/>
                </a:solidFill>
                <a:effectLst/>
                <a:uLnTx/>
                <a:uFillTx/>
                <a:latin typeface="Arial" panose="020B0604020202020204"/>
                <a:ea typeface="+mn-ea"/>
                <a:cs typeface="+mn-cs"/>
              </a:rPr>
              <a:t>hyperscalers</a:t>
            </a:r>
            <a:r>
              <a:rPr kumimoji="0" lang="da-DK" sz="900" i="0" u="none" strike="noStrike" kern="1200" cap="none" spc="0" normalizeH="0" baseline="0" noProof="0">
                <a:ln>
                  <a:noFill/>
                </a:ln>
                <a:solidFill>
                  <a:srgbClr val="000000"/>
                </a:solidFill>
                <a:effectLst/>
                <a:uLnTx/>
                <a:uFillTx/>
                <a:latin typeface="Arial" panose="020B0604020202020204"/>
                <a:ea typeface="+mn-ea"/>
                <a:cs typeface="+mn-cs"/>
              </a:rPr>
              <a:t> ved at skabe en europæisk kontrolleret </a:t>
            </a:r>
            <a:r>
              <a:rPr kumimoji="0" lang="da-DK" sz="900" i="1" u="none" strike="noStrike" kern="1200" cap="none" spc="0" normalizeH="0" baseline="0" noProof="0">
                <a:ln>
                  <a:noFill/>
                </a:ln>
                <a:solidFill>
                  <a:srgbClr val="000000"/>
                </a:solidFill>
                <a:effectLst/>
                <a:uLnTx/>
                <a:uFillTx/>
                <a:latin typeface="Arial" panose="020B0604020202020204"/>
                <a:ea typeface="+mn-ea"/>
                <a:cs typeface="+mn-cs"/>
              </a:rPr>
              <a:t>large </a:t>
            </a:r>
            <a:r>
              <a:rPr kumimoji="0" lang="da-DK" sz="900" i="1" u="none" strike="noStrike" kern="1200" cap="none" spc="0" normalizeH="0" baseline="0" noProof="0" dirty="0" err="1">
                <a:ln>
                  <a:noFill/>
                </a:ln>
                <a:solidFill>
                  <a:srgbClr val="000000"/>
                </a:solidFill>
                <a:effectLst/>
                <a:uLnTx/>
                <a:uFillTx/>
                <a:latin typeface="Arial" panose="020B0604020202020204"/>
                <a:ea typeface="+mn-ea"/>
                <a:cs typeface="+mn-cs"/>
              </a:rPr>
              <a:t>language</a:t>
            </a:r>
            <a:r>
              <a:rPr kumimoji="0" lang="da-DK" sz="900" i="1" u="none" strike="noStrike" kern="1200" cap="none" spc="0" normalizeH="0" baseline="0" noProof="0">
                <a:ln>
                  <a:noFill/>
                </a:ln>
                <a:solidFill>
                  <a:srgbClr val="000000"/>
                </a:solidFill>
                <a:effectLst/>
                <a:uLnTx/>
                <a:uFillTx/>
                <a:latin typeface="Arial" panose="020B0604020202020204"/>
                <a:ea typeface="+mn-ea"/>
                <a:cs typeface="+mn-cs"/>
              </a:rPr>
              <a:t> model </a:t>
            </a:r>
            <a:r>
              <a:rPr kumimoji="0" lang="da-DK" sz="900" i="0" u="none" strike="noStrike" kern="1200" cap="none" spc="0" normalizeH="0" baseline="0" noProof="0">
                <a:ln>
                  <a:noFill/>
                </a:ln>
                <a:solidFill>
                  <a:srgbClr val="000000"/>
                </a:solidFill>
                <a:effectLst/>
                <a:uLnTx/>
                <a:uFillTx/>
                <a:latin typeface="Arial" panose="020B0604020202020204"/>
                <a:ea typeface="+mn-ea"/>
                <a:cs typeface="+mn-cs"/>
              </a:rPr>
              <a:t>(LLM).</a:t>
            </a:r>
            <a:endParaRPr lang="da-DK" sz="900" i="1" noProof="0">
              <a:solidFill>
                <a:schemeClr val="tx1"/>
              </a:solidFill>
            </a:endParaRPr>
          </a:p>
        </p:txBody>
      </p:sp>
      <p:grpSp>
        <p:nvGrpSpPr>
          <p:cNvPr id="41" name="Group 40" descr="Oversigt over teknologistakken og hvor casen rammer. Denne case rammer AI og digitale services">
            <a:extLst>
              <a:ext uri="{FF2B5EF4-FFF2-40B4-BE49-F238E27FC236}">
                <a16:creationId xmlns:a16="http://schemas.microsoft.com/office/drawing/2014/main" id="{2249B2A0-BFB2-E951-DEB3-DA3E15AB3096}"/>
              </a:ext>
              <a:ext uri="{C183D7F6-B498-43B3-948B-1728B52AA6E4}">
                <adec:decorative xmlns:adec="http://schemas.microsoft.com/office/drawing/2017/decorative" val="0"/>
              </a:ext>
            </a:extLst>
          </p:cNvPr>
          <p:cNvGrpSpPr/>
          <p:nvPr/>
        </p:nvGrpSpPr>
        <p:grpSpPr>
          <a:xfrm>
            <a:off x="713385" y="4086154"/>
            <a:ext cx="2338961" cy="2232878"/>
            <a:chOff x="713385" y="4086154"/>
            <a:chExt cx="2338961" cy="2232878"/>
          </a:xfrm>
        </p:grpSpPr>
        <p:sp>
          <p:nvSpPr>
            <p:cNvPr id="42" name="Rectangle: Rounded Corners 41">
              <a:extLst>
                <a:ext uri="{FF2B5EF4-FFF2-40B4-BE49-F238E27FC236}">
                  <a16:creationId xmlns:a16="http://schemas.microsoft.com/office/drawing/2014/main" id="{0B01222F-6733-8686-D9BA-B1AD7809A692}"/>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Digitale løsninger</a:t>
              </a:r>
            </a:p>
          </p:txBody>
        </p:sp>
        <p:sp>
          <p:nvSpPr>
            <p:cNvPr id="43" name="Rectangle: Rounded Corners 42">
              <a:extLst>
                <a:ext uri="{FF2B5EF4-FFF2-40B4-BE49-F238E27FC236}">
                  <a16:creationId xmlns:a16="http://schemas.microsoft.com/office/drawing/2014/main" id="{4DB900F4-8C67-6155-B218-B639F44122C8}"/>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It-infrastruktur</a:t>
              </a:r>
            </a:p>
          </p:txBody>
        </p:sp>
        <p:sp>
          <p:nvSpPr>
            <p:cNvPr id="44" name="Rectangle 36">
              <a:extLst>
                <a:ext uri="{FF2B5EF4-FFF2-40B4-BE49-F238E27FC236}">
                  <a16:creationId xmlns:a16="http://schemas.microsoft.com/office/drawing/2014/main" id="{C0AAFE83-0B67-151E-B77B-F6B5377B1DF7}"/>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AI og digitale services</a:t>
              </a:r>
            </a:p>
          </p:txBody>
        </p:sp>
        <p:sp>
          <p:nvSpPr>
            <p:cNvPr id="47" name="Rectangle 43">
              <a:extLst>
                <a:ext uri="{FF2B5EF4-FFF2-40B4-BE49-F238E27FC236}">
                  <a16:creationId xmlns:a16="http://schemas.microsoft.com/office/drawing/2014/main" id="{3A2D078A-95E3-8D64-0CBF-EB30BA6F464B}"/>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a:solidFill>
                    <a:schemeClr val="bg1"/>
                  </a:solidFill>
                </a:rPr>
                <a:t>Teknologistak</a:t>
              </a:r>
            </a:p>
          </p:txBody>
        </p:sp>
        <p:sp>
          <p:nvSpPr>
            <p:cNvPr id="48" name="Rectangle 36">
              <a:extLst>
                <a:ext uri="{FF2B5EF4-FFF2-40B4-BE49-F238E27FC236}">
                  <a16:creationId xmlns:a16="http://schemas.microsoft.com/office/drawing/2014/main" id="{DADC6A35-7184-BE87-BE61-709A0BE327E9}"/>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Koncern- og fagsystemer</a:t>
              </a:r>
            </a:p>
          </p:txBody>
        </p:sp>
        <p:sp>
          <p:nvSpPr>
            <p:cNvPr id="51" name="Rectangle 36">
              <a:extLst>
                <a:ext uri="{FF2B5EF4-FFF2-40B4-BE49-F238E27FC236}">
                  <a16:creationId xmlns:a16="http://schemas.microsoft.com/office/drawing/2014/main" id="{946E9CA9-9F0A-44BF-E16E-4DF8DEC94F97}"/>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igital arbejdsplads</a:t>
              </a:r>
            </a:p>
          </p:txBody>
        </p:sp>
        <p:sp>
          <p:nvSpPr>
            <p:cNvPr id="52" name="Rectangle 36">
              <a:extLst>
                <a:ext uri="{FF2B5EF4-FFF2-40B4-BE49-F238E27FC236}">
                  <a16:creationId xmlns:a16="http://schemas.microsoft.com/office/drawing/2014/main" id="{36B9AA56-A45D-ED26-F23F-7652D50BF58E}"/>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ikkerhedsløsninger</a:t>
              </a:r>
            </a:p>
          </p:txBody>
        </p:sp>
        <p:sp>
          <p:nvSpPr>
            <p:cNvPr id="55" name="Rectangle 36">
              <a:extLst>
                <a:ext uri="{FF2B5EF4-FFF2-40B4-BE49-F238E27FC236}">
                  <a16:creationId xmlns:a16="http://schemas.microsoft.com/office/drawing/2014/main" id="{79DA7D8B-6706-3AED-65B9-CDC161978857}"/>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deling og basis-software</a:t>
              </a:r>
            </a:p>
          </p:txBody>
        </p:sp>
        <p:sp>
          <p:nvSpPr>
            <p:cNvPr id="56" name="Rectangle 36">
              <a:extLst>
                <a:ext uri="{FF2B5EF4-FFF2-40B4-BE49-F238E27FC236}">
                  <a16:creationId xmlns:a16="http://schemas.microsoft.com/office/drawing/2014/main" id="{5B767383-7C2A-2597-C0F9-A45F52DFAD7E}"/>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Cloud-services</a:t>
              </a:r>
            </a:p>
          </p:txBody>
        </p:sp>
        <p:sp>
          <p:nvSpPr>
            <p:cNvPr id="62" name="Rectangle 36">
              <a:extLst>
                <a:ext uri="{FF2B5EF4-FFF2-40B4-BE49-F238E27FC236}">
                  <a16:creationId xmlns:a16="http://schemas.microsoft.com/office/drawing/2014/main" id="{73C2DF69-9546-77B3-49E4-2F0AD256D7A7}"/>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evices og slutbrugerudstyr</a:t>
              </a:r>
            </a:p>
          </p:txBody>
        </p:sp>
        <p:sp>
          <p:nvSpPr>
            <p:cNvPr id="63" name="Rectangle 36">
              <a:extLst>
                <a:ext uri="{FF2B5EF4-FFF2-40B4-BE49-F238E27FC236}">
                  <a16:creationId xmlns:a16="http://schemas.microsoft.com/office/drawing/2014/main" id="{A31F5215-4C2E-1202-A488-7A8B033021B2}"/>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centerinfrastruktur</a:t>
              </a:r>
            </a:p>
          </p:txBody>
        </p:sp>
        <p:sp>
          <p:nvSpPr>
            <p:cNvPr id="64" name="Rectangle 36">
              <a:extLst>
                <a:ext uri="{FF2B5EF4-FFF2-40B4-BE49-F238E27FC236}">
                  <a16:creationId xmlns:a16="http://schemas.microsoft.com/office/drawing/2014/main" id="{79FC0A44-828C-E836-579F-BC321706720E}"/>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Netværksinfrastruktur</a:t>
              </a:r>
            </a:p>
          </p:txBody>
        </p:sp>
      </p:grpSp>
      <p:sp>
        <p:nvSpPr>
          <p:cNvPr id="3" name="Content Placeholder 5">
            <a:extLst>
              <a:ext uri="{FF2B5EF4-FFF2-40B4-BE49-F238E27FC236}">
                <a16:creationId xmlns:a16="http://schemas.microsoft.com/office/drawing/2014/main" id="{B873AB4B-465C-AB4F-15CD-9CC07C15D6A3}"/>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Karakteristika, gevinster og barrierer</a:t>
            </a:r>
          </a:p>
        </p:txBody>
      </p:sp>
      <p:grpSp>
        <p:nvGrpSpPr>
          <p:cNvPr id="66" name="Group 65" descr="Casen er mellem projekt og implementeringsfasen">
            <a:extLst>
              <a:ext uri="{FF2B5EF4-FFF2-40B4-BE49-F238E27FC236}">
                <a16:creationId xmlns:a16="http://schemas.microsoft.com/office/drawing/2014/main" id="{1A8FD481-388B-9962-BAFD-4138AAD26BD3}"/>
              </a:ext>
              <a:ext uri="{C183D7F6-B498-43B3-948B-1728B52AA6E4}">
                <adec:decorative xmlns:adec="http://schemas.microsoft.com/office/drawing/2017/decorative" val="0"/>
              </a:ext>
            </a:extLst>
          </p:cNvPr>
          <p:cNvGrpSpPr/>
          <p:nvPr/>
        </p:nvGrpSpPr>
        <p:grpSpPr>
          <a:xfrm>
            <a:off x="6937091" y="1945363"/>
            <a:ext cx="2371002" cy="260416"/>
            <a:chOff x="6937091" y="1945363"/>
            <a:chExt cx="2371002" cy="260416"/>
          </a:xfrm>
        </p:grpSpPr>
        <p:grpSp>
          <p:nvGrpSpPr>
            <p:cNvPr id="67" name="Group 66">
              <a:extLst>
                <a:ext uri="{FF2B5EF4-FFF2-40B4-BE49-F238E27FC236}">
                  <a16:creationId xmlns:a16="http://schemas.microsoft.com/office/drawing/2014/main" id="{AF964D42-DC85-49CA-00F5-A76B6366791B}"/>
                </a:ext>
              </a:extLst>
            </p:cNvPr>
            <p:cNvGrpSpPr/>
            <p:nvPr/>
          </p:nvGrpSpPr>
          <p:grpSpPr>
            <a:xfrm>
              <a:off x="6937091" y="1945363"/>
              <a:ext cx="2371002" cy="233209"/>
              <a:chOff x="579065" y="3721174"/>
              <a:chExt cx="2371002" cy="233209"/>
            </a:xfrm>
          </p:grpSpPr>
          <p:cxnSp>
            <p:nvCxnSpPr>
              <p:cNvPr id="69" name="Straight Connector 68">
                <a:extLst>
                  <a:ext uri="{FF2B5EF4-FFF2-40B4-BE49-F238E27FC236}">
                    <a16:creationId xmlns:a16="http://schemas.microsoft.com/office/drawing/2014/main" id="{8FE2E3CC-58CF-6A24-A5E5-A671C3E63DCA}"/>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236E88FD-764F-D1AD-1167-EFCD2CFC9DFF}"/>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1" name="TextBox 70">
                <a:extLst>
                  <a:ext uri="{FF2B5EF4-FFF2-40B4-BE49-F238E27FC236}">
                    <a16:creationId xmlns:a16="http://schemas.microsoft.com/office/drawing/2014/main" id="{3E8DA688-7F33-A612-0496-1456F4AEECB4}"/>
                  </a:ext>
                </a:extLst>
              </p:cNvPr>
              <p:cNvSpPr txBox="1"/>
              <p:nvPr/>
            </p:nvSpPr>
            <p:spPr>
              <a:xfrm>
                <a:off x="579065" y="3723935"/>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dé</a:t>
                </a:r>
              </a:p>
            </p:txBody>
          </p:sp>
          <p:sp>
            <p:nvSpPr>
              <p:cNvPr id="72" name="TextBox 71">
                <a:extLst>
                  <a:ext uri="{FF2B5EF4-FFF2-40B4-BE49-F238E27FC236}">
                    <a16:creationId xmlns:a16="http://schemas.microsoft.com/office/drawing/2014/main" id="{60CD2DCA-C4B1-B3B5-76C9-EDF1C45F4DB3}"/>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Projekt</a:t>
                </a:r>
              </a:p>
            </p:txBody>
          </p:sp>
          <p:sp>
            <p:nvSpPr>
              <p:cNvPr id="73" name="TextBox 72">
                <a:extLst>
                  <a:ext uri="{FF2B5EF4-FFF2-40B4-BE49-F238E27FC236}">
                    <a16:creationId xmlns:a16="http://schemas.microsoft.com/office/drawing/2014/main" id="{6F56EC65-E762-1206-EBC2-B6C4D5ADA479}"/>
                  </a:ext>
                </a:extLst>
              </p:cNvPr>
              <p:cNvSpPr txBox="1"/>
              <p:nvPr/>
            </p:nvSpPr>
            <p:spPr>
              <a:xfrm>
                <a:off x="1681056" y="3722668"/>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mplementering</a:t>
                </a:r>
              </a:p>
            </p:txBody>
          </p:sp>
          <p:sp>
            <p:nvSpPr>
              <p:cNvPr id="74" name="TextBox 73">
                <a:extLst>
                  <a:ext uri="{FF2B5EF4-FFF2-40B4-BE49-F238E27FC236}">
                    <a16:creationId xmlns:a16="http://schemas.microsoft.com/office/drawing/2014/main" id="{53996B8D-7045-3D16-340A-254CD3120AE2}"/>
                  </a:ext>
                </a:extLst>
              </p:cNvPr>
              <p:cNvSpPr txBox="1"/>
              <p:nvPr/>
            </p:nvSpPr>
            <p:spPr>
              <a:xfrm>
                <a:off x="2299837" y="3723935"/>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Drift</a:t>
                </a:r>
              </a:p>
            </p:txBody>
          </p:sp>
          <p:cxnSp>
            <p:nvCxnSpPr>
              <p:cNvPr id="75" name="Straight Connector 74">
                <a:extLst>
                  <a:ext uri="{FF2B5EF4-FFF2-40B4-BE49-F238E27FC236}">
                    <a16:creationId xmlns:a16="http://schemas.microsoft.com/office/drawing/2014/main" id="{B23AE9D8-BD4A-4B0B-AB0B-AD544AE19C96}"/>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76" name="Straight Connector 75">
                <a:extLst>
                  <a:ext uri="{FF2B5EF4-FFF2-40B4-BE49-F238E27FC236}">
                    <a16:creationId xmlns:a16="http://schemas.microsoft.com/office/drawing/2014/main" id="{D16E168F-FD59-D21D-B1BF-86D7AC97712B}"/>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A6AA0F7C-B5E9-B028-947E-A2FBA8F946AB}"/>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68" name="Oval 67">
              <a:extLst>
                <a:ext uri="{FF2B5EF4-FFF2-40B4-BE49-F238E27FC236}">
                  <a16:creationId xmlns:a16="http://schemas.microsoft.com/office/drawing/2014/main" id="{EBB7E5F9-2E2E-4D01-7AF1-AE9688E1B8E6}"/>
                </a:ext>
              </a:extLst>
            </p:cNvPr>
            <p:cNvSpPr/>
            <p:nvPr/>
          </p:nvSpPr>
          <p:spPr>
            <a:xfrm>
              <a:off x="7962735"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4" name="Rectangle 13">
            <a:extLst>
              <a:ext uri="{FF2B5EF4-FFF2-40B4-BE49-F238E27FC236}">
                <a16:creationId xmlns:a16="http://schemas.microsoft.com/office/drawing/2014/main" id="{D104BD88-F07A-F14E-BA59-26CA3F1E5FA7}"/>
              </a:ext>
            </a:extLst>
          </p:cNvPr>
          <p:cNvSpPr/>
          <p:nvPr/>
        </p:nvSpPr>
        <p:spPr>
          <a:xfrm>
            <a:off x="3408013" y="2139036"/>
            <a:ext cx="5681357"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900" b="1" noProof="0" dirty="0">
                <a:solidFill>
                  <a:srgbClr val="36465A"/>
                </a:solidFill>
              </a:rPr>
              <a:t>Generelle karakteristika</a:t>
            </a:r>
          </a:p>
          <a:p>
            <a:pPr marL="171450" indent="-171450">
              <a:buFont typeface="Wingdings" panose="05000000000000000000" pitchFamily="2" charset="2"/>
              <a:buChar char="Ø"/>
            </a:pPr>
            <a:r>
              <a:rPr lang="da-DK" sz="900" b="1" noProof="0" dirty="0">
                <a:solidFill>
                  <a:schemeClr val="tx1"/>
                </a:solidFill>
              </a:rPr>
              <a:t>Status på projekt: </a:t>
            </a:r>
            <a:r>
              <a:rPr lang="da-DK" sz="900" noProof="0" dirty="0">
                <a:solidFill>
                  <a:schemeClr val="tx1"/>
                </a:solidFill>
                <a:sym typeface="Wingdings" panose="05000000000000000000" pitchFamily="2" charset="2"/>
              </a:rPr>
              <a:t>GPT-NL-projektet blev initieret i 2024 af</a:t>
            </a:r>
            <a:r>
              <a:rPr lang="da-DK" sz="900" noProof="0" dirty="0">
                <a:solidFill>
                  <a:schemeClr val="tx1"/>
                </a:solidFill>
              </a:rPr>
              <a:t> Økonomiministeriet* med ansvar for digitalisering. Der har i perioden 2024-2025 været primært fokus</a:t>
            </a:r>
            <a:r>
              <a:rPr lang="da-DK" sz="900" noProof="0" dirty="0">
                <a:solidFill>
                  <a:schemeClr val="tx1"/>
                </a:solidFill>
                <a:sym typeface="Wingdings" panose="05000000000000000000" pitchFamily="2" charset="2"/>
              </a:rPr>
              <a:t> på indsamling af datasæt til AI-modellen samt modeltræning. Det er ambitionen at sætte GPT-NL i drift i 2026 med fokus på at etablere GPT-NL som den foretrukne </a:t>
            </a:r>
            <a:r>
              <a:rPr lang="da-DK" sz="900" noProof="0" dirty="0" err="1">
                <a:solidFill>
                  <a:schemeClr val="tx1"/>
                </a:solidFill>
                <a:sym typeface="Wingdings" panose="05000000000000000000" pitchFamily="2" charset="2"/>
              </a:rPr>
              <a:t>genAI</a:t>
            </a:r>
            <a:r>
              <a:rPr lang="da-DK" sz="900" noProof="0" dirty="0">
                <a:solidFill>
                  <a:schemeClr val="tx1"/>
                </a:solidFill>
                <a:sym typeface="Wingdings" panose="05000000000000000000" pitchFamily="2" charset="2"/>
              </a:rPr>
              <a:t>-model i den offentlige sektor i Benelux i 2027. </a:t>
            </a:r>
            <a:endParaRPr lang="da-DK" sz="900" noProof="0" dirty="0">
              <a:solidFill>
                <a:schemeClr val="tx1"/>
              </a:solidFill>
            </a:endParaRPr>
          </a:p>
          <a:p>
            <a:pPr marL="171450" indent="-171450">
              <a:spcAft>
                <a:spcPts val="300"/>
              </a:spcAft>
              <a:buFont typeface="Wingdings" panose="05000000000000000000" pitchFamily="2" charset="2"/>
              <a:buChar char="Ø"/>
            </a:pPr>
            <a:r>
              <a:rPr lang="da-DK" sz="900" b="1" noProof="0" dirty="0">
                <a:solidFill>
                  <a:schemeClr val="tx1"/>
                </a:solidFill>
              </a:rPr>
              <a:t>Antal myndigheder/organisationer: </a:t>
            </a:r>
            <a:r>
              <a:rPr lang="da-DK" sz="900" noProof="0" dirty="0">
                <a:solidFill>
                  <a:schemeClr val="tx1"/>
                </a:solidFill>
              </a:rPr>
              <a:t>Projektet er overordnet ledet og finansieret af Økonomiministeriet, som samarbejder tæt med en række øvrige myndigheder og private aktører, herunder et uafhængigt forskningsinstitut, TNO, som er ansvarlig for udviklingen af GPT-NL. Øvrige aktører omfatter den nationale erhvervsstyrelse, SURF, NFI og Dutch AI </a:t>
            </a:r>
            <a:r>
              <a:rPr lang="da-DK" sz="900" noProof="0" dirty="0" err="1">
                <a:solidFill>
                  <a:schemeClr val="tx1"/>
                </a:solidFill>
              </a:rPr>
              <a:t>Coalition</a:t>
            </a:r>
            <a:r>
              <a:rPr lang="da-DK" sz="900" noProof="0" dirty="0">
                <a:solidFill>
                  <a:schemeClr val="tx1"/>
                </a:solidFill>
              </a:rPr>
              <a:t>**. </a:t>
            </a:r>
          </a:p>
          <a:p>
            <a:pPr marL="171450" indent="-171450">
              <a:spcAft>
                <a:spcPts val="300"/>
              </a:spcAft>
              <a:buFont typeface="Wingdings" panose="05000000000000000000" pitchFamily="2" charset="2"/>
              <a:buChar char="Ø"/>
            </a:pPr>
            <a:r>
              <a:rPr lang="da-DK" sz="900" b="1" noProof="0" dirty="0">
                <a:solidFill>
                  <a:schemeClr val="tx1"/>
                </a:solidFill>
              </a:rPr>
              <a:t>Geografisk omfang: </a:t>
            </a:r>
            <a:r>
              <a:rPr lang="da-DK" sz="900" noProof="0" dirty="0">
                <a:solidFill>
                  <a:schemeClr val="tx1"/>
                </a:solidFill>
              </a:rPr>
              <a:t>Primært nationalt, men i samarbejde med EU med henblik på finansiering og på sigt øvrige EU-lande for at skabe et større datasæt.</a:t>
            </a:r>
          </a:p>
          <a:p>
            <a:pPr marL="171450" indent="-171450">
              <a:spcAft>
                <a:spcPts val="300"/>
              </a:spcAft>
              <a:buFont typeface="Wingdings" panose="05000000000000000000" pitchFamily="2" charset="2"/>
              <a:buChar char="Ø"/>
            </a:pPr>
            <a:r>
              <a:rPr lang="da-DK" sz="900" b="1" noProof="0" dirty="0">
                <a:solidFill>
                  <a:schemeClr val="tx1"/>
                </a:solidFill>
              </a:rPr>
              <a:t>Antal brugere omfattet: </a:t>
            </a:r>
            <a:r>
              <a:rPr lang="da-DK" sz="900" noProof="0" dirty="0">
                <a:solidFill>
                  <a:schemeClr val="tx1"/>
                </a:solidFill>
              </a:rPr>
              <a:t>Principielt alle aktører inden for den offentlige administration, forskning og industri. Løsningen testes indledningsvis via NFI (Statens Kriminaltekniske Institut).</a:t>
            </a:r>
            <a:endParaRPr lang="da-DK" sz="900" noProof="0" dirty="0">
              <a:solidFill>
                <a:schemeClr val="tx1"/>
              </a:solidFill>
              <a:highlight>
                <a:srgbClr val="FFFF00"/>
              </a:highlight>
            </a:endParaRPr>
          </a:p>
          <a:p>
            <a:pPr marL="171450" indent="-171450">
              <a:spcAft>
                <a:spcPts val="300"/>
              </a:spcAft>
              <a:buFont typeface="Wingdings" panose="05000000000000000000" pitchFamily="2" charset="2"/>
              <a:buChar char="Ø"/>
            </a:pPr>
            <a:r>
              <a:rPr lang="da-DK" sz="900" b="1" noProof="0" dirty="0">
                <a:solidFill>
                  <a:schemeClr val="tx1"/>
                </a:solidFill>
              </a:rPr>
              <a:t>Antal systemer berørt: </a:t>
            </a:r>
            <a:r>
              <a:rPr lang="da-DK" sz="900" noProof="0" dirty="0">
                <a:solidFill>
                  <a:schemeClr val="tx1"/>
                </a:solidFill>
              </a:rPr>
              <a:t>Afhænger af den konkrete ibrugtagning og kan derfor ikke estimeres nærmere.</a:t>
            </a:r>
            <a:endParaRPr lang="da-DK" sz="900" noProof="0" dirty="0">
              <a:solidFill>
                <a:schemeClr val="tx1"/>
              </a:solidFill>
              <a:highlight>
                <a:srgbClr val="FFFF00"/>
              </a:highlight>
            </a:endParaRPr>
          </a:p>
        </p:txBody>
      </p:sp>
      <p:sp>
        <p:nvSpPr>
          <p:cNvPr id="49" name="Isosceles Triangle 48">
            <a:extLst>
              <a:ext uri="{FF2B5EF4-FFF2-40B4-BE49-F238E27FC236}">
                <a16:creationId xmlns:a16="http://schemas.microsoft.com/office/drawing/2014/main" id="{5B85D685-2D93-4C0A-8232-9DD9B735B397}"/>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6" name="Straight Connector 5">
            <a:extLst>
              <a:ext uri="{FF2B5EF4-FFF2-40B4-BE49-F238E27FC236}">
                <a16:creationId xmlns:a16="http://schemas.microsoft.com/office/drawing/2014/main" id="{952796F2-8671-5D91-853A-4E99F65E1FA2}"/>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5F3E9A81-341A-D388-AB08-F662D6E48AF3}"/>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Gevinster </a:t>
            </a:r>
          </a:p>
        </p:txBody>
      </p:sp>
      <p:sp>
        <p:nvSpPr>
          <p:cNvPr id="59" name="Content Placeholder 5">
            <a:extLst>
              <a:ext uri="{FF2B5EF4-FFF2-40B4-BE49-F238E27FC236}">
                <a16:creationId xmlns:a16="http://schemas.microsoft.com/office/drawing/2014/main" id="{60F89CAD-A692-6723-D5CF-43DB684C5CE2}"/>
              </a:ext>
            </a:extLst>
          </p:cNvPr>
          <p:cNvSpPr txBox="1">
            <a:spLocks/>
          </p:cNvSpPr>
          <p:nvPr/>
        </p:nvSpPr>
        <p:spPr>
          <a:xfrm>
            <a:off x="3484616" y="4541641"/>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dirty="0">
                <a:solidFill>
                  <a:schemeClr val="tx1"/>
                </a:solidFill>
              </a:rPr>
              <a:t>Mindre afhængighed: </a:t>
            </a:r>
            <a:r>
              <a:rPr lang="da-DK" sz="900" b="0" noProof="0" dirty="0">
                <a:solidFill>
                  <a:schemeClr val="tx1"/>
                </a:solidFill>
              </a:rPr>
              <a:t>Afhængigheden af amerikanske og kinesiske leverandører mindskes.</a:t>
            </a:r>
          </a:p>
          <a:p>
            <a:pPr marL="171450" indent="-171450">
              <a:buFont typeface="Wingdings" panose="05000000000000000000" pitchFamily="2" charset="2"/>
              <a:buChar char="Ø"/>
            </a:pPr>
            <a:r>
              <a:rPr lang="da-DK" sz="900" noProof="0" dirty="0">
                <a:solidFill>
                  <a:schemeClr val="tx1"/>
                </a:solidFill>
              </a:rPr>
              <a:t>Databeskyttelse</a:t>
            </a:r>
            <a:r>
              <a:rPr lang="da-DK" sz="900" b="0" noProof="0" dirty="0">
                <a:solidFill>
                  <a:schemeClr val="tx1"/>
                </a:solidFill>
              </a:rPr>
              <a:t>: Øget håndhævelse af juridiske rettigheder for dataleverandører. </a:t>
            </a:r>
          </a:p>
          <a:p>
            <a:pPr marL="171450" indent="-171450">
              <a:buFont typeface="Wingdings" panose="05000000000000000000" pitchFamily="2" charset="2"/>
              <a:buChar char="Ø"/>
            </a:pPr>
            <a:r>
              <a:rPr lang="da-DK" sz="900" noProof="0" dirty="0">
                <a:solidFill>
                  <a:schemeClr val="tx1"/>
                </a:solidFill>
              </a:rPr>
              <a:t>Nye kapabiliteter</a:t>
            </a:r>
            <a:r>
              <a:rPr lang="da-DK" sz="900" b="0" noProof="0" dirty="0">
                <a:solidFill>
                  <a:schemeClr val="tx1"/>
                </a:solidFill>
              </a:rPr>
              <a:t>: Opbygning af AI-kapabilitet og øget europæisk konkurrenceevne.</a:t>
            </a:r>
          </a:p>
          <a:p>
            <a:pPr marL="171450" indent="-171450">
              <a:buFont typeface="Wingdings" panose="05000000000000000000" pitchFamily="2" charset="2"/>
              <a:buChar char="Ø"/>
            </a:pPr>
            <a:r>
              <a:rPr lang="da-DK" sz="900" noProof="0" dirty="0">
                <a:solidFill>
                  <a:schemeClr val="tx1"/>
                </a:solidFill>
              </a:rPr>
              <a:t>Attraktiv prissætning og finansieringsmodel</a:t>
            </a:r>
            <a:r>
              <a:rPr lang="da-DK" sz="900" b="0" noProof="0" dirty="0">
                <a:solidFill>
                  <a:schemeClr val="tx1"/>
                </a:solidFill>
              </a:rPr>
              <a:t>: Mulig </a:t>
            </a:r>
            <a:r>
              <a:rPr lang="da-DK" sz="900" b="0" noProof="0" dirty="0" err="1">
                <a:solidFill>
                  <a:schemeClr val="tx1"/>
                </a:solidFill>
              </a:rPr>
              <a:t>cost</a:t>
            </a:r>
            <a:r>
              <a:rPr lang="da-DK" sz="900" b="0" noProof="0" dirty="0">
                <a:solidFill>
                  <a:schemeClr val="tx1"/>
                </a:solidFill>
              </a:rPr>
              <a:t> </a:t>
            </a:r>
            <a:r>
              <a:rPr lang="da-DK" sz="900" b="0" noProof="0" dirty="0" err="1">
                <a:solidFill>
                  <a:schemeClr val="tx1"/>
                </a:solidFill>
              </a:rPr>
              <a:t>avoidance</a:t>
            </a:r>
            <a:r>
              <a:rPr lang="da-DK" sz="900" b="0" noProof="0" dirty="0">
                <a:solidFill>
                  <a:schemeClr val="tx1"/>
                </a:solidFill>
              </a:rPr>
              <a:t> via attraktiv prissætning og non-profit-licensindtægter som skal finansiere drift og videreudvikling af GPT-NL. </a:t>
            </a:r>
          </a:p>
          <a:p>
            <a:pPr marL="171450" indent="-171450">
              <a:buFont typeface="Wingdings" panose="05000000000000000000" pitchFamily="2" charset="2"/>
              <a:buChar char="Ø"/>
            </a:pPr>
            <a:endParaRPr lang="da-DK" b="0" noProof="0" dirty="0">
              <a:solidFill>
                <a:schemeClr val="tx1"/>
              </a:solidFill>
              <a:highlight>
                <a:srgbClr val="FFFF00"/>
              </a:highlight>
            </a:endParaRPr>
          </a:p>
        </p:txBody>
      </p:sp>
      <p:sp>
        <p:nvSpPr>
          <p:cNvPr id="23" name="Content Placeholder 5">
            <a:extLst>
              <a:ext uri="{FF2B5EF4-FFF2-40B4-BE49-F238E27FC236}">
                <a16:creationId xmlns:a16="http://schemas.microsoft.com/office/drawing/2014/main" id="{FD6B9F96-6C10-DEB9-6B61-92CB0D91ABAF}"/>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Barrierer</a:t>
            </a:r>
          </a:p>
        </p:txBody>
      </p:sp>
      <p:cxnSp>
        <p:nvCxnSpPr>
          <p:cNvPr id="25" name="Straight Connector 24">
            <a:extLst>
              <a:ext uri="{FF2B5EF4-FFF2-40B4-BE49-F238E27FC236}">
                <a16:creationId xmlns:a16="http://schemas.microsoft.com/office/drawing/2014/main" id="{A7D1C41B-BDC9-9709-D10A-1BD21CECE31E}"/>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3BABEC66-4FB8-4945-0597-0600D180A00E}"/>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cxnSp>
        <p:nvCxnSpPr>
          <p:cNvPr id="57" name="Straight Connector 56">
            <a:extLst>
              <a:ext uri="{FF2B5EF4-FFF2-40B4-BE49-F238E27FC236}">
                <a16:creationId xmlns:a16="http://schemas.microsoft.com/office/drawing/2014/main" id="{D8B97E74-4737-4DAB-2707-0B9B0060CEB4}"/>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92991212-2FFF-4AB9-71EC-8699C83A63AD}"/>
              </a:ext>
              <a:ext uri="{C183D7F6-B498-43B3-948B-1728B52AA6E4}">
                <adec:decorative xmlns:adec="http://schemas.microsoft.com/office/drawing/2017/decorative" val="1"/>
              </a:ext>
            </a:extLst>
          </p:cNvPr>
          <p:cNvCxnSpPr>
            <a:cxnSpLocks/>
          </p:cNvCxnSpPr>
          <p:nvPr/>
        </p:nvCxnSpPr>
        <p:spPr>
          <a:xfrm>
            <a:off x="6585098"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0" name="Content Placeholder 5">
            <a:extLst>
              <a:ext uri="{FF2B5EF4-FFF2-40B4-BE49-F238E27FC236}">
                <a16:creationId xmlns:a16="http://schemas.microsoft.com/office/drawing/2014/main" id="{AEE4A960-866F-2F10-46BD-C192658483DD}"/>
              </a:ext>
            </a:extLst>
          </p:cNvPr>
          <p:cNvSpPr txBox="1">
            <a:spLocks/>
          </p:cNvSpPr>
          <p:nvPr/>
        </p:nvSpPr>
        <p:spPr>
          <a:xfrm>
            <a:off x="6445567" y="4578217"/>
            <a:ext cx="2785220" cy="163562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lvl="0" indent="-171450" defTabSz="914400" eaLnBrk="0" fontAlgn="base" hangingPunct="0">
              <a:spcBef>
                <a:spcPct val="0"/>
              </a:spcBef>
              <a:spcAft>
                <a:spcPct val="0"/>
              </a:spcAft>
              <a:buFont typeface="Wingdings" panose="05000000000000000000" pitchFamily="2" charset="2"/>
              <a:buChar char="Ø"/>
            </a:pPr>
            <a:r>
              <a:rPr lang="da-DK" sz="900" noProof="0"/>
              <a:t>Adgang til data: </a:t>
            </a:r>
            <a:r>
              <a:rPr lang="da-DK" sz="900" b="0" noProof="0"/>
              <a:t>Høj datakvalitet er nødvendigt for at sikre tilstrækkelig ydeevne, indsigt og pålidelighed. Dette inkluderer akademiske tekster, juridiske dokumenter og domæne-specifikt data.</a:t>
            </a:r>
          </a:p>
          <a:p>
            <a:pPr marL="171450" lvl="0" indent="-171450" defTabSz="914400" eaLnBrk="0" fontAlgn="base" hangingPunct="0">
              <a:spcBef>
                <a:spcPct val="0"/>
              </a:spcBef>
              <a:spcAft>
                <a:spcPct val="0"/>
              </a:spcAft>
              <a:buFont typeface="Wingdings" panose="05000000000000000000" pitchFamily="2" charset="2"/>
              <a:buChar char="Ø"/>
            </a:pPr>
            <a:r>
              <a:rPr lang="da-DK" sz="900" noProof="0"/>
              <a:t>Beregningskapacitet: </a:t>
            </a:r>
            <a:r>
              <a:rPr lang="da-DK" sz="900" b="0" noProof="0"/>
              <a:t>AI-modellen er afhængig af tilstrækkelig beregningskapacitet gennem en HPC-infrastruktur (high performance </a:t>
            </a:r>
            <a:r>
              <a:rPr lang="da-DK" sz="900" b="0" noProof="0" err="1"/>
              <a:t>computing</a:t>
            </a:r>
            <a:r>
              <a:rPr lang="da-DK" sz="900" b="0" noProof="0"/>
              <a:t>) for at træne og finjustere modeller uden afhængighed til </a:t>
            </a:r>
            <a:r>
              <a:rPr lang="da-DK" sz="900" b="0" noProof="0" err="1"/>
              <a:t>hyperscalers</a:t>
            </a:r>
            <a:r>
              <a:rPr lang="da-DK" sz="900" b="0" noProof="0"/>
              <a:t>.</a:t>
            </a:r>
          </a:p>
          <a:p>
            <a:pPr marL="171450" lvl="0" indent="-171450" defTabSz="914400" eaLnBrk="0" fontAlgn="base" hangingPunct="0">
              <a:spcBef>
                <a:spcPct val="0"/>
              </a:spcBef>
              <a:spcAft>
                <a:spcPct val="0"/>
              </a:spcAft>
              <a:buFont typeface="Wingdings" panose="05000000000000000000" pitchFamily="2" charset="2"/>
              <a:buChar char="Ø"/>
            </a:pPr>
            <a:r>
              <a:rPr lang="da-DK" sz="900" noProof="0" dirty="0">
                <a:solidFill>
                  <a:schemeClr val="tx1"/>
                </a:solidFill>
              </a:rPr>
              <a:t>Kompetencer</a:t>
            </a:r>
            <a:r>
              <a:rPr lang="da-DK" sz="900" b="0" noProof="0">
                <a:solidFill>
                  <a:schemeClr val="tx1"/>
                </a:solidFill>
              </a:rPr>
              <a:t>: Der er brug for AI-eksperter, dataingeniører og programmører til at udvikle, træne, evaluere og drifte sprogmodellen. </a:t>
            </a:r>
          </a:p>
          <a:p>
            <a:pPr marL="171450" indent="-171450">
              <a:spcAft>
                <a:spcPts val="300"/>
              </a:spcAft>
              <a:buFont typeface="Arial" panose="020B0604020202020204" pitchFamily="34" charset="0"/>
              <a:buChar char="•"/>
            </a:pPr>
            <a:endParaRPr lang="da-DK" sz="900" noProof="0">
              <a:solidFill>
                <a:schemeClr val="tx1"/>
              </a:solidFill>
            </a:endParaRPr>
          </a:p>
          <a:p>
            <a:pPr marL="171450" indent="-171450">
              <a:spcAft>
                <a:spcPts val="300"/>
              </a:spcAft>
              <a:buFont typeface="Arial" panose="020B0604020202020204" pitchFamily="34" charset="0"/>
              <a:buChar char="•"/>
            </a:pPr>
            <a:endParaRPr lang="da-DK" sz="900" b="0" noProof="0">
              <a:solidFill>
                <a:schemeClr val="tx1"/>
              </a:solidFill>
            </a:endParaRPr>
          </a:p>
        </p:txBody>
      </p:sp>
      <p:sp>
        <p:nvSpPr>
          <p:cNvPr id="115" name="Rectangle 114">
            <a:extLst>
              <a:ext uri="{FF2B5EF4-FFF2-40B4-BE49-F238E27FC236}">
                <a16:creationId xmlns:a16="http://schemas.microsoft.com/office/drawing/2014/main" id="{7A48E2D2-844A-BB90-45E8-F724FADCDAD7}"/>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endParaRPr lang="da-DK" sz="900" b="1" noProof="0">
              <a:solidFill>
                <a:schemeClr val="tx1"/>
              </a:solidFill>
            </a:endParaRPr>
          </a:p>
        </p:txBody>
      </p:sp>
      <p:cxnSp>
        <p:nvCxnSpPr>
          <p:cNvPr id="30" name="Straight Connector 29">
            <a:extLst>
              <a:ext uri="{FF2B5EF4-FFF2-40B4-BE49-F238E27FC236}">
                <a16:creationId xmlns:a16="http://schemas.microsoft.com/office/drawing/2014/main" id="{A190B0BE-B766-6D13-077C-D3E8594D42F3}"/>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19289FF6-1EB1-3E97-4DC7-7743956E496A}"/>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46" name="Rectangle 45">
            <a:extLst>
              <a:ext uri="{FF2B5EF4-FFF2-40B4-BE49-F238E27FC236}">
                <a16:creationId xmlns:a16="http://schemas.microsoft.com/office/drawing/2014/main" id="{C14F077F-C048-A034-956A-8E25A462A874}"/>
              </a:ext>
              <a:ext uri="{C183D7F6-B498-43B3-948B-1728B52AA6E4}">
                <adec:decorative xmlns:adec="http://schemas.microsoft.com/office/drawing/2017/decorative" val="1"/>
              </a:ext>
            </a:extLst>
          </p:cNvPr>
          <p:cNvSpPr>
            <a:spLocks/>
          </p:cNvSpPr>
          <p:nvPr/>
        </p:nvSpPr>
        <p:spPr>
          <a:xfrm>
            <a:off x="1064227" y="4482752"/>
            <a:ext cx="2073023" cy="1861969"/>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cxnSp>
        <p:nvCxnSpPr>
          <p:cNvPr id="65" name="Straight Connector 64">
            <a:extLst>
              <a:ext uri="{FF2B5EF4-FFF2-40B4-BE49-F238E27FC236}">
                <a16:creationId xmlns:a16="http://schemas.microsoft.com/office/drawing/2014/main" id="{6344F90D-CB10-BC59-01C4-3AE64BF054E5}"/>
              </a:ext>
              <a:ext uri="{C183D7F6-B498-43B3-948B-1728B52AA6E4}">
                <adec:decorative xmlns:adec="http://schemas.microsoft.com/office/drawing/2017/decorative" val="1"/>
              </a:ext>
            </a:extLst>
          </p:cNvPr>
          <p:cNvCxnSpPr>
            <a:cxnSpLocks/>
          </p:cNvCxnSpPr>
          <p:nvPr/>
        </p:nvCxnSpPr>
        <p:spPr>
          <a:xfrm>
            <a:off x="3408176" y="2122972"/>
            <a:ext cx="3493285" cy="16064"/>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79" name="Group 78">
            <a:extLst>
              <a:ext uri="{FF2B5EF4-FFF2-40B4-BE49-F238E27FC236}">
                <a16:creationId xmlns:a16="http://schemas.microsoft.com/office/drawing/2014/main" id="{3259247D-84DE-CC2D-D83E-DCD4C1D5C721}"/>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80" name="Rectangle 79">
              <a:extLst>
                <a:ext uri="{FF2B5EF4-FFF2-40B4-BE49-F238E27FC236}">
                  <a16:creationId xmlns:a16="http://schemas.microsoft.com/office/drawing/2014/main" id="{F5048677-17D5-EFEA-8489-BCACB598DB00}"/>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81" name="Rectangle 80">
              <a:extLst>
                <a:ext uri="{FF2B5EF4-FFF2-40B4-BE49-F238E27FC236}">
                  <a16:creationId xmlns:a16="http://schemas.microsoft.com/office/drawing/2014/main" id="{421E7AC0-3CEE-855E-E41C-BC816A8F3433}"/>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grpSp>
        <p:nvGrpSpPr>
          <p:cNvPr id="7" name="Gruppe 6" descr="Casen addresserer virkemidlerne risikobaseret styring af afhængigheder samt alternative løsninger">
            <a:extLst>
              <a:ext uri="{FF2B5EF4-FFF2-40B4-BE49-F238E27FC236}">
                <a16:creationId xmlns:a16="http://schemas.microsoft.com/office/drawing/2014/main" id="{85DD5DA6-6DC0-281F-DD37-FC65BF307EC4}"/>
              </a:ext>
            </a:extLst>
          </p:cNvPr>
          <p:cNvGrpSpPr/>
          <p:nvPr/>
        </p:nvGrpSpPr>
        <p:grpSpPr>
          <a:xfrm>
            <a:off x="9603525" y="1812067"/>
            <a:ext cx="2399666" cy="2088724"/>
            <a:chOff x="9603525" y="1812067"/>
            <a:chExt cx="2399666" cy="2088724"/>
          </a:xfrm>
        </p:grpSpPr>
        <p:sp>
          <p:nvSpPr>
            <p:cNvPr id="8" name="Content Placeholder 5">
              <a:extLst>
                <a:ext uri="{FF2B5EF4-FFF2-40B4-BE49-F238E27FC236}">
                  <a16:creationId xmlns:a16="http://schemas.microsoft.com/office/drawing/2014/main" id="{744D1EF6-5B58-5E0F-4CAC-9CE9B8C788D8}"/>
                </a:ext>
              </a:extLst>
            </p:cNvPr>
            <p:cNvSpPr txBox="1">
              <a:spLocks/>
            </p:cNvSpPr>
            <p:nvPr/>
          </p:nvSpPr>
          <p:spPr>
            <a:xfrm>
              <a:off x="9725863" y="1870757"/>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Virkemidler</a:t>
              </a:r>
            </a:p>
          </p:txBody>
        </p:sp>
        <p:sp>
          <p:nvSpPr>
            <p:cNvPr id="10" name="Rectangle: Rounded Corners 62">
              <a:extLst>
                <a:ext uri="{FF2B5EF4-FFF2-40B4-BE49-F238E27FC236}">
                  <a16:creationId xmlns:a16="http://schemas.microsoft.com/office/drawing/2014/main" id="{D86449BA-7388-1D93-3772-9ECD44C2CC66}"/>
                </a:ext>
              </a:extLst>
            </p:cNvPr>
            <p:cNvSpPr/>
            <p:nvPr/>
          </p:nvSpPr>
          <p:spPr>
            <a:xfrm>
              <a:off x="9603525" y="1812067"/>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dirty="0">
                <a:ln>
                  <a:noFill/>
                </a:ln>
                <a:solidFill>
                  <a:srgbClr val="A2B3C9"/>
                </a:solidFill>
                <a:effectLst/>
                <a:uLnTx/>
                <a:uFillTx/>
                <a:latin typeface="Arial" panose="020B0604020202020204"/>
                <a:ea typeface="+mn-ea"/>
                <a:cs typeface="+mn-cs"/>
              </a:endParaRPr>
            </a:p>
          </p:txBody>
        </p:sp>
        <p:sp>
          <p:nvSpPr>
            <p:cNvPr id="12" name="Rektangel: afrundede hjørner 10">
              <a:extLst>
                <a:ext uri="{FF2B5EF4-FFF2-40B4-BE49-F238E27FC236}">
                  <a16:creationId xmlns:a16="http://schemas.microsoft.com/office/drawing/2014/main" id="{1856865F-01DB-1326-DD06-DD36A7EC96B9}"/>
                </a:ext>
              </a:extLst>
            </p:cNvPr>
            <p:cNvSpPr>
              <a:spLocks/>
            </p:cNvSpPr>
            <p:nvPr/>
          </p:nvSpPr>
          <p:spPr>
            <a:xfrm>
              <a:off x="9715033" y="2160296"/>
              <a:ext cx="2190658" cy="252000"/>
            </a:xfrm>
            <a:prstGeom prst="roundRect">
              <a:avLst>
                <a:gd name="adj" fmla="val 5714"/>
              </a:avLst>
            </a:prstGeom>
            <a:solidFill>
              <a:srgbClr val="B7E5E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5" name="TextBox 4">
              <a:extLst>
                <a:ext uri="{FF2B5EF4-FFF2-40B4-BE49-F238E27FC236}">
                  <a16:creationId xmlns:a16="http://schemas.microsoft.com/office/drawing/2014/main" id="{45BB0D6B-C46F-AF90-15E0-1FCD4D420A37}"/>
                </a:ext>
              </a:extLst>
            </p:cNvPr>
            <p:cNvSpPr txBox="1">
              <a:spLocks/>
            </p:cNvSpPr>
            <p:nvPr/>
          </p:nvSpPr>
          <p:spPr>
            <a:xfrm>
              <a:off x="10013065" y="2171242"/>
              <a:ext cx="1955475" cy="230108"/>
            </a:xfrm>
            <a:prstGeom prst="rect">
              <a:avLst/>
            </a:prstGeom>
            <a:noFill/>
          </p:spPr>
          <p:txBody>
            <a:bodyPr wrap="square" lIns="0" rtlCol="0" anchor="ctr">
              <a:noAutofit/>
            </a:bodyPr>
            <a:lstStyle/>
            <a:p>
              <a:r>
                <a:rPr lang="da-DK" sz="700" noProof="0" dirty="0">
                  <a:solidFill>
                    <a:srgbClr val="024D78"/>
                  </a:solidFill>
                </a:rPr>
                <a:t>01 | Strategi og organisation</a:t>
              </a:r>
            </a:p>
          </p:txBody>
        </p:sp>
        <p:sp>
          <p:nvSpPr>
            <p:cNvPr id="16" name="Rektangel: afrundede hjørner 5">
              <a:extLst>
                <a:ext uri="{FF2B5EF4-FFF2-40B4-BE49-F238E27FC236}">
                  <a16:creationId xmlns:a16="http://schemas.microsoft.com/office/drawing/2014/main" id="{48A8C159-1642-3B57-D4BC-479D4E58C947}"/>
                </a:ext>
              </a:extLst>
            </p:cNvPr>
            <p:cNvSpPr>
              <a:spLocks/>
            </p:cNvSpPr>
            <p:nvPr/>
          </p:nvSpPr>
          <p:spPr>
            <a:xfrm>
              <a:off x="9714378" y="3208895"/>
              <a:ext cx="2190658" cy="252000"/>
            </a:xfrm>
            <a:prstGeom prst="roundRect">
              <a:avLst>
                <a:gd name="adj" fmla="val 5714"/>
              </a:avLst>
            </a:prstGeom>
            <a:solidFill>
              <a:srgbClr val="B7E5EE">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7" name="Rektangel: afrundede hjørner 9">
              <a:extLst>
                <a:ext uri="{FF2B5EF4-FFF2-40B4-BE49-F238E27FC236}">
                  <a16:creationId xmlns:a16="http://schemas.microsoft.com/office/drawing/2014/main" id="{3D275A6A-27EB-7ECF-E300-8FB8049C69DA}"/>
                </a:ext>
              </a:extLst>
            </p:cNvPr>
            <p:cNvSpPr>
              <a:spLocks/>
            </p:cNvSpPr>
            <p:nvPr/>
          </p:nvSpPr>
          <p:spPr>
            <a:xfrm>
              <a:off x="9715296" y="2860854"/>
              <a:ext cx="2190193" cy="252000"/>
            </a:xfrm>
            <a:prstGeom prst="roundRect">
              <a:avLst>
                <a:gd name="adj" fmla="val 5714"/>
              </a:avLst>
            </a:prstGeom>
            <a:solidFill>
              <a:srgbClr val="B7E5EE">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8" name="Rektangel: afrundede hjørner 39">
              <a:extLst>
                <a:ext uri="{FF2B5EF4-FFF2-40B4-BE49-F238E27FC236}">
                  <a16:creationId xmlns:a16="http://schemas.microsoft.com/office/drawing/2014/main" id="{BDD3B140-91E6-FA52-CB6F-95A190CD7F64}"/>
                </a:ext>
              </a:extLst>
            </p:cNvPr>
            <p:cNvSpPr>
              <a:spLocks/>
            </p:cNvSpPr>
            <p:nvPr/>
          </p:nvSpPr>
          <p:spPr>
            <a:xfrm>
              <a:off x="9714378" y="2489568"/>
              <a:ext cx="2190193" cy="252000"/>
            </a:xfrm>
            <a:prstGeom prst="roundRect">
              <a:avLst>
                <a:gd name="adj" fmla="val 5714"/>
              </a:avLst>
            </a:prstGeom>
            <a:solidFill>
              <a:srgbClr val="B7E5EE">
                <a:alpha val="75000"/>
              </a:srgbClr>
            </a:solidFill>
            <a:ln>
              <a:solidFill>
                <a:srgbClr val="165C8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9" name="Rektangel: afrundede hjørner 39">
              <a:extLst>
                <a:ext uri="{FF2B5EF4-FFF2-40B4-BE49-F238E27FC236}">
                  <a16:creationId xmlns:a16="http://schemas.microsoft.com/office/drawing/2014/main" id="{CABC3697-56D6-9B20-B6B6-C5F2D0C52993}"/>
                </a:ext>
              </a:extLst>
            </p:cNvPr>
            <p:cNvSpPr>
              <a:spLocks/>
            </p:cNvSpPr>
            <p:nvPr/>
          </p:nvSpPr>
          <p:spPr>
            <a:xfrm>
              <a:off x="9714843" y="3561413"/>
              <a:ext cx="2190193" cy="252000"/>
            </a:xfrm>
            <a:prstGeom prst="roundRect">
              <a:avLst>
                <a:gd name="adj" fmla="val 5714"/>
              </a:avLst>
            </a:prstGeom>
            <a:solidFill>
              <a:srgbClr val="B7E5EE">
                <a:alpha val="1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0" name="TextBox 4">
              <a:extLst>
                <a:ext uri="{FF2B5EF4-FFF2-40B4-BE49-F238E27FC236}">
                  <a16:creationId xmlns:a16="http://schemas.microsoft.com/office/drawing/2014/main" id="{B9CE4599-2181-0D42-AE01-D51CAD23086F}"/>
                </a:ext>
              </a:extLst>
            </p:cNvPr>
            <p:cNvSpPr txBox="1">
              <a:spLocks/>
            </p:cNvSpPr>
            <p:nvPr/>
          </p:nvSpPr>
          <p:spPr>
            <a:xfrm>
              <a:off x="10012600" y="3219841"/>
              <a:ext cx="1955475" cy="230108"/>
            </a:xfrm>
            <a:prstGeom prst="rect">
              <a:avLst/>
            </a:prstGeom>
            <a:noFill/>
          </p:spPr>
          <p:txBody>
            <a:bodyPr wrap="square" lIns="0" rtlCol="0" anchor="ctr">
              <a:noAutofit/>
            </a:bodyPr>
            <a:lstStyle/>
            <a:p>
              <a:r>
                <a:rPr lang="da-DK" sz="700" noProof="0" dirty="0">
                  <a:solidFill>
                    <a:srgbClr val="024D78"/>
                  </a:solidFill>
                </a:rPr>
                <a:t>04 | Indkøb, krav og leverandørsamarbejde</a:t>
              </a:r>
            </a:p>
          </p:txBody>
        </p:sp>
        <p:sp>
          <p:nvSpPr>
            <p:cNvPr id="21" name="TextBox 4">
              <a:extLst>
                <a:ext uri="{FF2B5EF4-FFF2-40B4-BE49-F238E27FC236}">
                  <a16:creationId xmlns:a16="http://schemas.microsoft.com/office/drawing/2014/main" id="{D85CA4B6-462E-6AB8-8B7B-C56AD4811D50}"/>
                </a:ext>
              </a:extLst>
            </p:cNvPr>
            <p:cNvSpPr txBox="1">
              <a:spLocks/>
            </p:cNvSpPr>
            <p:nvPr/>
          </p:nvSpPr>
          <p:spPr>
            <a:xfrm>
              <a:off x="10013065" y="2871800"/>
              <a:ext cx="1955475" cy="230108"/>
            </a:xfrm>
            <a:prstGeom prst="rect">
              <a:avLst/>
            </a:prstGeom>
            <a:noFill/>
          </p:spPr>
          <p:txBody>
            <a:bodyPr wrap="square" lIns="0" rtlCol="0" anchor="ctr">
              <a:noAutofit/>
            </a:bodyPr>
            <a:lstStyle/>
            <a:p>
              <a:r>
                <a:rPr lang="da-DK" sz="700" noProof="0" dirty="0">
                  <a:solidFill>
                    <a:srgbClr val="024D78"/>
                  </a:solidFill>
                </a:rPr>
                <a:t>03 | Arkitektur og åbne standarder</a:t>
              </a:r>
            </a:p>
          </p:txBody>
        </p:sp>
        <p:sp>
          <p:nvSpPr>
            <p:cNvPr id="24" name="TextBox 4">
              <a:extLst>
                <a:ext uri="{FF2B5EF4-FFF2-40B4-BE49-F238E27FC236}">
                  <a16:creationId xmlns:a16="http://schemas.microsoft.com/office/drawing/2014/main" id="{DE9913D0-F656-6436-7138-C8ADCE6456C1}"/>
                </a:ext>
              </a:extLst>
            </p:cNvPr>
            <p:cNvSpPr txBox="1">
              <a:spLocks/>
            </p:cNvSpPr>
            <p:nvPr/>
          </p:nvSpPr>
          <p:spPr>
            <a:xfrm>
              <a:off x="10012147" y="2500514"/>
              <a:ext cx="1955475" cy="230108"/>
            </a:xfrm>
            <a:prstGeom prst="rect">
              <a:avLst/>
            </a:prstGeom>
            <a:noFill/>
          </p:spPr>
          <p:txBody>
            <a:bodyPr wrap="square" lIns="0" rtlCol="0" anchor="ctr">
              <a:noAutofit/>
            </a:bodyPr>
            <a:lstStyle/>
            <a:p>
              <a:r>
                <a:rPr lang="da-DK" sz="700" b="1" noProof="0" dirty="0">
                  <a:solidFill>
                    <a:srgbClr val="024D78"/>
                  </a:solidFill>
                </a:rPr>
                <a:t>02 | Risikobaseret styring af afhængigheder</a:t>
              </a:r>
            </a:p>
          </p:txBody>
        </p:sp>
        <p:sp>
          <p:nvSpPr>
            <p:cNvPr id="26" name="TextBox 4">
              <a:extLst>
                <a:ext uri="{FF2B5EF4-FFF2-40B4-BE49-F238E27FC236}">
                  <a16:creationId xmlns:a16="http://schemas.microsoft.com/office/drawing/2014/main" id="{9487D394-21B9-18F8-1ECB-D2FA7FE7820F}"/>
                </a:ext>
              </a:extLst>
            </p:cNvPr>
            <p:cNvSpPr txBox="1">
              <a:spLocks/>
            </p:cNvSpPr>
            <p:nvPr/>
          </p:nvSpPr>
          <p:spPr>
            <a:xfrm>
              <a:off x="10013065" y="3572359"/>
              <a:ext cx="1955475" cy="230108"/>
            </a:xfrm>
            <a:prstGeom prst="rect">
              <a:avLst/>
            </a:prstGeom>
            <a:noFill/>
          </p:spPr>
          <p:txBody>
            <a:bodyPr wrap="square" lIns="0" rtlCol="0" anchor="ctr">
              <a:noAutofit/>
            </a:bodyPr>
            <a:lstStyle/>
            <a:p>
              <a:r>
                <a:rPr lang="da-DK" sz="700" b="1" noProof="0" dirty="0">
                  <a:solidFill>
                    <a:srgbClr val="024D78"/>
                  </a:solidFill>
                </a:rPr>
                <a:t>05 | Alternative løsninger</a:t>
              </a:r>
            </a:p>
          </p:txBody>
        </p:sp>
        <p:sp>
          <p:nvSpPr>
            <p:cNvPr id="28" name="Freeform 7">
              <a:extLst>
                <a:ext uri="{FF2B5EF4-FFF2-40B4-BE49-F238E27FC236}">
                  <a16:creationId xmlns:a16="http://schemas.microsoft.com/office/drawing/2014/main" id="{34EF8C30-CDDD-294B-1EF9-35C2B8B23951}"/>
                </a:ext>
              </a:extLst>
            </p:cNvPr>
            <p:cNvSpPr>
              <a:spLocks noEditPoints="1"/>
            </p:cNvSpPr>
            <p:nvPr/>
          </p:nvSpPr>
          <p:spPr bwMode="auto">
            <a:xfrm>
              <a:off x="9787104" y="3249608"/>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33" name="Group 18">
              <a:extLst>
                <a:ext uri="{FF2B5EF4-FFF2-40B4-BE49-F238E27FC236}">
                  <a16:creationId xmlns:a16="http://schemas.microsoft.com/office/drawing/2014/main" id="{7D3B11D1-9975-5BF1-C941-40B8FD8B5312}"/>
                </a:ext>
              </a:extLst>
            </p:cNvPr>
            <p:cNvGrpSpPr/>
            <p:nvPr/>
          </p:nvGrpSpPr>
          <p:grpSpPr>
            <a:xfrm>
              <a:off x="9779042" y="2912075"/>
              <a:ext cx="193946" cy="152578"/>
              <a:chOff x="8675444" y="2927353"/>
              <a:chExt cx="573087" cy="450850"/>
            </a:xfrm>
            <a:solidFill>
              <a:srgbClr val="024D78"/>
            </a:solidFill>
          </p:grpSpPr>
          <p:sp>
            <p:nvSpPr>
              <p:cNvPr id="83" name="Freeform 257">
                <a:extLst>
                  <a:ext uri="{FF2B5EF4-FFF2-40B4-BE49-F238E27FC236}">
                    <a16:creationId xmlns:a16="http://schemas.microsoft.com/office/drawing/2014/main" id="{5DE0BC36-D3AD-22C0-985A-82B41E517072}"/>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84" name="Freeform 258">
                <a:extLst>
                  <a:ext uri="{FF2B5EF4-FFF2-40B4-BE49-F238E27FC236}">
                    <a16:creationId xmlns:a16="http://schemas.microsoft.com/office/drawing/2014/main" id="{20FECF74-F98B-C102-E5B4-11C416298DF4}"/>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85" name="Freeform 259">
                <a:extLst>
                  <a:ext uri="{FF2B5EF4-FFF2-40B4-BE49-F238E27FC236}">
                    <a16:creationId xmlns:a16="http://schemas.microsoft.com/office/drawing/2014/main" id="{9CD21A4E-368E-614C-EDE9-B89ECD608F49}"/>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34" name="Group 22">
              <a:extLst>
                <a:ext uri="{FF2B5EF4-FFF2-40B4-BE49-F238E27FC236}">
                  <a16:creationId xmlns:a16="http://schemas.microsoft.com/office/drawing/2014/main" id="{8D24EFC1-FFA5-CEE0-CB21-6ABDF79953C2}"/>
                </a:ext>
              </a:extLst>
            </p:cNvPr>
            <p:cNvGrpSpPr/>
            <p:nvPr/>
          </p:nvGrpSpPr>
          <p:grpSpPr>
            <a:xfrm>
              <a:off x="9785703" y="2518430"/>
              <a:ext cx="178788" cy="179199"/>
              <a:chOff x="8695953" y="3768979"/>
              <a:chExt cx="531804" cy="533027"/>
            </a:xfrm>
            <a:solidFill>
              <a:srgbClr val="024D78"/>
            </a:solidFill>
          </p:grpSpPr>
          <p:sp>
            <p:nvSpPr>
              <p:cNvPr id="54" name="Freeform 291">
                <a:extLst>
                  <a:ext uri="{FF2B5EF4-FFF2-40B4-BE49-F238E27FC236}">
                    <a16:creationId xmlns:a16="http://schemas.microsoft.com/office/drawing/2014/main" id="{DA34EB54-46D9-776A-9689-89DA5846BE94}"/>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61" name="Freeform 292">
                <a:extLst>
                  <a:ext uri="{FF2B5EF4-FFF2-40B4-BE49-F238E27FC236}">
                    <a16:creationId xmlns:a16="http://schemas.microsoft.com/office/drawing/2014/main" id="{663B3A56-E27B-672B-364D-4D9A6E6F26ED}"/>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82" name="Freeform 293">
                <a:extLst>
                  <a:ext uri="{FF2B5EF4-FFF2-40B4-BE49-F238E27FC236}">
                    <a16:creationId xmlns:a16="http://schemas.microsoft.com/office/drawing/2014/main" id="{23C4DA47-000D-5BF0-04CD-8F2E3EC684F2}"/>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35" name="Freeform 25">
              <a:extLst>
                <a:ext uri="{FF2B5EF4-FFF2-40B4-BE49-F238E27FC236}">
                  <a16:creationId xmlns:a16="http://schemas.microsoft.com/office/drawing/2014/main" id="{E9E64B1C-7E90-552B-726B-5F7F3570D1BE}"/>
                </a:ext>
              </a:extLst>
            </p:cNvPr>
            <p:cNvSpPr>
              <a:spLocks noEditPoints="1"/>
            </p:cNvSpPr>
            <p:nvPr/>
          </p:nvSpPr>
          <p:spPr bwMode="auto">
            <a:xfrm>
              <a:off x="9770631" y="3593353"/>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36" name="Freeform 17">
              <a:extLst>
                <a:ext uri="{FF2B5EF4-FFF2-40B4-BE49-F238E27FC236}">
                  <a16:creationId xmlns:a16="http://schemas.microsoft.com/office/drawing/2014/main" id="{F137FD8D-4E9F-DCE2-833B-299B3D0B8864}"/>
                </a:ext>
              </a:extLst>
            </p:cNvPr>
            <p:cNvSpPr>
              <a:spLocks noEditPoints="1"/>
            </p:cNvSpPr>
            <p:nvPr/>
          </p:nvSpPr>
          <p:spPr bwMode="auto">
            <a:xfrm>
              <a:off x="9786544" y="2197020"/>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sp>
          <p:nvSpPr>
            <p:cNvPr id="37" name="Rectangle 26">
              <a:extLst>
                <a:ext uri="{FF2B5EF4-FFF2-40B4-BE49-F238E27FC236}">
                  <a16:creationId xmlns:a16="http://schemas.microsoft.com/office/drawing/2014/main" id="{F43C5825-3A34-796B-54EE-AE258A56A713}"/>
                </a:ext>
              </a:extLst>
            </p:cNvPr>
            <p:cNvSpPr>
              <a:spLocks/>
            </p:cNvSpPr>
            <p:nvPr/>
          </p:nvSpPr>
          <p:spPr>
            <a:xfrm>
              <a:off x="9660370" y="2132086"/>
              <a:ext cx="2265245" cy="30783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cxnSp>
          <p:nvCxnSpPr>
            <p:cNvPr id="38" name="Straight Connector 64">
              <a:extLst>
                <a:ext uri="{FF2B5EF4-FFF2-40B4-BE49-F238E27FC236}">
                  <a16:creationId xmlns:a16="http://schemas.microsoft.com/office/drawing/2014/main" id="{AAA95F2C-D4F6-01CF-B512-7505ED2DA0F8}"/>
                </a:ext>
              </a:extLst>
            </p:cNvPr>
            <p:cNvCxnSpPr>
              <a:cxnSpLocks/>
            </p:cNvCxnSpPr>
            <p:nvPr/>
          </p:nvCxnSpPr>
          <p:spPr>
            <a:xfrm>
              <a:off x="9714378" y="2122972"/>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 name="Rectangle 26">
              <a:extLst>
                <a:ext uri="{FF2B5EF4-FFF2-40B4-BE49-F238E27FC236}">
                  <a16:creationId xmlns:a16="http://schemas.microsoft.com/office/drawing/2014/main" id="{5ACE689B-FD5D-FF78-B3D2-D053D8E5ED90}"/>
                </a:ext>
              </a:extLst>
            </p:cNvPr>
            <p:cNvSpPr>
              <a:spLocks/>
            </p:cNvSpPr>
            <p:nvPr/>
          </p:nvSpPr>
          <p:spPr>
            <a:xfrm>
              <a:off x="9660370" y="2824094"/>
              <a:ext cx="2265245" cy="669759"/>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grpSp>
      <p:sp>
        <p:nvSpPr>
          <p:cNvPr id="29" name="Content Placeholder 5">
            <a:extLst>
              <a:ext uri="{FF2B5EF4-FFF2-40B4-BE49-F238E27FC236}">
                <a16:creationId xmlns:a16="http://schemas.microsoft.com/office/drawing/2014/main" id="{61311F0F-55C7-6873-F2AA-E4E4046905BE}"/>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Nøgleerfaringer og </a:t>
            </a:r>
            <a:r>
              <a:rPr lang="da-DK" sz="1100" noProof="0" err="1">
                <a:solidFill>
                  <a:srgbClr val="36465A"/>
                </a:solidFill>
              </a:rPr>
              <a:t>læringer</a:t>
            </a:r>
            <a:endParaRPr lang="da-DK" sz="1100" noProof="0">
              <a:solidFill>
                <a:srgbClr val="36465A"/>
              </a:solidFill>
            </a:endParaRPr>
          </a:p>
        </p:txBody>
      </p:sp>
      <p:sp>
        <p:nvSpPr>
          <p:cNvPr id="32" name="Content Placeholder 5">
            <a:extLst>
              <a:ext uri="{FF2B5EF4-FFF2-40B4-BE49-F238E27FC236}">
                <a16:creationId xmlns:a16="http://schemas.microsoft.com/office/drawing/2014/main" id="{401D3596-622F-51D7-D074-BAC175913B68}"/>
              </a:ext>
            </a:extLst>
          </p:cNvPr>
          <p:cNvSpPr txBox="1">
            <a:spLocks/>
          </p:cNvSpPr>
          <p:nvPr/>
        </p:nvSpPr>
        <p:spPr>
          <a:xfrm>
            <a:off x="9682482" y="4322108"/>
            <a:ext cx="2243133" cy="202682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ct val="0"/>
              </a:spcAft>
              <a:buFont typeface="Wingdings" panose="05000000000000000000" pitchFamily="2" charset="2"/>
              <a:buChar char="ü"/>
            </a:pPr>
            <a:r>
              <a:rPr lang="da-DK" sz="900" noProof="0"/>
              <a:t>Politisk forankring, investeringsvillighed og samarbejde med private aktører er afgørende</a:t>
            </a:r>
            <a:br>
              <a:rPr lang="da-DK" sz="900" noProof="0"/>
            </a:br>
            <a:r>
              <a:rPr lang="da-DK" sz="900" b="0" noProof="0"/>
              <a:t>Central opbakning og finansiering fra Økonomiministeriet samt etablering af konsortier til AI-udvikling, dataindsamling og test af løsning muliggjorde strategien.</a:t>
            </a:r>
            <a:endParaRPr lang="da-DK" sz="900" noProof="0"/>
          </a:p>
          <a:p>
            <a:pPr marL="171450" indent="-171450" defTabSz="914400" eaLnBrk="0" fontAlgn="base" hangingPunct="0">
              <a:spcBef>
                <a:spcPct val="0"/>
              </a:spcBef>
              <a:spcAft>
                <a:spcPct val="0"/>
              </a:spcAft>
              <a:buFont typeface="Wingdings" panose="05000000000000000000" pitchFamily="2" charset="2"/>
              <a:buChar char="ü"/>
            </a:pPr>
            <a:r>
              <a:rPr lang="da-DK" sz="900" noProof="0"/>
              <a:t>AI handler ikke kun om innovation og effektivitet – men også om etik, tillid og digital suverænitet</a:t>
            </a:r>
            <a:br>
              <a:rPr lang="da-DK" sz="900" noProof="0"/>
            </a:br>
            <a:r>
              <a:rPr lang="da-DK" sz="900" b="0" noProof="0"/>
              <a:t>Teknologiske fremskridt skal balanceres med klare principper for ansvarlig brug af data, etisk anvendelse af AI og gennemsigtighed, for at skabe langsigtet værdi og opretholde offentlig tillid.</a:t>
            </a:r>
          </a:p>
          <a:p>
            <a:pPr marL="171450" indent="-171450" defTabSz="914400" eaLnBrk="0" fontAlgn="base" hangingPunct="0">
              <a:spcBef>
                <a:spcPct val="0"/>
              </a:spcBef>
              <a:spcAft>
                <a:spcPct val="0"/>
              </a:spcAft>
              <a:buFont typeface="Wingdings" panose="05000000000000000000" pitchFamily="2" charset="2"/>
              <a:buChar char="ü"/>
            </a:pPr>
            <a:endParaRPr lang="da-DK" sz="900" b="0" noProof="0">
              <a:solidFill>
                <a:srgbClr val="36465A"/>
              </a:solidFill>
              <a:highlight>
                <a:srgbClr val="FFFF00"/>
              </a:highlight>
            </a:endParaRPr>
          </a:p>
          <a:p>
            <a:pPr defTabSz="914400" eaLnBrk="0" fontAlgn="base" hangingPunct="0">
              <a:spcBef>
                <a:spcPct val="0"/>
              </a:spcBef>
              <a:spcAft>
                <a:spcPct val="0"/>
              </a:spcAft>
            </a:pPr>
            <a:endParaRPr lang="da-DK" sz="900" b="0" noProof="0">
              <a:solidFill>
                <a:srgbClr val="36465A"/>
              </a:solidFill>
              <a:highlight>
                <a:srgbClr val="FFFF00"/>
              </a:highlight>
            </a:endParaRPr>
          </a:p>
          <a:p>
            <a:pPr marL="171450" lvl="0" indent="-171450" defTabSz="914400" eaLnBrk="0" fontAlgn="base" hangingPunct="0">
              <a:spcBef>
                <a:spcPct val="0"/>
              </a:spcBef>
              <a:spcAft>
                <a:spcPct val="0"/>
              </a:spcAft>
              <a:buFont typeface="Wingdings" panose="05000000000000000000" pitchFamily="2" charset="2"/>
              <a:buChar char="ü"/>
            </a:pPr>
            <a:endParaRPr lang="da-DK" sz="900" noProof="0"/>
          </a:p>
          <a:p>
            <a:pPr marL="171450" indent="-171450">
              <a:spcAft>
                <a:spcPts val="300"/>
              </a:spcAft>
              <a:buFont typeface="Arial" panose="020B0604020202020204" pitchFamily="34" charset="0"/>
              <a:buChar char="•"/>
            </a:pPr>
            <a:endParaRPr lang="da-DK" sz="900" noProof="0">
              <a:solidFill>
                <a:schemeClr val="tx1"/>
              </a:solidFill>
            </a:endParaRPr>
          </a:p>
          <a:p>
            <a:pPr marL="171450" indent="-171450">
              <a:spcAft>
                <a:spcPts val="300"/>
              </a:spcAft>
              <a:buFont typeface="Arial" panose="020B0604020202020204" pitchFamily="34" charset="0"/>
              <a:buChar char="•"/>
            </a:pPr>
            <a:endParaRPr lang="da-DK" sz="900" b="0" noProof="0">
              <a:solidFill>
                <a:schemeClr val="tx1"/>
              </a:solidFill>
            </a:endParaRPr>
          </a:p>
        </p:txBody>
      </p:sp>
      <p:sp>
        <p:nvSpPr>
          <p:cNvPr id="27" name="Content Placeholder 5">
            <a:extLst>
              <a:ext uri="{FF2B5EF4-FFF2-40B4-BE49-F238E27FC236}">
                <a16:creationId xmlns:a16="http://schemas.microsoft.com/office/drawing/2014/main" id="{CC5927BF-C426-570D-E79A-C274504446F2}"/>
              </a:ext>
            </a:extLst>
          </p:cNvPr>
          <p:cNvSpPr txBox="1">
            <a:spLocks/>
          </p:cNvSpPr>
          <p:nvPr/>
        </p:nvSpPr>
        <p:spPr>
          <a:xfrm>
            <a:off x="512975" y="6417217"/>
            <a:ext cx="11509488" cy="290179"/>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defTabSz="914400" eaLnBrk="0" fontAlgn="base" hangingPunct="0">
              <a:spcBef>
                <a:spcPct val="0"/>
              </a:spcBef>
              <a:spcAft>
                <a:spcPct val="0"/>
              </a:spcAft>
            </a:pPr>
            <a:r>
              <a:rPr lang="da-DK" sz="700" b="0" i="1" noProof="0">
                <a:solidFill>
                  <a:schemeClr val="tx1"/>
                </a:solidFill>
              </a:rPr>
              <a:t>*Ministeriet for Økonomiske Anliggender og Klima har ansvar for økonomisk politik, energi, klima og digitalisering.**Den nationale erhvervsstyrelse administrerer tilskud, innovation og bæredygtighedsprogrammer for virksomheder og organisationer, TNO er et Uafhængigt forskningsinstitut, SURF er Nationalt samarbejde for IT-infrastruktur til forskning og uddannelse, NFI Statens kriminaltekniske institut og Dutch AI </a:t>
            </a:r>
            <a:r>
              <a:rPr lang="da-DK" sz="700" b="0" i="1" noProof="0" dirty="0" err="1">
                <a:solidFill>
                  <a:schemeClr val="tx1"/>
                </a:solidFill>
              </a:rPr>
              <a:t>Coalition</a:t>
            </a:r>
            <a:r>
              <a:rPr lang="da-DK" sz="700" b="0" i="1" noProof="0">
                <a:solidFill>
                  <a:schemeClr val="tx1"/>
                </a:solidFill>
              </a:rPr>
              <a:t> Netværk af virksomheder, myndigheder og forskningsinstitutioner.</a:t>
            </a:r>
          </a:p>
          <a:p>
            <a:pPr lvl="0" defTabSz="914400" eaLnBrk="0" fontAlgn="base" hangingPunct="0">
              <a:spcBef>
                <a:spcPct val="0"/>
              </a:spcBef>
              <a:spcAft>
                <a:spcPct val="0"/>
              </a:spcAft>
            </a:pPr>
            <a:endParaRPr lang="da-DK" sz="700" b="0" i="1" noProof="0">
              <a:solidFill>
                <a:schemeClr val="tx1"/>
              </a:solidFill>
              <a:highlight>
                <a:srgbClr val="FFFF00"/>
              </a:highlight>
            </a:endParaRPr>
          </a:p>
        </p:txBody>
      </p:sp>
    </p:spTree>
    <p:extLst>
      <p:ext uri="{BB962C8B-B14F-4D97-AF65-F5344CB8AC3E}">
        <p14:creationId xmlns:p14="http://schemas.microsoft.com/office/powerpoint/2010/main" val="1953289807"/>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A60BE55-786C-6F93-30E4-04B69BB56701}"/>
            </a:ext>
          </a:extLst>
        </p:cNvPr>
        <p:cNvGrpSpPr/>
        <p:nvPr/>
      </p:nvGrpSpPr>
      <p:grpSpPr>
        <a:xfrm>
          <a:off x="0" y="0"/>
          <a:ext cx="0" cy="0"/>
          <a:chOff x="0" y="0"/>
          <a:chExt cx="0" cy="0"/>
        </a:xfrm>
      </p:grpSpPr>
      <p:sp>
        <p:nvSpPr>
          <p:cNvPr id="34" name="Rectangle: Rounded Corners 33">
            <a:extLst>
              <a:ext uri="{FF2B5EF4-FFF2-40B4-BE49-F238E27FC236}">
                <a16:creationId xmlns:a16="http://schemas.microsoft.com/office/drawing/2014/main" id="{AEA8149C-FB45-E0F2-D707-C4E10F192E8A}"/>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5 | </a:t>
            </a:r>
            <a:r>
              <a:rPr lang="da-DK" sz="1600" b="1" noProof="0" dirty="0">
                <a:solidFill>
                  <a:srgbClr val="36465A"/>
                </a:solidFill>
                <a:sym typeface="Wingdings" panose="05000000000000000000" pitchFamily="2" charset="2"/>
              </a:rPr>
              <a:t>National og suveræn AI-</a:t>
            </a:r>
            <a:r>
              <a:rPr lang="da-DK" sz="1600" b="1" noProof="0" dirty="0" err="1">
                <a:solidFill>
                  <a:srgbClr val="36465A"/>
                </a:solidFill>
                <a:sym typeface="Wingdings" panose="05000000000000000000" pitchFamily="2" charset="2"/>
              </a:rPr>
              <a:t>chatbot</a:t>
            </a:r>
            <a:r>
              <a:rPr lang="da-DK" sz="1600" b="1" noProof="0" dirty="0">
                <a:solidFill>
                  <a:srgbClr val="36465A"/>
                </a:solidFill>
                <a:sym typeface="Wingdings" panose="05000000000000000000" pitchFamily="2" charset="2"/>
              </a:rPr>
              <a:t> i Holland</a:t>
            </a:r>
            <a:endParaRPr lang="da-DK" sz="1600" b="1" noProof="0" dirty="0">
              <a:solidFill>
                <a:srgbClr val="36465A"/>
              </a:solidFill>
            </a:endParaRPr>
          </a:p>
        </p:txBody>
      </p:sp>
      <p:pic>
        <p:nvPicPr>
          <p:cNvPr id="38" name="Picture 2">
            <a:extLst>
              <a:ext uri="{FF2B5EF4-FFF2-40B4-BE49-F238E27FC236}">
                <a16:creationId xmlns:a16="http://schemas.microsoft.com/office/drawing/2014/main" id="{5CB77968-F02E-8D23-5CA0-5A661CB63519}"/>
              </a:ext>
              <a:ext uri="{C183D7F6-B498-43B3-948B-1728B52AA6E4}">
                <adec:decorative xmlns:adec="http://schemas.microsoft.com/office/drawing/2017/decorative" val="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181693" y="203234"/>
            <a:ext cx="1840770" cy="1092957"/>
          </a:xfrm>
          <a:prstGeom prst="rect">
            <a:avLst/>
          </a:prstGeom>
          <a:noFill/>
          <a:extLst>
            <a:ext uri="{909E8E84-426E-40DD-AFC4-6F175D3DCCD1}">
              <a14:hiddenFill xmlns:a14="http://schemas.microsoft.com/office/drawing/2010/main">
                <a:solidFill>
                  <a:srgbClr val="FFFFFF"/>
                </a:solidFill>
              </a14:hiddenFill>
            </a:ext>
          </a:extLst>
        </p:spPr>
      </p:pic>
      <p:sp>
        <p:nvSpPr>
          <p:cNvPr id="24" name="Rectangle: Rounded Corners 23">
            <a:extLst>
              <a:ext uri="{FF2B5EF4-FFF2-40B4-BE49-F238E27FC236}">
                <a16:creationId xmlns:a16="http://schemas.microsoft.com/office/drawing/2014/main" id="{E37B521D-1F67-BF4F-F19B-A223B07F40E5}"/>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 name="Title 1">
            <a:extLst>
              <a:ext uri="{FF2B5EF4-FFF2-40B4-BE49-F238E27FC236}">
                <a16:creationId xmlns:a16="http://schemas.microsoft.com/office/drawing/2014/main" id="{031C880F-72B6-333E-091F-BA6FD29C9823}"/>
              </a:ext>
            </a:extLst>
          </p:cNvPr>
          <p:cNvSpPr>
            <a:spLocks noGrp="1"/>
          </p:cNvSpPr>
          <p:nvPr>
            <p:ph type="title"/>
          </p:nvPr>
        </p:nvSpPr>
        <p:spPr/>
        <p:txBody>
          <a:bodyPr/>
          <a:lstStyle/>
          <a:p>
            <a:r>
              <a:rPr lang="da-DK" sz="2200" noProof="0" dirty="0"/>
              <a:t>Side 2/3 | </a:t>
            </a:r>
            <a:r>
              <a:rPr lang="da-DK" sz="2200" b="1" noProof="0" dirty="0"/>
              <a:t>Formål, baggrund og kontekst</a:t>
            </a:r>
            <a:endParaRPr lang="da-DK" sz="2200" noProof="0" dirty="0"/>
          </a:p>
        </p:txBody>
      </p:sp>
      <p:sp>
        <p:nvSpPr>
          <p:cNvPr id="10" name="Rectangle: Rounded Corners 9">
            <a:extLst>
              <a:ext uri="{FF2B5EF4-FFF2-40B4-BE49-F238E27FC236}">
                <a16:creationId xmlns:a16="http://schemas.microsoft.com/office/drawing/2014/main" id="{643E9B1E-695C-86AC-DC29-5E79CC614F19}"/>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Formål og strategi</a:t>
            </a:r>
            <a:endParaRPr lang="da-DK" sz="1000" b="1" noProof="0">
              <a:solidFill>
                <a:srgbClr val="36465A"/>
              </a:solidFill>
            </a:endParaRPr>
          </a:p>
        </p:txBody>
      </p:sp>
      <p:sp>
        <p:nvSpPr>
          <p:cNvPr id="3" name="Rectangle 2">
            <a:extLst>
              <a:ext uri="{FF2B5EF4-FFF2-40B4-BE49-F238E27FC236}">
                <a16:creationId xmlns:a16="http://schemas.microsoft.com/office/drawing/2014/main" id="{2F473C0F-8055-B475-8E71-7691E9628184}"/>
              </a:ext>
            </a:extLst>
          </p:cNvPr>
          <p:cNvSpPr/>
          <p:nvPr/>
        </p:nvSpPr>
        <p:spPr>
          <a:xfrm>
            <a:off x="537952" y="2069025"/>
            <a:ext cx="3043448" cy="446342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Formål</a:t>
            </a:r>
          </a:p>
          <a:p>
            <a:r>
              <a:rPr lang="da-DK" sz="900" noProof="0">
                <a:solidFill>
                  <a:schemeClr val="tx1"/>
                </a:solidFill>
              </a:rPr>
              <a:t>At skabe en nationalt kontrolleret, åben sprogmodel (GPT-NL) som styrker digital suverænitet og sikrer, at AI-løsninger udvikles i overensstemmelse med europæiske værdier*. </a:t>
            </a:r>
          </a:p>
          <a:p>
            <a:endParaRPr lang="da-DK" sz="900" noProof="0">
              <a:solidFill>
                <a:schemeClr val="tx1"/>
              </a:solidFill>
            </a:endParaRPr>
          </a:p>
          <a:p>
            <a:r>
              <a:rPr lang="da-DK" sz="900" noProof="0">
                <a:solidFill>
                  <a:schemeClr val="tx1"/>
                </a:solidFill>
              </a:rPr>
              <a:t>Projektet skal give samfundet, herunder offentlige myndigheder, forskningsinstitutioner og industri, mulighed for at tilgå viden og anvende AI-løsninger, der respekterer privatliv og dataejerskab og understøtter EU’s AI </a:t>
            </a:r>
            <a:r>
              <a:rPr lang="da-DK" sz="900" noProof="0" err="1">
                <a:solidFill>
                  <a:schemeClr val="tx1"/>
                </a:solidFill>
              </a:rPr>
              <a:t>Act</a:t>
            </a:r>
            <a:r>
              <a:rPr lang="da-DK" sz="900" noProof="0">
                <a:solidFill>
                  <a:schemeClr val="tx1"/>
                </a:solidFill>
              </a:rPr>
              <a:t> samt etiske retningslinjer.</a:t>
            </a:r>
          </a:p>
          <a:p>
            <a:endParaRPr lang="da-DK" sz="900" noProof="0">
              <a:solidFill>
                <a:schemeClr val="tx1"/>
              </a:solidFill>
            </a:endParaRPr>
          </a:p>
          <a:p>
            <a:r>
              <a:rPr lang="da-DK" sz="900" noProof="0">
                <a:solidFill>
                  <a:schemeClr val="tx1"/>
                </a:solidFill>
              </a:rPr>
              <a:t>GPT-NL etableres som en open source reference-model for hollandsk sprog med en licensstruktur, der muliggør både akademisk, offentlig og kommerciel anvendelse. </a:t>
            </a:r>
          </a:p>
          <a:p>
            <a:endParaRPr lang="da-DK" sz="900" noProof="0">
              <a:solidFill>
                <a:schemeClr val="tx1"/>
              </a:solidFill>
            </a:endParaRPr>
          </a:p>
          <a:p>
            <a:r>
              <a:rPr lang="da-DK" sz="900" noProof="0">
                <a:solidFill>
                  <a:schemeClr val="tx1"/>
                </a:solidFill>
              </a:rPr>
              <a:t>Modellen skal være teknisk konkurrencedygtig med internationale alternativer (fx LLaMA2 og GPT-3) og trænes på 350+ mia. </a:t>
            </a:r>
            <a:r>
              <a:rPr lang="da-DK" sz="900" noProof="0" dirty="0" err="1">
                <a:solidFill>
                  <a:schemeClr val="tx1"/>
                </a:solidFill>
              </a:rPr>
              <a:t>t</a:t>
            </a:r>
            <a:r>
              <a:rPr lang="da-DK" sz="900" noProof="0" err="1">
                <a:solidFill>
                  <a:schemeClr val="tx1"/>
                </a:solidFill>
              </a:rPr>
              <a:t>okens</a:t>
            </a:r>
            <a:r>
              <a:rPr lang="da-DK" sz="900" noProof="0">
                <a:solidFill>
                  <a:schemeClr val="tx1"/>
                </a:solidFill>
              </a:rPr>
              <a:t>**</a:t>
            </a:r>
            <a:r>
              <a:rPr lang="da-DK" sz="900" noProof="0" dirty="0">
                <a:solidFill>
                  <a:schemeClr val="tx1"/>
                </a:solidFill>
              </a:rPr>
              <a:t> med den forskel, at GPT‑NL er udviklet i overensstemmelse med EU‑regulering og med fuld respekt for dataejerskab</a:t>
            </a:r>
            <a:r>
              <a:rPr lang="da-DK" sz="900" noProof="0">
                <a:solidFill>
                  <a:schemeClr val="tx1"/>
                </a:solidFill>
              </a:rPr>
              <a:t>. GPT-NL skal kunne håndtere opgaver som tekstgenerering, opsummering og informationsudtræk med høj kvalitet, jf. det illustrative eksempel til højre.  </a:t>
            </a:r>
            <a:endParaRPr lang="da-DK" sz="900" noProof="0">
              <a:solidFill>
                <a:schemeClr val="tx1"/>
              </a:solidFill>
              <a:highlight>
                <a:srgbClr val="FFFF00"/>
              </a:highlight>
            </a:endParaRPr>
          </a:p>
          <a:p>
            <a:endParaRPr lang="da-DK" sz="900" noProof="0">
              <a:solidFill>
                <a:schemeClr val="tx1"/>
              </a:solidFill>
            </a:endParaRPr>
          </a:p>
          <a:p>
            <a:r>
              <a:rPr lang="da-DK" sz="900" b="1" noProof="0">
                <a:solidFill>
                  <a:srgbClr val="36465A"/>
                </a:solidFill>
                <a:sym typeface="Wingdings" panose="05000000000000000000" pitchFamily="2" charset="2"/>
              </a:rPr>
              <a:t>Strategisk ophæng</a:t>
            </a:r>
            <a:endParaRPr lang="da-DK" sz="900" noProof="0">
              <a:solidFill>
                <a:srgbClr val="36465A"/>
              </a:solidFill>
              <a:highlight>
                <a:srgbClr val="FFFF00"/>
              </a:highlight>
            </a:endParaRPr>
          </a:p>
          <a:p>
            <a:pPr defTabSz="914400" eaLnBrk="0" fontAlgn="base" hangingPunct="0">
              <a:spcBef>
                <a:spcPct val="0"/>
              </a:spcBef>
              <a:spcAft>
                <a:spcPct val="0"/>
              </a:spcAft>
            </a:pPr>
            <a:r>
              <a:rPr lang="da-DK" sz="900" noProof="0">
                <a:solidFill>
                  <a:schemeClr val="tx1"/>
                </a:solidFill>
                <a:sym typeface="Wingdings" panose="05000000000000000000" pitchFamily="2" charset="2"/>
              </a:rPr>
              <a:t>Initiativet er politisk forankret og drevet af Økonomiministeriet, som har ydet en foreløbig investering på </a:t>
            </a:r>
            <a:r>
              <a:rPr lang="da-DK" sz="900" noProof="0">
                <a:solidFill>
                  <a:schemeClr val="tx1"/>
                </a:solidFill>
              </a:rPr>
              <a:t>€13,5 mio. Projektet er forankret i den nationale AI-strategi </a:t>
            </a:r>
            <a:r>
              <a:rPr lang="da-DK" sz="900" i="1" noProof="0">
                <a:solidFill>
                  <a:schemeClr val="tx1"/>
                </a:solidFill>
              </a:rPr>
              <a:t>(</a:t>
            </a:r>
            <a:r>
              <a:rPr lang="da-DK" sz="900" i="1" noProof="0" err="1">
                <a:solidFill>
                  <a:schemeClr val="tx1"/>
                </a:solidFill>
              </a:rPr>
              <a:t>Netherlands</a:t>
            </a:r>
            <a:r>
              <a:rPr lang="da-DK" sz="900" i="1" noProof="0">
                <a:solidFill>
                  <a:schemeClr val="tx1"/>
                </a:solidFill>
              </a:rPr>
              <a:t> AI </a:t>
            </a:r>
            <a:r>
              <a:rPr lang="da-DK" sz="900" i="1" noProof="0" err="1">
                <a:solidFill>
                  <a:schemeClr val="tx1"/>
                </a:solidFill>
              </a:rPr>
              <a:t>Strategy</a:t>
            </a:r>
            <a:r>
              <a:rPr lang="da-DK" sz="900" i="1" noProof="0">
                <a:solidFill>
                  <a:schemeClr val="tx1"/>
                </a:solidFill>
              </a:rPr>
              <a:t> Report).</a:t>
            </a:r>
            <a:r>
              <a:rPr lang="da-DK" sz="900" noProof="0">
                <a:solidFill>
                  <a:schemeClr val="tx1"/>
                </a:solidFill>
              </a:rPr>
              <a:t> </a:t>
            </a:r>
            <a:endParaRPr lang="da-DK" sz="900" noProof="0">
              <a:solidFill>
                <a:schemeClr val="tx1"/>
              </a:solidFill>
              <a:sym typeface="Wingdings" panose="05000000000000000000" pitchFamily="2" charset="2"/>
            </a:endParaRPr>
          </a:p>
        </p:txBody>
      </p:sp>
      <p:sp>
        <p:nvSpPr>
          <p:cNvPr id="11" name="Rectangle: Rounded Corners 10">
            <a:extLst>
              <a:ext uri="{FF2B5EF4-FFF2-40B4-BE49-F238E27FC236}">
                <a16:creationId xmlns:a16="http://schemas.microsoft.com/office/drawing/2014/main" id="{4ED19FAC-B52E-268E-A4BA-838509271EED}"/>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Baggrund og kontekst</a:t>
            </a:r>
          </a:p>
        </p:txBody>
      </p:sp>
      <p:sp>
        <p:nvSpPr>
          <p:cNvPr id="5" name="Rectangle 4">
            <a:extLst>
              <a:ext uri="{FF2B5EF4-FFF2-40B4-BE49-F238E27FC236}">
                <a16:creationId xmlns:a16="http://schemas.microsoft.com/office/drawing/2014/main" id="{E31FE09B-3172-714D-DA66-F6EA051C4926}"/>
              </a:ext>
            </a:extLst>
          </p:cNvPr>
          <p:cNvSpPr/>
          <p:nvPr/>
        </p:nvSpPr>
        <p:spPr>
          <a:xfrm>
            <a:off x="3565418" y="2069025"/>
            <a:ext cx="3013351" cy="45059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rPr>
              <a:t>Baggrund</a:t>
            </a:r>
          </a:p>
          <a:p>
            <a:r>
              <a:rPr lang="da-DK" sz="900" noProof="0">
                <a:solidFill>
                  <a:schemeClr val="tx1"/>
                </a:solidFill>
              </a:rPr>
              <a:t>AI-udviklingen har historisk været domineret af ikke-europæiske </a:t>
            </a:r>
            <a:r>
              <a:rPr lang="da-DK" sz="900" noProof="0" err="1">
                <a:solidFill>
                  <a:schemeClr val="tx1"/>
                </a:solidFill>
              </a:rPr>
              <a:t>hyperscalers</a:t>
            </a:r>
            <a:r>
              <a:rPr lang="da-DK" sz="900" noProof="0">
                <a:solidFill>
                  <a:schemeClr val="tx1"/>
                </a:solidFill>
              </a:rPr>
              <a:t>, hvilket har skabt en strukturel afhængighed </a:t>
            </a:r>
            <a:r>
              <a:rPr lang="da-DK" sz="900" noProof="0">
                <a:solidFill>
                  <a:srgbClr val="000000"/>
                </a:solidFill>
              </a:rPr>
              <a:t>af tredjepartsmodeller fra globale aktører</a:t>
            </a:r>
            <a:r>
              <a:rPr lang="da-DK" sz="900" noProof="0">
                <a:solidFill>
                  <a:schemeClr val="tx1"/>
                </a:solidFill>
              </a:rPr>
              <a:t>, primært fra USA og Asien***.</a:t>
            </a:r>
          </a:p>
          <a:p>
            <a:r>
              <a:rPr lang="da-DK" sz="900" noProof="0">
                <a:solidFill>
                  <a:schemeClr val="tx1"/>
                </a:solidFill>
              </a:rPr>
              <a:t>Disse modeller sætter den globale standard for innovation, men samtidig understreger de EU’s begrænsede kontrol over kritisk AI-infrastruktur. Denne situation har rejst bekymringer om dataejerskab, etisk styring og strategisk uafhængighed.</a:t>
            </a:r>
          </a:p>
          <a:p>
            <a:endParaRPr lang="da-DK" sz="900" noProof="0">
              <a:solidFill>
                <a:schemeClr val="tx1"/>
              </a:solidFill>
            </a:endParaRPr>
          </a:p>
          <a:p>
            <a:r>
              <a:rPr lang="da-DK" sz="900" b="1" noProof="0">
                <a:solidFill>
                  <a:srgbClr val="36465A"/>
                </a:solidFill>
              </a:rPr>
              <a:t>Kontekst</a:t>
            </a:r>
          </a:p>
          <a:p>
            <a:r>
              <a:rPr lang="da-DK" sz="900" noProof="0">
                <a:solidFill>
                  <a:schemeClr val="tx1"/>
                </a:solidFill>
              </a:rPr>
              <a:t>GPT-NL understøtter en bredere vision om at skabe et åbent, transparent og kontrollerbart AI-økosystem, hvor innovation sker på europæiske præmisser.</a:t>
            </a:r>
          </a:p>
          <a:p>
            <a:r>
              <a:rPr lang="da-DK" sz="900" noProof="0">
                <a:solidFill>
                  <a:schemeClr val="tx1"/>
                </a:solidFill>
              </a:rPr>
              <a:t>Samtidig investerer EU i AI-fabrikker og supercomputere, bl.a. i Groningen, for at opbygge den nødvendige beregningskapacitet til træning og drift af </a:t>
            </a:r>
            <a:r>
              <a:rPr lang="da-DK" sz="900" noProof="0" err="1">
                <a:solidFill>
                  <a:schemeClr val="tx1"/>
                </a:solidFill>
              </a:rPr>
              <a:t>genAI</a:t>
            </a:r>
            <a:r>
              <a:rPr lang="da-DK" sz="900" noProof="0">
                <a:solidFill>
                  <a:schemeClr val="tx1"/>
                </a:solidFill>
              </a:rPr>
              <a:t>-modeller. Disse initiativer er en del af en bredere strategi for digital suverænitet og teknologisk autonomi, hvor GPT-NL fungerer som en konkret milepæl. </a:t>
            </a:r>
          </a:p>
          <a:p>
            <a:endParaRPr lang="da-DK" sz="900" noProof="0">
              <a:solidFill>
                <a:schemeClr val="tx1"/>
              </a:solidFill>
            </a:endParaRPr>
          </a:p>
          <a:p>
            <a:r>
              <a:rPr lang="da-DK" sz="900" noProof="0">
                <a:solidFill>
                  <a:schemeClr val="tx1"/>
                </a:solidFill>
              </a:rPr>
              <a:t>Målet er, at GPT-NL fra 2026 kan fungere som en uafhængig organisation, som kan være selvfinansieret via licensindtægter. Der arbejdes for tiden med to mulige licenstyper, herunder en forskningslicens og en kommerciel licens****. </a:t>
            </a:r>
          </a:p>
          <a:p>
            <a:endParaRPr lang="da-DK" sz="900" noProof="0">
              <a:solidFill>
                <a:schemeClr val="tx1"/>
              </a:solidFill>
            </a:endParaRPr>
          </a:p>
          <a:p>
            <a:r>
              <a:rPr lang="da-DK" sz="900" noProof="0">
                <a:solidFill>
                  <a:schemeClr val="tx1"/>
                </a:solidFill>
              </a:rPr>
              <a:t>Licensindtægter skal dække omkostninger og investeringer i videreudvikling af GPT-NL.</a:t>
            </a:r>
          </a:p>
          <a:p>
            <a:endParaRPr lang="da-DK" sz="900" noProof="0">
              <a:solidFill>
                <a:schemeClr val="tx1"/>
              </a:solidFill>
            </a:endParaRPr>
          </a:p>
        </p:txBody>
      </p:sp>
      <p:sp>
        <p:nvSpPr>
          <p:cNvPr id="7" name="Rectangle 6">
            <a:extLst>
              <a:ext uri="{FF2B5EF4-FFF2-40B4-BE49-F238E27FC236}">
                <a16:creationId xmlns:a16="http://schemas.microsoft.com/office/drawing/2014/main" id="{78D987A3-F091-0F29-23C7-DE6210C3C1B5}"/>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C5CB40DB-366E-DFD1-0F45-D7CEC40F9F63}"/>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69D472D8-1602-1054-4C01-AC0873739755}"/>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B78CAEE8-B99A-BDF8-63C3-F82A29C2FE16}"/>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EB4097BA-B0D2-AFF4-8802-C28F58C8901F}"/>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4" name="Freeform 16">
            <a:extLst>
              <a:ext uri="{FF2B5EF4-FFF2-40B4-BE49-F238E27FC236}">
                <a16:creationId xmlns:a16="http://schemas.microsoft.com/office/drawing/2014/main" id="{BEBE5EFB-7113-0A61-EF8B-C1EF2444F5DE}"/>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34">
            <a:extLst>
              <a:ext uri="{FF2B5EF4-FFF2-40B4-BE49-F238E27FC236}">
                <a16:creationId xmlns:a16="http://schemas.microsoft.com/office/drawing/2014/main" id="{0790FEAE-4408-1C06-353B-EC3C2992A273}"/>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grpSp>
        <p:nvGrpSpPr>
          <p:cNvPr id="35" name="Group 34">
            <a:extLst>
              <a:ext uri="{FF2B5EF4-FFF2-40B4-BE49-F238E27FC236}">
                <a16:creationId xmlns:a16="http://schemas.microsoft.com/office/drawing/2014/main" id="{593749D7-7A54-11BE-9BED-D4207E114B22}"/>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36" name="Rectangle 35">
              <a:extLst>
                <a:ext uri="{FF2B5EF4-FFF2-40B4-BE49-F238E27FC236}">
                  <a16:creationId xmlns:a16="http://schemas.microsoft.com/office/drawing/2014/main" id="{5603834A-2187-A9CC-B7F7-9C409B0E0E3B}"/>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7" name="Rectangle 36">
              <a:extLst>
                <a:ext uri="{FF2B5EF4-FFF2-40B4-BE49-F238E27FC236}">
                  <a16:creationId xmlns:a16="http://schemas.microsoft.com/office/drawing/2014/main" id="{C7FA28D1-19FC-2262-E497-469C831C26CB}"/>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13" name="TextBox 12">
            <a:extLst>
              <a:ext uri="{FF2B5EF4-FFF2-40B4-BE49-F238E27FC236}">
                <a16:creationId xmlns:a16="http://schemas.microsoft.com/office/drawing/2014/main" id="{B8C4AFF7-1A1F-9686-A4F8-F7C483F7008E}"/>
              </a:ext>
            </a:extLst>
          </p:cNvPr>
          <p:cNvSpPr txBox="1"/>
          <p:nvPr/>
        </p:nvSpPr>
        <p:spPr>
          <a:xfrm>
            <a:off x="6649627" y="1741260"/>
            <a:ext cx="5083664" cy="330646"/>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Tidsplan og illustration af GPT-NL </a:t>
            </a:r>
          </a:p>
          <a:p>
            <a:endParaRPr lang="da-DK" noProof="0" dirty="0"/>
          </a:p>
        </p:txBody>
      </p:sp>
      <p:sp>
        <p:nvSpPr>
          <p:cNvPr id="25" name="Content Placeholder 5">
            <a:extLst>
              <a:ext uri="{FF2B5EF4-FFF2-40B4-BE49-F238E27FC236}">
                <a16:creationId xmlns:a16="http://schemas.microsoft.com/office/drawing/2014/main" id="{E5A1576E-AA67-992F-5AC8-F2225C6E186B}"/>
              </a:ext>
            </a:extLst>
          </p:cNvPr>
          <p:cNvSpPr txBox="1">
            <a:spLocks/>
          </p:cNvSpPr>
          <p:nvPr/>
        </p:nvSpPr>
        <p:spPr>
          <a:xfrm>
            <a:off x="558228" y="6388801"/>
            <a:ext cx="11509488" cy="290179"/>
          </a:xfrm>
          <a:prstGeom prst="rect">
            <a:avLst/>
          </a:prstGeom>
        </p:spPr>
        <p:txBody>
          <a:bodyPr vert="horz" lIns="0" tIns="0" rIns="0" bIns="0" rtlCol="0" anchor="t">
            <a:noAutofit/>
          </a:bodyPr>
          <a:lstStyle>
            <a:defPPr>
              <a:defRPr lang="en-US"/>
            </a:defPPr>
            <a:lvl1pPr marL="87313" indent="-87313" defTabSz="203892">
              <a:lnSpc>
                <a:spcPct val="100000"/>
              </a:lnSpc>
              <a:spcBef>
                <a:spcPts val="0"/>
              </a:spcBef>
              <a:spcAft>
                <a:spcPts val="300"/>
              </a:spcAft>
              <a:buClrTx/>
              <a:buFont typeface="Arial" panose="020B0604020202020204" pitchFamily="34" charset="0"/>
              <a:buNone/>
              <a:defRPr sz="900" b="0" cap="none" baseline="30000"/>
            </a:lvl1pPr>
            <a:lvl2pPr marL="0" indent="0" defTabSz="203892">
              <a:lnSpc>
                <a:spcPct val="100000"/>
              </a:lnSpc>
              <a:spcBef>
                <a:spcPts val="0"/>
              </a:spcBef>
              <a:spcAft>
                <a:spcPts val="600"/>
              </a:spcAft>
              <a:buClrTx/>
              <a:buFont typeface="Arial" panose="020B0604020202020204" pitchFamily="34" charset="0"/>
              <a:buNone/>
              <a:defRPr sz="1200" b="1" cap="none" baseline="0">
                <a:solidFill>
                  <a:schemeClr val="accent1"/>
                </a:solidFill>
              </a:defRPr>
            </a:lvl2pPr>
            <a:lvl3pPr marL="0" indent="0" defTabSz="203892">
              <a:lnSpc>
                <a:spcPct val="100000"/>
              </a:lnSpc>
              <a:spcBef>
                <a:spcPts val="0"/>
              </a:spcBef>
              <a:spcAft>
                <a:spcPts val="600"/>
              </a:spcAft>
              <a:buFont typeface="Arial" panose="020B0604020202020204" pitchFamily="34" charset="0"/>
              <a:buNone/>
              <a:defRPr sz="1100">
                <a:solidFill>
                  <a:schemeClr val="accent3"/>
                </a:solidFill>
              </a:defRPr>
            </a:lvl3pPr>
            <a:lvl4pPr marL="180000" indent="-180000" defTabSz="203892">
              <a:lnSpc>
                <a:spcPct val="100000"/>
              </a:lnSpc>
              <a:spcBef>
                <a:spcPts val="0"/>
              </a:spcBef>
              <a:spcAft>
                <a:spcPts val="600"/>
              </a:spcAft>
              <a:buClr>
                <a:srgbClr val="F62B44"/>
              </a:buClr>
              <a:buFont typeface="Arial" panose="020B0604020202020204" pitchFamily="34" charset="0"/>
              <a:buChar char="•"/>
              <a:defRPr sz="1100">
                <a:solidFill>
                  <a:schemeClr val="accent3"/>
                </a:solidFill>
              </a:defRPr>
            </a:lvl4pPr>
            <a:lvl5pPr marL="36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5pPr>
            <a:lvl6pPr marL="54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6pPr>
            <a:lvl7pPr marL="225425" indent="-225425" defTabSz="203892">
              <a:lnSpc>
                <a:spcPct val="100000"/>
              </a:lnSpc>
              <a:spcBef>
                <a:spcPts val="0"/>
              </a:spcBef>
              <a:spcAft>
                <a:spcPts val="600"/>
              </a:spcAft>
              <a:buClr>
                <a:srgbClr val="F62B44"/>
              </a:buClr>
              <a:buFont typeface="+mj-lt"/>
              <a:buAutoNum type="arabicPeriod"/>
              <a:defRPr sz="1100">
                <a:solidFill>
                  <a:schemeClr val="accent3"/>
                </a:solidFill>
              </a:defRPr>
            </a:lvl7pPr>
            <a:lvl8pPr marL="449263" indent="-215900" defTabSz="203892">
              <a:lnSpc>
                <a:spcPct val="100000"/>
              </a:lnSpc>
              <a:spcBef>
                <a:spcPts val="0"/>
              </a:spcBef>
              <a:spcAft>
                <a:spcPts val="600"/>
              </a:spcAft>
              <a:buClr>
                <a:srgbClr val="F62B44"/>
              </a:buClr>
              <a:buFont typeface="+mj-lt"/>
              <a:buAutoNum type="alphaLcParenR"/>
              <a:defRPr sz="1100">
                <a:solidFill>
                  <a:schemeClr val="accent3"/>
                </a:solidFill>
              </a:defRPr>
            </a:lvl8pPr>
            <a:lvl9pPr marL="630238" indent="-180975" defTabSz="203892">
              <a:lnSpc>
                <a:spcPct val="100000"/>
              </a:lnSpc>
              <a:spcBef>
                <a:spcPts val="0"/>
              </a:spcBef>
              <a:spcAft>
                <a:spcPts val="600"/>
              </a:spcAft>
              <a:buClr>
                <a:srgbClr val="F62B44"/>
              </a:buClr>
              <a:buSzPct val="100000"/>
              <a:buFont typeface="+mj-lt"/>
              <a:buAutoNum type="romanLcPeriod"/>
              <a:defRPr sz="1100">
                <a:solidFill>
                  <a:schemeClr val="accent3"/>
                </a:solidFill>
              </a:defRPr>
            </a:lvl9pPr>
          </a:lstStyle>
          <a:p>
            <a:pPr marL="0" indent="0"/>
            <a:r>
              <a:rPr lang="da-DK" sz="700" i="1" baseline="0" noProof="0" dirty="0"/>
              <a:t>*Gennemsigtighed, pålidelighed, beskyttelse af brugere og borgere samt digital suverænitet. **</a:t>
            </a:r>
            <a:r>
              <a:rPr lang="da-DK" sz="700" i="1" baseline="0" noProof="0" dirty="0" err="1"/>
              <a:t>Tokens</a:t>
            </a:r>
            <a:r>
              <a:rPr lang="da-DK" sz="700" i="1" baseline="0" noProof="0" dirty="0"/>
              <a:t> er små enheder af tekst, som modellen bruger til at forstå og generere sprog. ***Disse aktører inkluderer Google som tilbyder </a:t>
            </a:r>
            <a:r>
              <a:rPr lang="da-DK" sz="700" i="1" baseline="0" noProof="0" dirty="0" err="1"/>
              <a:t>Gemini</a:t>
            </a:r>
            <a:r>
              <a:rPr lang="da-DK" sz="700" i="1" baseline="0" noProof="0" dirty="0"/>
              <a:t> (USA), </a:t>
            </a:r>
            <a:r>
              <a:rPr lang="da-DK" sz="700" i="1" baseline="0" noProof="0" dirty="0" err="1"/>
              <a:t>Anthropic</a:t>
            </a:r>
            <a:r>
              <a:rPr lang="da-DK" sz="700" i="1" baseline="0" noProof="0" dirty="0"/>
              <a:t> som tilbyder Claude (USA), Meta som tilbyder </a:t>
            </a:r>
            <a:r>
              <a:rPr lang="da-DK" sz="700" i="1" baseline="0" noProof="0" dirty="0" err="1"/>
              <a:t>LLaMA</a:t>
            </a:r>
            <a:r>
              <a:rPr lang="da-DK" sz="700" i="1" baseline="0" noProof="0" dirty="0"/>
              <a:t> (USA), X/Twitter som tilbyder </a:t>
            </a:r>
            <a:r>
              <a:rPr lang="da-DK" sz="700" i="1" baseline="0" noProof="0" dirty="0" err="1"/>
              <a:t>Grok</a:t>
            </a:r>
            <a:r>
              <a:rPr lang="da-DK" sz="700" i="1" baseline="0" noProof="0" dirty="0"/>
              <a:t> (USA), </a:t>
            </a:r>
            <a:r>
              <a:rPr lang="da-DK" sz="700" i="1" baseline="0" noProof="0" dirty="0" err="1"/>
              <a:t>OpenAI</a:t>
            </a:r>
            <a:r>
              <a:rPr lang="da-DK" sz="700" i="1" baseline="0" noProof="0" dirty="0"/>
              <a:t> som tilbyder </a:t>
            </a:r>
            <a:r>
              <a:rPr lang="da-DK" sz="700" i="1" baseline="0" noProof="0" dirty="0" err="1"/>
              <a:t>ChatGPT</a:t>
            </a:r>
            <a:r>
              <a:rPr lang="da-DK" sz="700" i="1" baseline="0" noProof="0" dirty="0"/>
              <a:t> (USA), </a:t>
            </a:r>
            <a:r>
              <a:rPr lang="da-DK" sz="700" i="1" baseline="0" noProof="0" dirty="0" err="1"/>
              <a:t>Alibaba</a:t>
            </a:r>
            <a:r>
              <a:rPr lang="da-DK" sz="700" i="1" baseline="0" noProof="0" dirty="0"/>
              <a:t> som tilbyder </a:t>
            </a:r>
            <a:r>
              <a:rPr lang="da-DK" sz="700" i="1" baseline="0" noProof="0" dirty="0" err="1"/>
              <a:t>Qwen</a:t>
            </a:r>
            <a:r>
              <a:rPr lang="da-DK" sz="700" i="1" baseline="0" noProof="0" dirty="0"/>
              <a:t> (Kina) samt Mistral (Frankrig). ****De præcise betingelser for licenserne er stadig ved at blive udarbejdet.</a:t>
            </a:r>
          </a:p>
        </p:txBody>
      </p:sp>
      <p:sp>
        <p:nvSpPr>
          <p:cNvPr id="39" name="Rectangle 38">
            <a:extLst>
              <a:ext uri="{FF2B5EF4-FFF2-40B4-BE49-F238E27FC236}">
                <a16:creationId xmlns:a16="http://schemas.microsoft.com/office/drawing/2014/main" id="{14324782-C213-A4F6-3846-6CECAD1C07D0}"/>
              </a:ext>
              <a:ext uri="{C183D7F6-B498-43B3-948B-1728B52AA6E4}">
                <adec:decorative xmlns:adec="http://schemas.microsoft.com/office/drawing/2017/decorative" val="1"/>
              </a:ext>
            </a:extLst>
          </p:cNvPr>
          <p:cNvSpPr/>
          <p:nvPr/>
        </p:nvSpPr>
        <p:spPr>
          <a:xfrm>
            <a:off x="6886788" y="2648351"/>
            <a:ext cx="4833257" cy="79922"/>
          </a:xfrm>
          <a:prstGeom prst="rect">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4" name="Oval 43">
            <a:extLst>
              <a:ext uri="{FF2B5EF4-FFF2-40B4-BE49-F238E27FC236}">
                <a16:creationId xmlns:a16="http://schemas.microsoft.com/office/drawing/2014/main" id="{9797145E-4EEB-3488-6E74-8916B37FDBF6}"/>
              </a:ext>
              <a:ext uri="{C183D7F6-B498-43B3-948B-1728B52AA6E4}">
                <adec:decorative xmlns:adec="http://schemas.microsoft.com/office/drawing/2017/decorative" val="1"/>
              </a:ext>
            </a:extLst>
          </p:cNvPr>
          <p:cNvSpPr/>
          <p:nvPr/>
        </p:nvSpPr>
        <p:spPr>
          <a:xfrm>
            <a:off x="7425671" y="1960653"/>
            <a:ext cx="488151" cy="488151"/>
          </a:xfrm>
          <a:prstGeom prst="ellipse">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5" name="Oval 44">
            <a:extLst>
              <a:ext uri="{FF2B5EF4-FFF2-40B4-BE49-F238E27FC236}">
                <a16:creationId xmlns:a16="http://schemas.microsoft.com/office/drawing/2014/main" id="{22EE0372-8855-D1EE-7BAB-51D96BAA675A}"/>
              </a:ext>
              <a:ext uri="{C183D7F6-B498-43B3-948B-1728B52AA6E4}">
                <adec:decorative xmlns:adec="http://schemas.microsoft.com/office/drawing/2017/decorative" val="1"/>
              </a:ext>
            </a:extLst>
          </p:cNvPr>
          <p:cNvSpPr/>
          <p:nvPr/>
        </p:nvSpPr>
        <p:spPr>
          <a:xfrm>
            <a:off x="8513557" y="1960653"/>
            <a:ext cx="488151" cy="488151"/>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6" name="Oval 45">
            <a:extLst>
              <a:ext uri="{FF2B5EF4-FFF2-40B4-BE49-F238E27FC236}">
                <a16:creationId xmlns:a16="http://schemas.microsoft.com/office/drawing/2014/main" id="{88DD622F-8FFF-A066-9ACC-E97FD4CE86C6}"/>
              </a:ext>
              <a:ext uri="{C183D7F6-B498-43B3-948B-1728B52AA6E4}">
                <adec:decorative xmlns:adec="http://schemas.microsoft.com/office/drawing/2017/decorative" val="1"/>
              </a:ext>
            </a:extLst>
          </p:cNvPr>
          <p:cNvSpPr/>
          <p:nvPr/>
        </p:nvSpPr>
        <p:spPr>
          <a:xfrm>
            <a:off x="9601442" y="1960653"/>
            <a:ext cx="488151" cy="488151"/>
          </a:xfrm>
          <a:prstGeom prst="ellipse">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9" name="Oval 48">
            <a:extLst>
              <a:ext uri="{FF2B5EF4-FFF2-40B4-BE49-F238E27FC236}">
                <a16:creationId xmlns:a16="http://schemas.microsoft.com/office/drawing/2014/main" id="{5D31706F-DAA3-F555-61AB-5E3E90A148D6}"/>
              </a:ext>
              <a:ext uri="{C183D7F6-B498-43B3-948B-1728B52AA6E4}">
                <adec:decorative xmlns:adec="http://schemas.microsoft.com/office/drawing/2017/decorative" val="1"/>
              </a:ext>
            </a:extLst>
          </p:cNvPr>
          <p:cNvSpPr/>
          <p:nvPr/>
        </p:nvSpPr>
        <p:spPr>
          <a:xfrm>
            <a:off x="10689328" y="1960653"/>
            <a:ext cx="488151" cy="488151"/>
          </a:xfrm>
          <a:prstGeom prst="ellipse">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51" name="Straight Arrow Connector 50">
            <a:extLst>
              <a:ext uri="{FF2B5EF4-FFF2-40B4-BE49-F238E27FC236}">
                <a16:creationId xmlns:a16="http://schemas.microsoft.com/office/drawing/2014/main" id="{CD63396F-8B8F-F137-C243-1DBA8EE25C5B}"/>
              </a:ext>
              <a:ext uri="{C183D7F6-B498-43B3-948B-1728B52AA6E4}">
                <adec:decorative xmlns:adec="http://schemas.microsoft.com/office/drawing/2017/decorative" val="1"/>
              </a:ext>
            </a:extLst>
          </p:cNvPr>
          <p:cNvCxnSpPr>
            <a:cxnSpLocks/>
          </p:cNvCxnSpPr>
          <p:nvPr/>
        </p:nvCxnSpPr>
        <p:spPr>
          <a:xfrm>
            <a:off x="7664608" y="2442987"/>
            <a:ext cx="0" cy="499785"/>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52" name="TextBox 151">
            <a:extLst>
              <a:ext uri="{FF2B5EF4-FFF2-40B4-BE49-F238E27FC236}">
                <a16:creationId xmlns:a16="http://schemas.microsoft.com/office/drawing/2014/main" id="{831CCEB8-4248-DAE4-67E8-53EDCFF09E9C}"/>
              </a:ext>
            </a:extLst>
          </p:cNvPr>
          <p:cNvSpPr txBox="1"/>
          <p:nvPr/>
        </p:nvSpPr>
        <p:spPr>
          <a:xfrm rot="16200000">
            <a:off x="6263223" y="3514512"/>
            <a:ext cx="1250166" cy="313649"/>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wrap="square" rtlCol="0" anchor="t">
            <a:noAutofit/>
          </a:bodyP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algn="ctr"/>
            <a:r>
              <a:rPr lang="da-DK" sz="700" noProof="0"/>
              <a:t>Tidsplan</a:t>
            </a:r>
          </a:p>
          <a:p>
            <a:pPr algn="ctr"/>
            <a:endParaRPr lang="da-DK" sz="700" noProof="0"/>
          </a:p>
        </p:txBody>
      </p:sp>
      <p:sp>
        <p:nvSpPr>
          <p:cNvPr id="53" name="Rectangle: Rounded Corners 52">
            <a:extLst>
              <a:ext uri="{FF2B5EF4-FFF2-40B4-BE49-F238E27FC236}">
                <a16:creationId xmlns:a16="http://schemas.microsoft.com/office/drawing/2014/main" id="{EC4BD8A3-B493-BAAA-643E-D202C312EA88}"/>
              </a:ext>
            </a:extLst>
          </p:cNvPr>
          <p:cNvSpPr/>
          <p:nvPr/>
        </p:nvSpPr>
        <p:spPr>
          <a:xfrm>
            <a:off x="7140995" y="2942771"/>
            <a:ext cx="2156830" cy="1313507"/>
          </a:xfrm>
          <a:prstGeom prst="roundRect">
            <a:avLst>
              <a:gd name="adj" fmla="val 7530"/>
            </a:avLst>
          </a:prstGeom>
          <a:solidFill>
            <a:schemeClr val="bg1"/>
          </a:solidFill>
          <a:ln>
            <a:solidFill>
              <a:srgbClr val="002060"/>
            </a:solidFill>
          </a:ln>
        </p:spPr>
        <p:style>
          <a:lnRef idx="2">
            <a:schemeClr val="accent1">
              <a:shade val="50000"/>
            </a:schemeClr>
          </a:lnRef>
          <a:fillRef idx="1">
            <a:schemeClr val="accent1"/>
          </a:fillRef>
          <a:effectRef idx="0">
            <a:schemeClr val="accent1"/>
          </a:effectRef>
          <a:fontRef idx="minor">
            <a:schemeClr val="lt1"/>
          </a:fontRef>
        </p:style>
        <p:txBody>
          <a:bodyPr lIns="90000" rIns="0" rtlCol="0" anchor="t"/>
          <a:lstStyle/>
          <a:p>
            <a:r>
              <a:rPr lang="da-DK" sz="800" b="1" noProof="0">
                <a:solidFill>
                  <a:srgbClr val="36465A"/>
                </a:solidFill>
              </a:rPr>
              <a:t>2024: </a:t>
            </a:r>
          </a:p>
          <a:p>
            <a:r>
              <a:rPr lang="da-DK" sz="800" noProof="0">
                <a:solidFill>
                  <a:srgbClr val="36465A"/>
                </a:solidFill>
              </a:rPr>
              <a:t>Start på GPT-NL-projektet.</a:t>
            </a:r>
          </a:p>
          <a:p>
            <a:endParaRPr lang="da-DK" sz="800" noProof="0">
              <a:solidFill>
                <a:srgbClr val="36465A"/>
              </a:solidFill>
            </a:endParaRPr>
          </a:p>
          <a:p>
            <a:r>
              <a:rPr lang="da-DK" sz="800" b="1" noProof="0">
                <a:solidFill>
                  <a:srgbClr val="36465A"/>
                </a:solidFill>
              </a:rPr>
              <a:t>Q2 2024 – Q3 2025: </a:t>
            </a:r>
          </a:p>
          <a:p>
            <a:r>
              <a:rPr lang="da-DK" sz="800" noProof="0">
                <a:solidFill>
                  <a:srgbClr val="36465A"/>
                </a:solidFill>
              </a:rPr>
              <a:t>Dataindsamling.</a:t>
            </a:r>
          </a:p>
          <a:p>
            <a:endParaRPr lang="da-DK" sz="800" b="1" noProof="0">
              <a:solidFill>
                <a:srgbClr val="36465A"/>
              </a:solidFill>
            </a:endParaRPr>
          </a:p>
          <a:p>
            <a:r>
              <a:rPr lang="da-DK" sz="800" b="1" noProof="0">
                <a:solidFill>
                  <a:srgbClr val="36465A"/>
                </a:solidFill>
              </a:rPr>
              <a:t>Q3/Q4 2025: </a:t>
            </a:r>
          </a:p>
          <a:p>
            <a:r>
              <a:rPr lang="da-DK" sz="800" noProof="0">
                <a:solidFill>
                  <a:srgbClr val="36465A"/>
                </a:solidFill>
              </a:rPr>
              <a:t>Træning af model (GPT-NL v1.0).</a:t>
            </a:r>
          </a:p>
        </p:txBody>
      </p:sp>
      <p:sp>
        <p:nvSpPr>
          <p:cNvPr id="40" name="Rectangle 39">
            <a:extLst>
              <a:ext uri="{FF2B5EF4-FFF2-40B4-BE49-F238E27FC236}">
                <a16:creationId xmlns:a16="http://schemas.microsoft.com/office/drawing/2014/main" id="{5E6E99B4-616A-54E9-4D65-FBAD7A42669B}"/>
              </a:ext>
              <a:ext uri="{C183D7F6-B498-43B3-948B-1728B52AA6E4}">
                <adec:decorative xmlns:adec="http://schemas.microsoft.com/office/drawing/2017/decorative" val="1"/>
              </a:ext>
            </a:extLst>
          </p:cNvPr>
          <p:cNvSpPr/>
          <p:nvPr/>
        </p:nvSpPr>
        <p:spPr>
          <a:xfrm>
            <a:off x="7339032" y="2576960"/>
            <a:ext cx="661431" cy="22270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200" noProof="0">
                <a:solidFill>
                  <a:srgbClr val="002060"/>
                </a:solidFill>
              </a:rPr>
              <a:t>2024</a:t>
            </a:r>
          </a:p>
        </p:txBody>
      </p:sp>
      <p:cxnSp>
        <p:nvCxnSpPr>
          <p:cNvPr id="55" name="Straight Arrow Connector 54">
            <a:extLst>
              <a:ext uri="{FF2B5EF4-FFF2-40B4-BE49-F238E27FC236}">
                <a16:creationId xmlns:a16="http://schemas.microsoft.com/office/drawing/2014/main" id="{7BE19BC1-9A32-467E-DA69-D7F122E2495D}"/>
              </a:ext>
              <a:ext uri="{C183D7F6-B498-43B3-948B-1728B52AA6E4}">
                <adec:decorative xmlns:adec="http://schemas.microsoft.com/office/drawing/2017/decorative" val="1"/>
              </a:ext>
            </a:extLst>
          </p:cNvPr>
          <p:cNvCxnSpPr>
            <a:cxnSpLocks/>
          </p:cNvCxnSpPr>
          <p:nvPr/>
        </p:nvCxnSpPr>
        <p:spPr>
          <a:xfrm>
            <a:off x="8758827" y="2442987"/>
            <a:ext cx="0" cy="499785"/>
          </a:xfrm>
          <a:prstGeom prst="straightConnector1">
            <a:avLst/>
          </a:prstGeom>
          <a:ln w="12700">
            <a:solidFill>
              <a:srgbClr val="024D78"/>
            </a:solidFill>
            <a:tailEnd type="triangle"/>
          </a:ln>
        </p:spPr>
        <p:style>
          <a:lnRef idx="1">
            <a:schemeClr val="accent1"/>
          </a:lnRef>
          <a:fillRef idx="0">
            <a:schemeClr val="accent1"/>
          </a:fillRef>
          <a:effectRef idx="0">
            <a:schemeClr val="accent1"/>
          </a:effectRef>
          <a:fontRef idx="minor">
            <a:schemeClr val="tx1"/>
          </a:fontRef>
        </p:style>
      </p:cxnSp>
      <p:cxnSp>
        <p:nvCxnSpPr>
          <p:cNvPr id="57" name="Straight Arrow Connector 56">
            <a:extLst>
              <a:ext uri="{FF2B5EF4-FFF2-40B4-BE49-F238E27FC236}">
                <a16:creationId xmlns:a16="http://schemas.microsoft.com/office/drawing/2014/main" id="{FE887C2F-0506-56B7-52AF-8C94D698F8BA}"/>
              </a:ext>
              <a:ext uri="{C183D7F6-B498-43B3-948B-1728B52AA6E4}">
                <adec:decorative xmlns:adec="http://schemas.microsoft.com/office/drawing/2017/decorative" val="1"/>
              </a:ext>
            </a:extLst>
          </p:cNvPr>
          <p:cNvCxnSpPr>
            <a:cxnSpLocks/>
          </p:cNvCxnSpPr>
          <p:nvPr/>
        </p:nvCxnSpPr>
        <p:spPr>
          <a:xfrm>
            <a:off x="9854597" y="2446776"/>
            <a:ext cx="0" cy="495996"/>
          </a:xfrm>
          <a:prstGeom prst="straightConnector1">
            <a:avLst/>
          </a:prstGeom>
          <a:ln w="12700">
            <a:solidFill>
              <a:srgbClr val="4AB9D3"/>
            </a:solidFill>
            <a:tailEnd type="triangle"/>
          </a:ln>
        </p:spPr>
        <p:style>
          <a:lnRef idx="1">
            <a:schemeClr val="accent1"/>
          </a:lnRef>
          <a:fillRef idx="0">
            <a:schemeClr val="accent1"/>
          </a:fillRef>
          <a:effectRef idx="0">
            <a:schemeClr val="accent1"/>
          </a:effectRef>
          <a:fontRef idx="minor">
            <a:schemeClr val="tx1"/>
          </a:fontRef>
        </p:style>
      </p:cxnSp>
      <p:sp>
        <p:nvSpPr>
          <p:cNvPr id="58" name="Rectangle: Rounded Corners 57">
            <a:extLst>
              <a:ext uri="{FF2B5EF4-FFF2-40B4-BE49-F238E27FC236}">
                <a16:creationId xmlns:a16="http://schemas.microsoft.com/office/drawing/2014/main" id="{0ACC17C5-7FCC-488B-DE61-A017FBD5B26C}"/>
              </a:ext>
            </a:extLst>
          </p:cNvPr>
          <p:cNvSpPr/>
          <p:nvPr/>
        </p:nvSpPr>
        <p:spPr>
          <a:xfrm>
            <a:off x="9330983" y="2942771"/>
            <a:ext cx="1044126" cy="1313506"/>
          </a:xfrm>
          <a:prstGeom prst="roundRect">
            <a:avLst>
              <a:gd name="adj" fmla="val 7530"/>
            </a:avLst>
          </a:prstGeom>
          <a:solidFill>
            <a:schemeClr val="bg1"/>
          </a:solidFill>
          <a:ln>
            <a:solidFill>
              <a:srgbClr val="4AB9D3"/>
            </a:solidFill>
          </a:ln>
        </p:spPr>
        <p:style>
          <a:lnRef idx="2">
            <a:schemeClr val="accent1">
              <a:shade val="50000"/>
            </a:schemeClr>
          </a:lnRef>
          <a:fillRef idx="1">
            <a:schemeClr val="accent1"/>
          </a:fillRef>
          <a:effectRef idx="0">
            <a:schemeClr val="accent1"/>
          </a:effectRef>
          <a:fontRef idx="minor">
            <a:schemeClr val="lt1"/>
          </a:fontRef>
        </p:style>
        <p:txBody>
          <a:bodyPr rIns="0" rtlCol="0" anchor="t"/>
          <a:lstStyle/>
          <a:p>
            <a:r>
              <a:rPr lang="da-DK" sz="800" noProof="0">
                <a:solidFill>
                  <a:srgbClr val="36465A"/>
                </a:solidFill>
              </a:rPr>
              <a:t>Raffinering af model gennem anvendelse af GPT-NL i brugsscenarier og praksis. </a:t>
            </a:r>
          </a:p>
          <a:p>
            <a:endParaRPr lang="da-DK" sz="800" noProof="0">
              <a:solidFill>
                <a:srgbClr val="36465A"/>
              </a:solidFill>
            </a:endParaRPr>
          </a:p>
          <a:p>
            <a:r>
              <a:rPr lang="da-DK" sz="800" noProof="0">
                <a:solidFill>
                  <a:srgbClr val="36465A"/>
                </a:solidFill>
              </a:rPr>
              <a:t>GPT-NL bliver tilgængelig gennem fælles licensmodel.</a:t>
            </a:r>
          </a:p>
          <a:p>
            <a:endParaRPr lang="da-DK" sz="800" noProof="0">
              <a:solidFill>
                <a:srgbClr val="36465A"/>
              </a:solidFill>
            </a:endParaRPr>
          </a:p>
        </p:txBody>
      </p:sp>
      <p:cxnSp>
        <p:nvCxnSpPr>
          <p:cNvPr id="59" name="Straight Arrow Connector 58">
            <a:extLst>
              <a:ext uri="{FF2B5EF4-FFF2-40B4-BE49-F238E27FC236}">
                <a16:creationId xmlns:a16="http://schemas.microsoft.com/office/drawing/2014/main" id="{51BCA3A2-078A-6CC5-83A4-AEFA34922E41}"/>
              </a:ext>
              <a:ext uri="{C183D7F6-B498-43B3-948B-1728B52AA6E4}">
                <adec:decorative xmlns:adec="http://schemas.microsoft.com/office/drawing/2017/decorative" val="1"/>
              </a:ext>
            </a:extLst>
          </p:cNvPr>
          <p:cNvCxnSpPr>
            <a:cxnSpLocks/>
          </p:cNvCxnSpPr>
          <p:nvPr/>
        </p:nvCxnSpPr>
        <p:spPr>
          <a:xfrm>
            <a:off x="10930330" y="2446776"/>
            <a:ext cx="0" cy="495996"/>
          </a:xfrm>
          <a:prstGeom prst="straightConnector1">
            <a:avLst/>
          </a:prstGeom>
          <a:ln w="12700">
            <a:solidFill>
              <a:srgbClr val="EE2F66"/>
            </a:solidFill>
            <a:tailEnd type="triangle"/>
          </a:ln>
        </p:spPr>
        <p:style>
          <a:lnRef idx="1">
            <a:schemeClr val="accent1"/>
          </a:lnRef>
          <a:fillRef idx="0">
            <a:schemeClr val="accent1"/>
          </a:fillRef>
          <a:effectRef idx="0">
            <a:schemeClr val="accent1"/>
          </a:effectRef>
          <a:fontRef idx="minor">
            <a:schemeClr val="tx1"/>
          </a:fontRef>
        </p:style>
      </p:cxnSp>
      <p:sp>
        <p:nvSpPr>
          <p:cNvPr id="60" name="Rectangle: Rounded Corners 59">
            <a:extLst>
              <a:ext uri="{FF2B5EF4-FFF2-40B4-BE49-F238E27FC236}">
                <a16:creationId xmlns:a16="http://schemas.microsoft.com/office/drawing/2014/main" id="{CBF2056D-F3EC-D948-79CE-D20FE8D3555F}"/>
              </a:ext>
            </a:extLst>
          </p:cNvPr>
          <p:cNvSpPr/>
          <p:nvPr/>
        </p:nvSpPr>
        <p:spPr>
          <a:xfrm>
            <a:off x="10408267" y="2942771"/>
            <a:ext cx="1044126" cy="1313506"/>
          </a:xfrm>
          <a:prstGeom prst="roundRect">
            <a:avLst>
              <a:gd name="adj" fmla="val 7530"/>
            </a:avLst>
          </a:prstGeom>
          <a:solidFill>
            <a:schemeClr val="bg1"/>
          </a:solidFill>
          <a:ln>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Ins="0" rtlCol="0" anchor="t"/>
          <a:lstStyle/>
          <a:p>
            <a:r>
              <a:rPr lang="da-DK" sz="800" noProof="0">
                <a:solidFill>
                  <a:srgbClr val="36465A"/>
                </a:solidFill>
              </a:rPr>
              <a:t>Tilføjelse af flere sprog, fx tysk, fransk, polsk og arabisk.</a:t>
            </a:r>
          </a:p>
          <a:p>
            <a:r>
              <a:rPr lang="da-DK" sz="800" b="1" noProof="0">
                <a:solidFill>
                  <a:srgbClr val="36465A"/>
                </a:solidFill>
              </a:rPr>
              <a:t>Mål: </a:t>
            </a:r>
          </a:p>
          <a:p>
            <a:r>
              <a:rPr lang="da-DK" sz="800" noProof="0">
                <a:solidFill>
                  <a:srgbClr val="36465A"/>
                </a:solidFill>
              </a:rPr>
              <a:t>GPT-NL er den foretrukne </a:t>
            </a:r>
            <a:r>
              <a:rPr lang="da-DK" sz="800" noProof="0" dirty="0" err="1">
                <a:solidFill>
                  <a:srgbClr val="36465A"/>
                </a:solidFill>
              </a:rPr>
              <a:t>genAI</a:t>
            </a:r>
            <a:r>
              <a:rPr lang="da-DK" sz="800" noProof="0">
                <a:solidFill>
                  <a:srgbClr val="36465A"/>
                </a:solidFill>
              </a:rPr>
              <a:t>- model for den offentlige sektor i Benelux.</a:t>
            </a:r>
          </a:p>
        </p:txBody>
      </p:sp>
      <p:sp>
        <p:nvSpPr>
          <p:cNvPr id="41" name="Rectangle 40">
            <a:extLst>
              <a:ext uri="{FF2B5EF4-FFF2-40B4-BE49-F238E27FC236}">
                <a16:creationId xmlns:a16="http://schemas.microsoft.com/office/drawing/2014/main" id="{099BEE7F-52A5-E0E2-8BF3-8D74C702B4B9}"/>
              </a:ext>
              <a:ext uri="{C183D7F6-B498-43B3-948B-1728B52AA6E4}">
                <adec:decorative xmlns:adec="http://schemas.microsoft.com/office/drawing/2017/decorative" val="1"/>
              </a:ext>
            </a:extLst>
          </p:cNvPr>
          <p:cNvSpPr/>
          <p:nvPr/>
        </p:nvSpPr>
        <p:spPr>
          <a:xfrm>
            <a:off x="8426917" y="2576960"/>
            <a:ext cx="661431" cy="22270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200" noProof="0">
                <a:solidFill>
                  <a:srgbClr val="024D78"/>
                </a:solidFill>
              </a:rPr>
              <a:t>2025</a:t>
            </a:r>
          </a:p>
        </p:txBody>
      </p:sp>
      <p:sp>
        <p:nvSpPr>
          <p:cNvPr id="42" name="Rectangle 41">
            <a:extLst>
              <a:ext uri="{FF2B5EF4-FFF2-40B4-BE49-F238E27FC236}">
                <a16:creationId xmlns:a16="http://schemas.microsoft.com/office/drawing/2014/main" id="{B0123110-503D-783F-9A5F-3B7D22EFE2AC}"/>
              </a:ext>
              <a:ext uri="{C183D7F6-B498-43B3-948B-1728B52AA6E4}">
                <adec:decorative xmlns:adec="http://schemas.microsoft.com/office/drawing/2017/decorative" val="1"/>
              </a:ext>
            </a:extLst>
          </p:cNvPr>
          <p:cNvSpPr/>
          <p:nvPr/>
        </p:nvSpPr>
        <p:spPr>
          <a:xfrm>
            <a:off x="9514802" y="2576960"/>
            <a:ext cx="661431" cy="22270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200" noProof="0">
                <a:solidFill>
                  <a:srgbClr val="006A83"/>
                </a:solidFill>
              </a:rPr>
              <a:t>2026</a:t>
            </a:r>
          </a:p>
        </p:txBody>
      </p:sp>
      <p:sp>
        <p:nvSpPr>
          <p:cNvPr id="43" name="Rectangle 42">
            <a:extLst>
              <a:ext uri="{FF2B5EF4-FFF2-40B4-BE49-F238E27FC236}">
                <a16:creationId xmlns:a16="http://schemas.microsoft.com/office/drawing/2014/main" id="{B99DDCB1-C2C2-722E-E8AE-6159A1DA0E15}"/>
              </a:ext>
              <a:ext uri="{C183D7F6-B498-43B3-948B-1728B52AA6E4}">
                <adec:decorative xmlns:adec="http://schemas.microsoft.com/office/drawing/2017/decorative" val="1"/>
              </a:ext>
            </a:extLst>
          </p:cNvPr>
          <p:cNvSpPr/>
          <p:nvPr/>
        </p:nvSpPr>
        <p:spPr>
          <a:xfrm>
            <a:off x="10602688" y="2577777"/>
            <a:ext cx="661431" cy="22270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200" noProof="0">
                <a:solidFill>
                  <a:srgbClr val="C5003E"/>
                </a:solidFill>
              </a:rPr>
              <a:t>2027</a:t>
            </a:r>
          </a:p>
        </p:txBody>
      </p:sp>
      <p:grpSp>
        <p:nvGrpSpPr>
          <p:cNvPr id="73" name="Group 72">
            <a:extLst>
              <a:ext uri="{FF2B5EF4-FFF2-40B4-BE49-F238E27FC236}">
                <a16:creationId xmlns:a16="http://schemas.microsoft.com/office/drawing/2014/main" id="{0B2F2D33-DEB4-7FAB-E970-0DA3AED78E26}"/>
              </a:ext>
              <a:ext uri="{C183D7F6-B498-43B3-948B-1728B52AA6E4}">
                <adec:decorative xmlns:adec="http://schemas.microsoft.com/office/drawing/2017/decorative" val="1"/>
              </a:ext>
            </a:extLst>
          </p:cNvPr>
          <p:cNvGrpSpPr/>
          <p:nvPr/>
        </p:nvGrpSpPr>
        <p:grpSpPr>
          <a:xfrm>
            <a:off x="7487570" y="2075457"/>
            <a:ext cx="366904" cy="269305"/>
            <a:chOff x="-2131332" y="3912996"/>
            <a:chExt cx="1337408" cy="981652"/>
          </a:xfrm>
          <a:solidFill>
            <a:schemeClr val="bg1"/>
          </a:solidFill>
        </p:grpSpPr>
        <p:sp>
          <p:nvSpPr>
            <p:cNvPr id="74" name="Freeform: Shape 73">
              <a:extLst>
                <a:ext uri="{FF2B5EF4-FFF2-40B4-BE49-F238E27FC236}">
                  <a16:creationId xmlns:a16="http://schemas.microsoft.com/office/drawing/2014/main" id="{45FE3428-DAFD-9E47-B797-C5EC3E3F2DD7}"/>
                </a:ext>
              </a:extLst>
            </p:cNvPr>
            <p:cNvSpPr/>
            <p:nvPr/>
          </p:nvSpPr>
          <p:spPr>
            <a:xfrm>
              <a:off x="-2131332" y="3978330"/>
              <a:ext cx="916318" cy="916318"/>
            </a:xfrm>
            <a:custGeom>
              <a:avLst/>
              <a:gdLst>
                <a:gd name="connsiteX0" fmla="*/ 914057 w 916317"/>
                <a:gd name="connsiteY0" fmla="*/ 501098 h 916317"/>
                <a:gd name="connsiteX1" fmla="*/ 916112 w 916317"/>
                <a:gd name="connsiteY1" fmla="*/ 458775 h 916317"/>
                <a:gd name="connsiteX2" fmla="*/ 914057 w 916317"/>
                <a:gd name="connsiteY2" fmla="*/ 416863 h 916317"/>
                <a:gd name="connsiteX3" fmla="*/ 876665 w 916317"/>
                <a:gd name="connsiteY3" fmla="*/ 374951 h 916317"/>
                <a:gd name="connsiteX4" fmla="*/ 761201 w 916317"/>
                <a:gd name="connsiteY4" fmla="*/ 349064 h 916317"/>
                <a:gd name="connsiteX5" fmla="*/ 759968 w 916317"/>
                <a:gd name="connsiteY5" fmla="*/ 348653 h 916317"/>
                <a:gd name="connsiteX6" fmla="*/ 759557 w 916317"/>
                <a:gd name="connsiteY6" fmla="*/ 347420 h 916317"/>
                <a:gd name="connsiteX7" fmla="*/ 757503 w 916317"/>
                <a:gd name="connsiteY7" fmla="*/ 342078 h 916317"/>
                <a:gd name="connsiteX8" fmla="*/ 753394 w 916317"/>
                <a:gd name="connsiteY8" fmla="*/ 331806 h 916317"/>
                <a:gd name="connsiteX9" fmla="*/ 750928 w 916317"/>
                <a:gd name="connsiteY9" fmla="*/ 326464 h 916317"/>
                <a:gd name="connsiteX10" fmla="*/ 750518 w 916317"/>
                <a:gd name="connsiteY10" fmla="*/ 325231 h 916317"/>
                <a:gd name="connsiteX11" fmla="*/ 751339 w 916317"/>
                <a:gd name="connsiteY11" fmla="*/ 324409 h 916317"/>
                <a:gd name="connsiteX12" fmla="*/ 814619 w 916317"/>
                <a:gd name="connsiteY12" fmla="*/ 224148 h 916317"/>
                <a:gd name="connsiteX13" fmla="*/ 810099 w 916317"/>
                <a:gd name="connsiteY13" fmla="*/ 168266 h 916317"/>
                <a:gd name="connsiteX14" fmla="*/ 809277 w 916317"/>
                <a:gd name="connsiteY14" fmla="*/ 167033 h 916317"/>
                <a:gd name="connsiteX15" fmla="*/ 751339 w 916317"/>
                <a:gd name="connsiteY15" fmla="*/ 108684 h 916317"/>
                <a:gd name="connsiteX16" fmla="*/ 720111 w 916317"/>
                <a:gd name="connsiteY16" fmla="*/ 98001 h 916317"/>
                <a:gd name="connsiteX17" fmla="*/ 695456 w 916317"/>
                <a:gd name="connsiteY17" fmla="*/ 104575 h 916317"/>
                <a:gd name="connsiteX18" fmla="*/ 595195 w 916317"/>
                <a:gd name="connsiteY18" fmla="*/ 167855 h 916317"/>
                <a:gd name="connsiteX19" fmla="*/ 594374 w 916317"/>
                <a:gd name="connsiteY19" fmla="*/ 168676 h 916317"/>
                <a:gd name="connsiteX20" fmla="*/ 593141 w 916317"/>
                <a:gd name="connsiteY20" fmla="*/ 168266 h 916317"/>
                <a:gd name="connsiteX21" fmla="*/ 587799 w 916317"/>
                <a:gd name="connsiteY21" fmla="*/ 165800 h 916317"/>
                <a:gd name="connsiteX22" fmla="*/ 577526 w 916317"/>
                <a:gd name="connsiteY22" fmla="*/ 161691 h 916317"/>
                <a:gd name="connsiteX23" fmla="*/ 571774 w 916317"/>
                <a:gd name="connsiteY23" fmla="*/ 159637 h 916317"/>
                <a:gd name="connsiteX24" fmla="*/ 570541 w 916317"/>
                <a:gd name="connsiteY24" fmla="*/ 159226 h 916317"/>
                <a:gd name="connsiteX25" fmla="*/ 570130 w 916317"/>
                <a:gd name="connsiteY25" fmla="*/ 157993 h 916317"/>
                <a:gd name="connsiteX26" fmla="*/ 543832 w 916317"/>
                <a:gd name="connsiteY26" fmla="*/ 42529 h 916317"/>
                <a:gd name="connsiteX27" fmla="*/ 501920 w 916317"/>
                <a:gd name="connsiteY27" fmla="*/ 5136 h 916317"/>
                <a:gd name="connsiteX28" fmla="*/ 459597 w 916317"/>
                <a:gd name="connsiteY28" fmla="*/ 3082 h 916317"/>
                <a:gd name="connsiteX29" fmla="*/ 417273 w 916317"/>
                <a:gd name="connsiteY29" fmla="*/ 5136 h 916317"/>
                <a:gd name="connsiteX30" fmla="*/ 375361 w 916317"/>
                <a:gd name="connsiteY30" fmla="*/ 42529 h 916317"/>
                <a:gd name="connsiteX31" fmla="*/ 349474 w 916317"/>
                <a:gd name="connsiteY31" fmla="*/ 157993 h 916317"/>
                <a:gd name="connsiteX32" fmla="*/ 349063 w 916317"/>
                <a:gd name="connsiteY32" fmla="*/ 159226 h 916317"/>
                <a:gd name="connsiteX33" fmla="*/ 347831 w 916317"/>
                <a:gd name="connsiteY33" fmla="*/ 159637 h 916317"/>
                <a:gd name="connsiteX34" fmla="*/ 342078 w 916317"/>
                <a:gd name="connsiteY34" fmla="*/ 161691 h 916317"/>
                <a:gd name="connsiteX35" fmla="*/ 331806 w 916317"/>
                <a:gd name="connsiteY35" fmla="*/ 165800 h 916317"/>
                <a:gd name="connsiteX36" fmla="*/ 326464 w 916317"/>
                <a:gd name="connsiteY36" fmla="*/ 168266 h 916317"/>
                <a:gd name="connsiteX37" fmla="*/ 325231 w 916317"/>
                <a:gd name="connsiteY37" fmla="*/ 168676 h 916317"/>
                <a:gd name="connsiteX38" fmla="*/ 324409 w 916317"/>
                <a:gd name="connsiteY38" fmla="*/ 167855 h 916317"/>
                <a:gd name="connsiteX39" fmla="*/ 224148 w 916317"/>
                <a:gd name="connsiteY39" fmla="*/ 104575 h 916317"/>
                <a:gd name="connsiteX40" fmla="*/ 199494 w 916317"/>
                <a:gd name="connsiteY40" fmla="*/ 98001 h 916317"/>
                <a:gd name="connsiteX41" fmla="*/ 167854 w 916317"/>
                <a:gd name="connsiteY41" fmla="*/ 109095 h 916317"/>
                <a:gd name="connsiteX42" fmla="*/ 167033 w 916317"/>
                <a:gd name="connsiteY42" fmla="*/ 109917 h 916317"/>
                <a:gd name="connsiteX43" fmla="*/ 109095 w 916317"/>
                <a:gd name="connsiteY43" fmla="*/ 167855 h 916317"/>
                <a:gd name="connsiteX44" fmla="*/ 104986 w 916317"/>
                <a:gd name="connsiteY44" fmla="*/ 223738 h 916317"/>
                <a:gd name="connsiteX45" fmla="*/ 168265 w 916317"/>
                <a:gd name="connsiteY45" fmla="*/ 323999 h 916317"/>
                <a:gd name="connsiteX46" fmla="*/ 169087 w 916317"/>
                <a:gd name="connsiteY46" fmla="*/ 324820 h 916317"/>
                <a:gd name="connsiteX47" fmla="*/ 168676 w 916317"/>
                <a:gd name="connsiteY47" fmla="*/ 326053 h 916317"/>
                <a:gd name="connsiteX48" fmla="*/ 166211 w 916317"/>
                <a:gd name="connsiteY48" fmla="*/ 331395 h 916317"/>
                <a:gd name="connsiteX49" fmla="*/ 161691 w 916317"/>
                <a:gd name="connsiteY49" fmla="*/ 341667 h 916317"/>
                <a:gd name="connsiteX50" fmla="*/ 159636 w 916317"/>
                <a:gd name="connsiteY50" fmla="*/ 347009 h 916317"/>
                <a:gd name="connsiteX51" fmla="*/ 159226 w 916317"/>
                <a:gd name="connsiteY51" fmla="*/ 348242 h 916317"/>
                <a:gd name="connsiteX52" fmla="*/ 157993 w 916317"/>
                <a:gd name="connsiteY52" fmla="*/ 348653 h 916317"/>
                <a:gd name="connsiteX53" fmla="*/ 42529 w 916317"/>
                <a:gd name="connsiteY53" fmla="*/ 374951 h 916317"/>
                <a:gd name="connsiteX54" fmla="*/ 5136 w 916317"/>
                <a:gd name="connsiteY54" fmla="*/ 416863 h 916317"/>
                <a:gd name="connsiteX55" fmla="*/ 3082 w 916317"/>
                <a:gd name="connsiteY55" fmla="*/ 459186 h 916317"/>
                <a:gd name="connsiteX56" fmla="*/ 5136 w 916317"/>
                <a:gd name="connsiteY56" fmla="*/ 501098 h 916317"/>
                <a:gd name="connsiteX57" fmla="*/ 42529 w 916317"/>
                <a:gd name="connsiteY57" fmla="*/ 543010 h 916317"/>
                <a:gd name="connsiteX58" fmla="*/ 157993 w 916317"/>
                <a:gd name="connsiteY58" fmla="*/ 568898 h 916317"/>
                <a:gd name="connsiteX59" fmla="*/ 159226 w 916317"/>
                <a:gd name="connsiteY59" fmla="*/ 569308 h 916317"/>
                <a:gd name="connsiteX60" fmla="*/ 159636 w 916317"/>
                <a:gd name="connsiteY60" fmla="*/ 570541 h 916317"/>
                <a:gd name="connsiteX61" fmla="*/ 161691 w 916317"/>
                <a:gd name="connsiteY61" fmla="*/ 575883 h 916317"/>
                <a:gd name="connsiteX62" fmla="*/ 166211 w 916317"/>
                <a:gd name="connsiteY62" fmla="*/ 586155 h 916317"/>
                <a:gd name="connsiteX63" fmla="*/ 168676 w 916317"/>
                <a:gd name="connsiteY63" fmla="*/ 591497 h 916317"/>
                <a:gd name="connsiteX64" fmla="*/ 169087 w 916317"/>
                <a:gd name="connsiteY64" fmla="*/ 592730 h 916317"/>
                <a:gd name="connsiteX65" fmla="*/ 168265 w 916317"/>
                <a:gd name="connsiteY65" fmla="*/ 593552 h 916317"/>
                <a:gd name="connsiteX66" fmla="*/ 104986 w 916317"/>
                <a:gd name="connsiteY66" fmla="*/ 693813 h 916317"/>
                <a:gd name="connsiteX67" fmla="*/ 109506 w 916317"/>
                <a:gd name="connsiteY67" fmla="*/ 749696 h 916317"/>
                <a:gd name="connsiteX68" fmla="*/ 110328 w 916317"/>
                <a:gd name="connsiteY68" fmla="*/ 750517 h 916317"/>
                <a:gd name="connsiteX69" fmla="*/ 167033 w 916317"/>
                <a:gd name="connsiteY69" fmla="*/ 807222 h 916317"/>
                <a:gd name="connsiteX70" fmla="*/ 168265 w 916317"/>
                <a:gd name="connsiteY70" fmla="*/ 808044 h 916317"/>
                <a:gd name="connsiteX71" fmla="*/ 199494 w 916317"/>
                <a:gd name="connsiteY71" fmla="*/ 818728 h 916317"/>
                <a:gd name="connsiteX72" fmla="*/ 224148 w 916317"/>
                <a:gd name="connsiteY72" fmla="*/ 812153 h 916317"/>
                <a:gd name="connsiteX73" fmla="*/ 324409 w 916317"/>
                <a:gd name="connsiteY73" fmla="*/ 748874 h 916317"/>
                <a:gd name="connsiteX74" fmla="*/ 325231 w 916317"/>
                <a:gd name="connsiteY74" fmla="*/ 748052 h 916317"/>
                <a:gd name="connsiteX75" fmla="*/ 326464 w 916317"/>
                <a:gd name="connsiteY75" fmla="*/ 748463 h 916317"/>
                <a:gd name="connsiteX76" fmla="*/ 331806 w 916317"/>
                <a:gd name="connsiteY76" fmla="*/ 750929 h 916317"/>
                <a:gd name="connsiteX77" fmla="*/ 342078 w 916317"/>
                <a:gd name="connsiteY77" fmla="*/ 755038 h 916317"/>
                <a:gd name="connsiteX78" fmla="*/ 347831 w 916317"/>
                <a:gd name="connsiteY78" fmla="*/ 757092 h 916317"/>
                <a:gd name="connsiteX79" fmla="*/ 349063 w 916317"/>
                <a:gd name="connsiteY79" fmla="*/ 757503 h 916317"/>
                <a:gd name="connsiteX80" fmla="*/ 349474 w 916317"/>
                <a:gd name="connsiteY80" fmla="*/ 758735 h 916317"/>
                <a:gd name="connsiteX81" fmla="*/ 375772 w 916317"/>
                <a:gd name="connsiteY81" fmla="*/ 874200 h 916317"/>
                <a:gd name="connsiteX82" fmla="*/ 417685 w 916317"/>
                <a:gd name="connsiteY82" fmla="*/ 911592 h 916317"/>
                <a:gd name="connsiteX83" fmla="*/ 460008 w 916317"/>
                <a:gd name="connsiteY83" fmla="*/ 913647 h 916317"/>
                <a:gd name="connsiteX84" fmla="*/ 501920 w 916317"/>
                <a:gd name="connsiteY84" fmla="*/ 911592 h 916317"/>
                <a:gd name="connsiteX85" fmla="*/ 543832 w 916317"/>
                <a:gd name="connsiteY85" fmla="*/ 874200 h 916317"/>
                <a:gd name="connsiteX86" fmla="*/ 570130 w 916317"/>
                <a:gd name="connsiteY86" fmla="*/ 758735 h 916317"/>
                <a:gd name="connsiteX87" fmla="*/ 570541 w 916317"/>
                <a:gd name="connsiteY87" fmla="*/ 757503 h 916317"/>
                <a:gd name="connsiteX88" fmla="*/ 571774 w 916317"/>
                <a:gd name="connsiteY88" fmla="*/ 757092 h 916317"/>
                <a:gd name="connsiteX89" fmla="*/ 577116 w 916317"/>
                <a:gd name="connsiteY89" fmla="*/ 755038 h 916317"/>
                <a:gd name="connsiteX90" fmla="*/ 587388 w 916317"/>
                <a:gd name="connsiteY90" fmla="*/ 750929 h 916317"/>
                <a:gd name="connsiteX91" fmla="*/ 592730 w 916317"/>
                <a:gd name="connsiteY91" fmla="*/ 748463 h 916317"/>
                <a:gd name="connsiteX92" fmla="*/ 593963 w 916317"/>
                <a:gd name="connsiteY92" fmla="*/ 748052 h 916317"/>
                <a:gd name="connsiteX93" fmla="*/ 594785 w 916317"/>
                <a:gd name="connsiteY93" fmla="*/ 748874 h 916317"/>
                <a:gd name="connsiteX94" fmla="*/ 599715 w 916317"/>
                <a:gd name="connsiteY94" fmla="*/ 752161 h 916317"/>
                <a:gd name="connsiteX95" fmla="*/ 695046 w 916317"/>
                <a:gd name="connsiteY95" fmla="*/ 812153 h 916317"/>
                <a:gd name="connsiteX96" fmla="*/ 719700 w 916317"/>
                <a:gd name="connsiteY96" fmla="*/ 818728 h 916317"/>
                <a:gd name="connsiteX97" fmla="*/ 750928 w 916317"/>
                <a:gd name="connsiteY97" fmla="*/ 808044 h 916317"/>
                <a:gd name="connsiteX98" fmla="*/ 752161 w 916317"/>
                <a:gd name="connsiteY98" fmla="*/ 806812 h 916317"/>
                <a:gd name="connsiteX99" fmla="*/ 808866 w 916317"/>
                <a:gd name="connsiteY99" fmla="*/ 750107 h 916317"/>
                <a:gd name="connsiteX100" fmla="*/ 809688 w 916317"/>
                <a:gd name="connsiteY100" fmla="*/ 749285 h 916317"/>
                <a:gd name="connsiteX101" fmla="*/ 814208 w 916317"/>
                <a:gd name="connsiteY101" fmla="*/ 692991 h 916317"/>
                <a:gd name="connsiteX102" fmla="*/ 750928 w 916317"/>
                <a:gd name="connsiteY102" fmla="*/ 592730 h 916317"/>
                <a:gd name="connsiteX103" fmla="*/ 750106 w 916317"/>
                <a:gd name="connsiteY103" fmla="*/ 591908 h 916317"/>
                <a:gd name="connsiteX104" fmla="*/ 750518 w 916317"/>
                <a:gd name="connsiteY104" fmla="*/ 590676 h 916317"/>
                <a:gd name="connsiteX105" fmla="*/ 752983 w 916317"/>
                <a:gd name="connsiteY105" fmla="*/ 585334 h 916317"/>
                <a:gd name="connsiteX106" fmla="*/ 757503 w 916317"/>
                <a:gd name="connsiteY106" fmla="*/ 575061 h 916317"/>
                <a:gd name="connsiteX107" fmla="*/ 759557 w 916317"/>
                <a:gd name="connsiteY107" fmla="*/ 569719 h 916317"/>
                <a:gd name="connsiteX108" fmla="*/ 759968 w 916317"/>
                <a:gd name="connsiteY108" fmla="*/ 568487 h 916317"/>
                <a:gd name="connsiteX109" fmla="*/ 761201 w 916317"/>
                <a:gd name="connsiteY109" fmla="*/ 568076 h 916317"/>
                <a:gd name="connsiteX110" fmla="*/ 876665 w 916317"/>
                <a:gd name="connsiteY110" fmla="*/ 541778 h 916317"/>
                <a:gd name="connsiteX111" fmla="*/ 914057 w 916317"/>
                <a:gd name="connsiteY111" fmla="*/ 501098 h 916317"/>
                <a:gd name="connsiteX112" fmla="*/ 875844 w 916317"/>
                <a:gd name="connsiteY112" fmla="*/ 493702 h 916317"/>
                <a:gd name="connsiteX113" fmla="*/ 875021 w 916317"/>
                <a:gd name="connsiteY113" fmla="*/ 501920 h 916317"/>
                <a:gd name="connsiteX114" fmla="*/ 875021 w 916317"/>
                <a:gd name="connsiteY114" fmla="*/ 503564 h 916317"/>
                <a:gd name="connsiteX115" fmla="*/ 873378 w 916317"/>
                <a:gd name="connsiteY115" fmla="*/ 503975 h 916317"/>
                <a:gd name="connsiteX116" fmla="*/ 741067 w 916317"/>
                <a:gd name="connsiteY116" fmla="*/ 533971 h 916317"/>
                <a:gd name="connsiteX117" fmla="*/ 726685 w 916317"/>
                <a:gd name="connsiteY117" fmla="*/ 547120 h 916317"/>
                <a:gd name="connsiteX118" fmla="*/ 710660 w 916317"/>
                <a:gd name="connsiteY118" fmla="*/ 585745 h 916317"/>
                <a:gd name="connsiteX119" fmla="*/ 711482 w 916317"/>
                <a:gd name="connsiteY119" fmla="*/ 605058 h 916317"/>
                <a:gd name="connsiteX120" fmla="*/ 783801 w 916317"/>
                <a:gd name="connsiteY120" fmla="*/ 719289 h 916317"/>
                <a:gd name="connsiteX121" fmla="*/ 784622 w 916317"/>
                <a:gd name="connsiteY121" fmla="*/ 720932 h 916317"/>
                <a:gd name="connsiteX122" fmla="*/ 783390 w 916317"/>
                <a:gd name="connsiteY122" fmla="*/ 722165 h 916317"/>
                <a:gd name="connsiteX123" fmla="*/ 722987 w 916317"/>
                <a:gd name="connsiteY123" fmla="*/ 782568 h 916317"/>
                <a:gd name="connsiteX124" fmla="*/ 721754 w 916317"/>
                <a:gd name="connsiteY124" fmla="*/ 783801 h 916317"/>
                <a:gd name="connsiteX125" fmla="*/ 720111 w 916317"/>
                <a:gd name="connsiteY125" fmla="*/ 782979 h 916317"/>
                <a:gd name="connsiteX126" fmla="*/ 605879 w 916317"/>
                <a:gd name="connsiteY126" fmla="*/ 710660 h 916317"/>
                <a:gd name="connsiteX127" fmla="*/ 595606 w 916317"/>
                <a:gd name="connsiteY127" fmla="*/ 707784 h 916317"/>
                <a:gd name="connsiteX128" fmla="*/ 586977 w 916317"/>
                <a:gd name="connsiteY128" fmla="*/ 709838 h 916317"/>
                <a:gd name="connsiteX129" fmla="*/ 548352 w 916317"/>
                <a:gd name="connsiteY129" fmla="*/ 725863 h 916317"/>
                <a:gd name="connsiteX130" fmla="*/ 535203 w 916317"/>
                <a:gd name="connsiteY130" fmla="*/ 740245 h 916317"/>
                <a:gd name="connsiteX131" fmla="*/ 505207 w 916317"/>
                <a:gd name="connsiteY131" fmla="*/ 872556 h 916317"/>
                <a:gd name="connsiteX132" fmla="*/ 504796 w 916317"/>
                <a:gd name="connsiteY132" fmla="*/ 874200 h 916317"/>
                <a:gd name="connsiteX133" fmla="*/ 503153 w 916317"/>
                <a:gd name="connsiteY133" fmla="*/ 874200 h 916317"/>
                <a:gd name="connsiteX134" fmla="*/ 494935 w 916317"/>
                <a:gd name="connsiteY134" fmla="*/ 875022 h 916317"/>
                <a:gd name="connsiteX135" fmla="*/ 460008 w 916317"/>
                <a:gd name="connsiteY135" fmla="*/ 875843 h 916317"/>
                <a:gd name="connsiteX136" fmla="*/ 425492 w 916317"/>
                <a:gd name="connsiteY136" fmla="*/ 875022 h 916317"/>
                <a:gd name="connsiteX137" fmla="*/ 417273 w 916317"/>
                <a:gd name="connsiteY137" fmla="*/ 874200 h 916317"/>
                <a:gd name="connsiteX138" fmla="*/ 415630 w 916317"/>
                <a:gd name="connsiteY138" fmla="*/ 874200 h 916317"/>
                <a:gd name="connsiteX139" fmla="*/ 415219 w 916317"/>
                <a:gd name="connsiteY139" fmla="*/ 872556 h 916317"/>
                <a:gd name="connsiteX140" fmla="*/ 385223 w 916317"/>
                <a:gd name="connsiteY140" fmla="*/ 740245 h 916317"/>
                <a:gd name="connsiteX141" fmla="*/ 372074 w 916317"/>
                <a:gd name="connsiteY141" fmla="*/ 725863 h 916317"/>
                <a:gd name="connsiteX142" fmla="*/ 333449 w 916317"/>
                <a:gd name="connsiteY142" fmla="*/ 709838 h 916317"/>
                <a:gd name="connsiteX143" fmla="*/ 324820 w 916317"/>
                <a:gd name="connsiteY143" fmla="*/ 707784 h 916317"/>
                <a:gd name="connsiteX144" fmla="*/ 314547 w 916317"/>
                <a:gd name="connsiteY144" fmla="*/ 710660 h 916317"/>
                <a:gd name="connsiteX145" fmla="*/ 200316 w 916317"/>
                <a:gd name="connsiteY145" fmla="*/ 782979 h 916317"/>
                <a:gd name="connsiteX146" fmla="*/ 198672 w 916317"/>
                <a:gd name="connsiteY146" fmla="*/ 783801 h 916317"/>
                <a:gd name="connsiteX147" fmla="*/ 197439 w 916317"/>
                <a:gd name="connsiteY147" fmla="*/ 782568 h 916317"/>
                <a:gd name="connsiteX148" fmla="*/ 137037 w 916317"/>
                <a:gd name="connsiteY148" fmla="*/ 722165 h 916317"/>
                <a:gd name="connsiteX149" fmla="*/ 135804 w 916317"/>
                <a:gd name="connsiteY149" fmla="*/ 720932 h 916317"/>
                <a:gd name="connsiteX150" fmla="*/ 136626 w 916317"/>
                <a:gd name="connsiteY150" fmla="*/ 719289 h 916317"/>
                <a:gd name="connsiteX151" fmla="*/ 208945 w 916317"/>
                <a:gd name="connsiteY151" fmla="*/ 605058 h 916317"/>
                <a:gd name="connsiteX152" fmla="*/ 209767 w 916317"/>
                <a:gd name="connsiteY152" fmla="*/ 585745 h 916317"/>
                <a:gd name="connsiteX153" fmla="*/ 193742 w 916317"/>
                <a:gd name="connsiteY153" fmla="*/ 547120 h 916317"/>
                <a:gd name="connsiteX154" fmla="*/ 179360 w 916317"/>
                <a:gd name="connsiteY154" fmla="*/ 533971 h 916317"/>
                <a:gd name="connsiteX155" fmla="*/ 47048 w 916317"/>
                <a:gd name="connsiteY155" fmla="*/ 503975 h 916317"/>
                <a:gd name="connsiteX156" fmla="*/ 45405 w 916317"/>
                <a:gd name="connsiteY156" fmla="*/ 503564 h 916317"/>
                <a:gd name="connsiteX157" fmla="*/ 45405 w 916317"/>
                <a:gd name="connsiteY157" fmla="*/ 501920 h 916317"/>
                <a:gd name="connsiteX158" fmla="*/ 44583 w 916317"/>
                <a:gd name="connsiteY158" fmla="*/ 493702 h 916317"/>
                <a:gd name="connsiteX159" fmla="*/ 42939 w 916317"/>
                <a:gd name="connsiteY159" fmla="*/ 458775 h 916317"/>
                <a:gd name="connsiteX160" fmla="*/ 44583 w 916317"/>
                <a:gd name="connsiteY160" fmla="*/ 423848 h 916317"/>
                <a:gd name="connsiteX161" fmla="*/ 45405 w 916317"/>
                <a:gd name="connsiteY161" fmla="*/ 415630 h 916317"/>
                <a:gd name="connsiteX162" fmla="*/ 45405 w 916317"/>
                <a:gd name="connsiteY162" fmla="*/ 413987 h 916317"/>
                <a:gd name="connsiteX163" fmla="*/ 47048 w 916317"/>
                <a:gd name="connsiteY163" fmla="*/ 413575 h 916317"/>
                <a:gd name="connsiteX164" fmla="*/ 54856 w 916317"/>
                <a:gd name="connsiteY164" fmla="*/ 411932 h 916317"/>
                <a:gd name="connsiteX165" fmla="*/ 178949 w 916317"/>
                <a:gd name="connsiteY165" fmla="*/ 383991 h 916317"/>
                <a:gd name="connsiteX166" fmla="*/ 193330 w 916317"/>
                <a:gd name="connsiteY166" fmla="*/ 370842 h 916317"/>
                <a:gd name="connsiteX167" fmla="*/ 209356 w 916317"/>
                <a:gd name="connsiteY167" fmla="*/ 332217 h 916317"/>
                <a:gd name="connsiteX168" fmla="*/ 208534 w 916317"/>
                <a:gd name="connsiteY168" fmla="*/ 312904 h 916317"/>
                <a:gd name="connsiteX169" fmla="*/ 136215 w 916317"/>
                <a:gd name="connsiteY169" fmla="*/ 198673 h 916317"/>
                <a:gd name="connsiteX170" fmla="*/ 135393 w 916317"/>
                <a:gd name="connsiteY170" fmla="*/ 197029 h 916317"/>
                <a:gd name="connsiteX171" fmla="*/ 136626 w 916317"/>
                <a:gd name="connsiteY171" fmla="*/ 195796 h 916317"/>
                <a:gd name="connsiteX172" fmla="*/ 197029 w 916317"/>
                <a:gd name="connsiteY172" fmla="*/ 135393 h 916317"/>
                <a:gd name="connsiteX173" fmla="*/ 198262 w 916317"/>
                <a:gd name="connsiteY173" fmla="*/ 134161 h 916317"/>
                <a:gd name="connsiteX174" fmla="*/ 199905 w 916317"/>
                <a:gd name="connsiteY174" fmla="*/ 134982 h 916317"/>
                <a:gd name="connsiteX175" fmla="*/ 314136 w 916317"/>
                <a:gd name="connsiteY175" fmla="*/ 207301 h 916317"/>
                <a:gd name="connsiteX176" fmla="*/ 324820 w 916317"/>
                <a:gd name="connsiteY176" fmla="*/ 210178 h 916317"/>
                <a:gd name="connsiteX177" fmla="*/ 333449 w 916317"/>
                <a:gd name="connsiteY177" fmla="*/ 208123 h 916317"/>
                <a:gd name="connsiteX178" fmla="*/ 372074 w 916317"/>
                <a:gd name="connsiteY178" fmla="*/ 192098 h 916317"/>
                <a:gd name="connsiteX179" fmla="*/ 385223 w 916317"/>
                <a:gd name="connsiteY179" fmla="*/ 177716 h 916317"/>
                <a:gd name="connsiteX180" fmla="*/ 415219 w 916317"/>
                <a:gd name="connsiteY180" fmla="*/ 45405 h 916317"/>
                <a:gd name="connsiteX181" fmla="*/ 415630 w 916317"/>
                <a:gd name="connsiteY181" fmla="*/ 43761 h 916317"/>
                <a:gd name="connsiteX182" fmla="*/ 417273 w 916317"/>
                <a:gd name="connsiteY182" fmla="*/ 43761 h 916317"/>
                <a:gd name="connsiteX183" fmla="*/ 425492 w 916317"/>
                <a:gd name="connsiteY183" fmla="*/ 42940 h 916317"/>
                <a:gd name="connsiteX184" fmla="*/ 460418 w 916317"/>
                <a:gd name="connsiteY184" fmla="*/ 41296 h 916317"/>
                <a:gd name="connsiteX185" fmla="*/ 495345 w 916317"/>
                <a:gd name="connsiteY185" fmla="*/ 42940 h 916317"/>
                <a:gd name="connsiteX186" fmla="*/ 503563 w 916317"/>
                <a:gd name="connsiteY186" fmla="*/ 43761 h 916317"/>
                <a:gd name="connsiteX187" fmla="*/ 505207 w 916317"/>
                <a:gd name="connsiteY187" fmla="*/ 43761 h 916317"/>
                <a:gd name="connsiteX188" fmla="*/ 505618 w 916317"/>
                <a:gd name="connsiteY188" fmla="*/ 45405 h 916317"/>
                <a:gd name="connsiteX189" fmla="*/ 507262 w 916317"/>
                <a:gd name="connsiteY189" fmla="*/ 53212 h 916317"/>
                <a:gd name="connsiteX190" fmla="*/ 535203 w 916317"/>
                <a:gd name="connsiteY190" fmla="*/ 177306 h 916317"/>
                <a:gd name="connsiteX191" fmla="*/ 548352 w 916317"/>
                <a:gd name="connsiteY191" fmla="*/ 191687 h 916317"/>
                <a:gd name="connsiteX192" fmla="*/ 586977 w 916317"/>
                <a:gd name="connsiteY192" fmla="*/ 207712 h 916317"/>
                <a:gd name="connsiteX193" fmla="*/ 595606 w 916317"/>
                <a:gd name="connsiteY193" fmla="*/ 209767 h 916317"/>
                <a:gd name="connsiteX194" fmla="*/ 606290 w 916317"/>
                <a:gd name="connsiteY194" fmla="*/ 206891 h 916317"/>
                <a:gd name="connsiteX195" fmla="*/ 720521 w 916317"/>
                <a:gd name="connsiteY195" fmla="*/ 134571 h 916317"/>
                <a:gd name="connsiteX196" fmla="*/ 722165 w 916317"/>
                <a:gd name="connsiteY196" fmla="*/ 133749 h 916317"/>
                <a:gd name="connsiteX197" fmla="*/ 723398 w 916317"/>
                <a:gd name="connsiteY197" fmla="*/ 134982 h 916317"/>
                <a:gd name="connsiteX198" fmla="*/ 783801 w 916317"/>
                <a:gd name="connsiteY198" fmla="*/ 195385 h 916317"/>
                <a:gd name="connsiteX199" fmla="*/ 785033 w 916317"/>
                <a:gd name="connsiteY199" fmla="*/ 196618 h 916317"/>
                <a:gd name="connsiteX200" fmla="*/ 784212 w 916317"/>
                <a:gd name="connsiteY200" fmla="*/ 198262 h 916317"/>
                <a:gd name="connsiteX201" fmla="*/ 711892 w 916317"/>
                <a:gd name="connsiteY201" fmla="*/ 312493 h 916317"/>
                <a:gd name="connsiteX202" fmla="*/ 711070 w 916317"/>
                <a:gd name="connsiteY202" fmla="*/ 331806 h 916317"/>
                <a:gd name="connsiteX203" fmla="*/ 727096 w 916317"/>
                <a:gd name="connsiteY203" fmla="*/ 370430 h 916317"/>
                <a:gd name="connsiteX204" fmla="*/ 741477 w 916317"/>
                <a:gd name="connsiteY204" fmla="*/ 383580 h 916317"/>
                <a:gd name="connsiteX205" fmla="*/ 873789 w 916317"/>
                <a:gd name="connsiteY205" fmla="*/ 413575 h 916317"/>
                <a:gd name="connsiteX206" fmla="*/ 875432 w 916317"/>
                <a:gd name="connsiteY206" fmla="*/ 413987 h 916317"/>
                <a:gd name="connsiteX207" fmla="*/ 875432 w 916317"/>
                <a:gd name="connsiteY207" fmla="*/ 415630 h 916317"/>
                <a:gd name="connsiteX208" fmla="*/ 876254 w 916317"/>
                <a:gd name="connsiteY208" fmla="*/ 423848 h 916317"/>
                <a:gd name="connsiteX209" fmla="*/ 877898 w 916317"/>
                <a:gd name="connsiteY209" fmla="*/ 458364 h 916317"/>
                <a:gd name="connsiteX210" fmla="*/ 875844 w 916317"/>
                <a:gd name="connsiteY210" fmla="*/ 493702 h 9163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Lst>
              <a:rect l="l" t="t" r="r" b="b"/>
              <a:pathLst>
                <a:path w="916317" h="916317">
                  <a:moveTo>
                    <a:pt x="914057" y="501098"/>
                  </a:moveTo>
                  <a:cubicBezTo>
                    <a:pt x="914468" y="495756"/>
                    <a:pt x="916112" y="477677"/>
                    <a:pt x="916112" y="458775"/>
                  </a:cubicBezTo>
                  <a:cubicBezTo>
                    <a:pt x="916112" y="439052"/>
                    <a:pt x="914468" y="420150"/>
                    <a:pt x="914057" y="416863"/>
                  </a:cubicBezTo>
                  <a:cubicBezTo>
                    <a:pt x="912003" y="396728"/>
                    <a:pt x="896389" y="379060"/>
                    <a:pt x="876665" y="374951"/>
                  </a:cubicBezTo>
                  <a:lnTo>
                    <a:pt x="761201" y="349064"/>
                  </a:lnTo>
                  <a:lnTo>
                    <a:pt x="759968" y="348653"/>
                  </a:lnTo>
                  <a:lnTo>
                    <a:pt x="759557" y="347420"/>
                  </a:lnTo>
                  <a:lnTo>
                    <a:pt x="757503" y="342078"/>
                  </a:lnTo>
                  <a:cubicBezTo>
                    <a:pt x="756270" y="338791"/>
                    <a:pt x="754627" y="335093"/>
                    <a:pt x="753394" y="331806"/>
                  </a:cubicBezTo>
                  <a:lnTo>
                    <a:pt x="750928" y="326464"/>
                  </a:lnTo>
                  <a:lnTo>
                    <a:pt x="750518" y="325231"/>
                  </a:lnTo>
                  <a:lnTo>
                    <a:pt x="751339" y="324409"/>
                  </a:lnTo>
                  <a:lnTo>
                    <a:pt x="814619" y="224148"/>
                  </a:lnTo>
                  <a:cubicBezTo>
                    <a:pt x="825302" y="207301"/>
                    <a:pt x="823248" y="183058"/>
                    <a:pt x="810099" y="168266"/>
                  </a:cubicBezTo>
                  <a:lnTo>
                    <a:pt x="809277" y="167033"/>
                  </a:lnTo>
                  <a:lnTo>
                    <a:pt x="751339" y="108684"/>
                  </a:lnTo>
                  <a:cubicBezTo>
                    <a:pt x="743532" y="102110"/>
                    <a:pt x="732027" y="98001"/>
                    <a:pt x="720111" y="98001"/>
                  </a:cubicBezTo>
                  <a:cubicBezTo>
                    <a:pt x="711070" y="98001"/>
                    <a:pt x="702441" y="100466"/>
                    <a:pt x="695456" y="104575"/>
                  </a:cubicBezTo>
                  <a:lnTo>
                    <a:pt x="595195" y="167855"/>
                  </a:lnTo>
                  <a:lnTo>
                    <a:pt x="594374" y="168676"/>
                  </a:lnTo>
                  <a:lnTo>
                    <a:pt x="593141" y="168266"/>
                  </a:lnTo>
                  <a:lnTo>
                    <a:pt x="587799" y="165800"/>
                  </a:lnTo>
                  <a:cubicBezTo>
                    <a:pt x="584512" y="164156"/>
                    <a:pt x="580814" y="162924"/>
                    <a:pt x="577526" y="161691"/>
                  </a:cubicBezTo>
                  <a:lnTo>
                    <a:pt x="571774" y="159637"/>
                  </a:lnTo>
                  <a:lnTo>
                    <a:pt x="570541" y="159226"/>
                  </a:lnTo>
                  <a:lnTo>
                    <a:pt x="570130" y="157993"/>
                  </a:lnTo>
                  <a:lnTo>
                    <a:pt x="543832" y="42529"/>
                  </a:lnTo>
                  <a:cubicBezTo>
                    <a:pt x="539313" y="23216"/>
                    <a:pt x="522054" y="7191"/>
                    <a:pt x="501920" y="5136"/>
                  </a:cubicBezTo>
                  <a:cubicBezTo>
                    <a:pt x="501509" y="5136"/>
                    <a:pt x="481375" y="3082"/>
                    <a:pt x="459597" y="3082"/>
                  </a:cubicBezTo>
                  <a:cubicBezTo>
                    <a:pt x="440285" y="3082"/>
                    <a:pt x="420972" y="4726"/>
                    <a:pt x="417273" y="5136"/>
                  </a:cubicBezTo>
                  <a:cubicBezTo>
                    <a:pt x="397140" y="7191"/>
                    <a:pt x="379470" y="22805"/>
                    <a:pt x="375361" y="42529"/>
                  </a:cubicBezTo>
                  <a:lnTo>
                    <a:pt x="349474" y="157993"/>
                  </a:lnTo>
                  <a:lnTo>
                    <a:pt x="349063" y="159226"/>
                  </a:lnTo>
                  <a:lnTo>
                    <a:pt x="347831" y="159637"/>
                  </a:lnTo>
                  <a:lnTo>
                    <a:pt x="342078" y="161691"/>
                  </a:lnTo>
                  <a:cubicBezTo>
                    <a:pt x="338791" y="162924"/>
                    <a:pt x="335093" y="164567"/>
                    <a:pt x="331806" y="165800"/>
                  </a:cubicBezTo>
                  <a:lnTo>
                    <a:pt x="326464" y="168266"/>
                  </a:lnTo>
                  <a:lnTo>
                    <a:pt x="325231" y="168676"/>
                  </a:lnTo>
                  <a:lnTo>
                    <a:pt x="324409" y="167855"/>
                  </a:lnTo>
                  <a:lnTo>
                    <a:pt x="224148" y="104575"/>
                  </a:lnTo>
                  <a:cubicBezTo>
                    <a:pt x="217574" y="100466"/>
                    <a:pt x="208534" y="98001"/>
                    <a:pt x="199494" y="98001"/>
                  </a:cubicBezTo>
                  <a:cubicBezTo>
                    <a:pt x="187578" y="98001"/>
                    <a:pt x="176073" y="102110"/>
                    <a:pt x="167854" y="109095"/>
                  </a:cubicBezTo>
                  <a:lnTo>
                    <a:pt x="167033" y="109917"/>
                  </a:lnTo>
                  <a:lnTo>
                    <a:pt x="109095" y="167855"/>
                  </a:lnTo>
                  <a:cubicBezTo>
                    <a:pt x="96357" y="182647"/>
                    <a:pt x="94302" y="206891"/>
                    <a:pt x="104986" y="223738"/>
                  </a:cubicBezTo>
                  <a:lnTo>
                    <a:pt x="168265" y="323999"/>
                  </a:lnTo>
                  <a:lnTo>
                    <a:pt x="169087" y="324820"/>
                  </a:lnTo>
                  <a:lnTo>
                    <a:pt x="168676" y="326053"/>
                  </a:lnTo>
                  <a:lnTo>
                    <a:pt x="166211" y="331395"/>
                  </a:lnTo>
                  <a:cubicBezTo>
                    <a:pt x="164567" y="334682"/>
                    <a:pt x="163335" y="338380"/>
                    <a:pt x="161691" y="341667"/>
                  </a:cubicBezTo>
                  <a:lnTo>
                    <a:pt x="159636" y="347009"/>
                  </a:lnTo>
                  <a:lnTo>
                    <a:pt x="159226" y="348242"/>
                  </a:lnTo>
                  <a:lnTo>
                    <a:pt x="157993" y="348653"/>
                  </a:lnTo>
                  <a:lnTo>
                    <a:pt x="42529" y="374951"/>
                  </a:lnTo>
                  <a:cubicBezTo>
                    <a:pt x="23216" y="379471"/>
                    <a:pt x="7191" y="396728"/>
                    <a:pt x="5136" y="416863"/>
                  </a:cubicBezTo>
                  <a:cubicBezTo>
                    <a:pt x="5136" y="417274"/>
                    <a:pt x="3082" y="437408"/>
                    <a:pt x="3082" y="459186"/>
                  </a:cubicBezTo>
                  <a:cubicBezTo>
                    <a:pt x="3082" y="478909"/>
                    <a:pt x="4726" y="497811"/>
                    <a:pt x="5136" y="501098"/>
                  </a:cubicBezTo>
                  <a:cubicBezTo>
                    <a:pt x="7191" y="521233"/>
                    <a:pt x="22805" y="538901"/>
                    <a:pt x="42529" y="543010"/>
                  </a:cubicBezTo>
                  <a:lnTo>
                    <a:pt x="157993" y="568898"/>
                  </a:lnTo>
                  <a:lnTo>
                    <a:pt x="159226" y="569308"/>
                  </a:lnTo>
                  <a:lnTo>
                    <a:pt x="159636" y="570541"/>
                  </a:lnTo>
                  <a:lnTo>
                    <a:pt x="161691" y="575883"/>
                  </a:lnTo>
                  <a:cubicBezTo>
                    <a:pt x="162924" y="579170"/>
                    <a:pt x="164567" y="582869"/>
                    <a:pt x="166211" y="586155"/>
                  </a:cubicBezTo>
                  <a:lnTo>
                    <a:pt x="168676" y="591497"/>
                  </a:lnTo>
                  <a:lnTo>
                    <a:pt x="169087" y="592730"/>
                  </a:lnTo>
                  <a:lnTo>
                    <a:pt x="168265" y="593552"/>
                  </a:lnTo>
                  <a:lnTo>
                    <a:pt x="104986" y="693813"/>
                  </a:lnTo>
                  <a:cubicBezTo>
                    <a:pt x="94302" y="710660"/>
                    <a:pt x="96357" y="734903"/>
                    <a:pt x="109506" y="749696"/>
                  </a:cubicBezTo>
                  <a:cubicBezTo>
                    <a:pt x="109917" y="750107"/>
                    <a:pt x="109917" y="750517"/>
                    <a:pt x="110328" y="750517"/>
                  </a:cubicBezTo>
                  <a:lnTo>
                    <a:pt x="167033" y="807222"/>
                  </a:lnTo>
                  <a:cubicBezTo>
                    <a:pt x="167444" y="807633"/>
                    <a:pt x="167854" y="808044"/>
                    <a:pt x="168265" y="808044"/>
                  </a:cubicBezTo>
                  <a:cubicBezTo>
                    <a:pt x="176073" y="815030"/>
                    <a:pt x="187578" y="818728"/>
                    <a:pt x="199494" y="818728"/>
                  </a:cubicBezTo>
                  <a:cubicBezTo>
                    <a:pt x="208534" y="818728"/>
                    <a:pt x="217163" y="816262"/>
                    <a:pt x="224148" y="812153"/>
                  </a:cubicBezTo>
                  <a:lnTo>
                    <a:pt x="324409" y="748874"/>
                  </a:lnTo>
                  <a:lnTo>
                    <a:pt x="325231" y="748052"/>
                  </a:lnTo>
                  <a:lnTo>
                    <a:pt x="326464" y="748463"/>
                  </a:lnTo>
                  <a:lnTo>
                    <a:pt x="331806" y="750929"/>
                  </a:lnTo>
                  <a:cubicBezTo>
                    <a:pt x="335093" y="752572"/>
                    <a:pt x="338791" y="753805"/>
                    <a:pt x="342078" y="755038"/>
                  </a:cubicBezTo>
                  <a:lnTo>
                    <a:pt x="347831" y="757092"/>
                  </a:lnTo>
                  <a:lnTo>
                    <a:pt x="349063" y="757503"/>
                  </a:lnTo>
                  <a:lnTo>
                    <a:pt x="349474" y="758735"/>
                  </a:lnTo>
                  <a:lnTo>
                    <a:pt x="375772" y="874200"/>
                  </a:lnTo>
                  <a:cubicBezTo>
                    <a:pt x="380292" y="893512"/>
                    <a:pt x="397550" y="909538"/>
                    <a:pt x="417685" y="911592"/>
                  </a:cubicBezTo>
                  <a:cubicBezTo>
                    <a:pt x="418096" y="911592"/>
                    <a:pt x="438230" y="913647"/>
                    <a:pt x="460008" y="913647"/>
                  </a:cubicBezTo>
                  <a:cubicBezTo>
                    <a:pt x="479731" y="913647"/>
                    <a:pt x="498633" y="912003"/>
                    <a:pt x="501920" y="911592"/>
                  </a:cubicBezTo>
                  <a:cubicBezTo>
                    <a:pt x="522054" y="909538"/>
                    <a:pt x="539723" y="893923"/>
                    <a:pt x="543832" y="874200"/>
                  </a:cubicBezTo>
                  <a:lnTo>
                    <a:pt x="570130" y="758735"/>
                  </a:lnTo>
                  <a:lnTo>
                    <a:pt x="570541" y="757503"/>
                  </a:lnTo>
                  <a:lnTo>
                    <a:pt x="571774" y="757092"/>
                  </a:lnTo>
                  <a:lnTo>
                    <a:pt x="577116" y="755038"/>
                  </a:lnTo>
                  <a:cubicBezTo>
                    <a:pt x="580403" y="753805"/>
                    <a:pt x="584101" y="752161"/>
                    <a:pt x="587388" y="750929"/>
                  </a:cubicBezTo>
                  <a:lnTo>
                    <a:pt x="592730" y="748463"/>
                  </a:lnTo>
                  <a:lnTo>
                    <a:pt x="593963" y="748052"/>
                  </a:lnTo>
                  <a:lnTo>
                    <a:pt x="594785" y="748874"/>
                  </a:lnTo>
                  <a:lnTo>
                    <a:pt x="599715" y="752161"/>
                  </a:lnTo>
                  <a:lnTo>
                    <a:pt x="695046" y="812153"/>
                  </a:lnTo>
                  <a:cubicBezTo>
                    <a:pt x="701620" y="816262"/>
                    <a:pt x="710660" y="818728"/>
                    <a:pt x="719700" y="818728"/>
                  </a:cubicBezTo>
                  <a:cubicBezTo>
                    <a:pt x="731616" y="818728"/>
                    <a:pt x="743121" y="814619"/>
                    <a:pt x="750928" y="808044"/>
                  </a:cubicBezTo>
                  <a:cubicBezTo>
                    <a:pt x="751339" y="807633"/>
                    <a:pt x="751750" y="807222"/>
                    <a:pt x="752161" y="806812"/>
                  </a:cubicBezTo>
                  <a:lnTo>
                    <a:pt x="808866" y="750107"/>
                  </a:lnTo>
                  <a:cubicBezTo>
                    <a:pt x="809277" y="749696"/>
                    <a:pt x="809277" y="749696"/>
                    <a:pt x="809688" y="749285"/>
                  </a:cubicBezTo>
                  <a:cubicBezTo>
                    <a:pt x="822837" y="734081"/>
                    <a:pt x="824891" y="709838"/>
                    <a:pt x="814208" y="692991"/>
                  </a:cubicBezTo>
                  <a:lnTo>
                    <a:pt x="750928" y="592730"/>
                  </a:lnTo>
                  <a:lnTo>
                    <a:pt x="750106" y="591908"/>
                  </a:lnTo>
                  <a:lnTo>
                    <a:pt x="750518" y="590676"/>
                  </a:lnTo>
                  <a:lnTo>
                    <a:pt x="752983" y="585334"/>
                  </a:lnTo>
                  <a:cubicBezTo>
                    <a:pt x="754627" y="582046"/>
                    <a:pt x="755859" y="578349"/>
                    <a:pt x="757503" y="575061"/>
                  </a:cubicBezTo>
                  <a:lnTo>
                    <a:pt x="759557" y="569719"/>
                  </a:lnTo>
                  <a:lnTo>
                    <a:pt x="759968" y="568487"/>
                  </a:lnTo>
                  <a:lnTo>
                    <a:pt x="761201" y="568076"/>
                  </a:lnTo>
                  <a:lnTo>
                    <a:pt x="876665" y="541778"/>
                  </a:lnTo>
                  <a:cubicBezTo>
                    <a:pt x="896389" y="538491"/>
                    <a:pt x="912003" y="520822"/>
                    <a:pt x="914057" y="501098"/>
                  </a:cubicBezTo>
                  <a:close/>
                  <a:moveTo>
                    <a:pt x="875844" y="493702"/>
                  </a:moveTo>
                  <a:lnTo>
                    <a:pt x="875021" y="501920"/>
                  </a:lnTo>
                  <a:lnTo>
                    <a:pt x="875021" y="503564"/>
                  </a:lnTo>
                  <a:lnTo>
                    <a:pt x="873378" y="503975"/>
                  </a:lnTo>
                  <a:lnTo>
                    <a:pt x="741067" y="533971"/>
                  </a:lnTo>
                  <a:cubicBezTo>
                    <a:pt x="734492" y="535615"/>
                    <a:pt x="728739" y="540545"/>
                    <a:pt x="726685" y="547120"/>
                  </a:cubicBezTo>
                  <a:cubicBezTo>
                    <a:pt x="722576" y="559858"/>
                    <a:pt x="717234" y="573007"/>
                    <a:pt x="710660" y="585745"/>
                  </a:cubicBezTo>
                  <a:cubicBezTo>
                    <a:pt x="707783" y="591908"/>
                    <a:pt x="707783" y="599305"/>
                    <a:pt x="711482" y="605058"/>
                  </a:cubicBezTo>
                  <a:lnTo>
                    <a:pt x="783801" y="719289"/>
                  </a:lnTo>
                  <a:lnTo>
                    <a:pt x="784622" y="720932"/>
                  </a:lnTo>
                  <a:lnTo>
                    <a:pt x="783390" y="722165"/>
                  </a:lnTo>
                  <a:lnTo>
                    <a:pt x="722987" y="782568"/>
                  </a:lnTo>
                  <a:lnTo>
                    <a:pt x="721754" y="783801"/>
                  </a:lnTo>
                  <a:lnTo>
                    <a:pt x="720111" y="782979"/>
                  </a:lnTo>
                  <a:lnTo>
                    <a:pt x="605879" y="710660"/>
                  </a:lnTo>
                  <a:cubicBezTo>
                    <a:pt x="603003" y="708605"/>
                    <a:pt x="599304" y="707784"/>
                    <a:pt x="595606" y="707784"/>
                  </a:cubicBezTo>
                  <a:cubicBezTo>
                    <a:pt x="592730" y="707784"/>
                    <a:pt x="589443" y="708605"/>
                    <a:pt x="586977" y="709838"/>
                  </a:cubicBezTo>
                  <a:cubicBezTo>
                    <a:pt x="574239" y="716413"/>
                    <a:pt x="561090" y="721754"/>
                    <a:pt x="548352" y="725863"/>
                  </a:cubicBezTo>
                  <a:cubicBezTo>
                    <a:pt x="541778" y="727918"/>
                    <a:pt x="536847" y="733260"/>
                    <a:pt x="535203" y="740245"/>
                  </a:cubicBezTo>
                  <a:lnTo>
                    <a:pt x="505207" y="872556"/>
                  </a:lnTo>
                  <a:lnTo>
                    <a:pt x="504796" y="874200"/>
                  </a:lnTo>
                  <a:lnTo>
                    <a:pt x="503153" y="874200"/>
                  </a:lnTo>
                  <a:lnTo>
                    <a:pt x="494935" y="875022"/>
                  </a:lnTo>
                  <a:cubicBezTo>
                    <a:pt x="487949" y="875843"/>
                    <a:pt x="472335" y="875843"/>
                    <a:pt x="460008" y="875843"/>
                  </a:cubicBezTo>
                  <a:cubicBezTo>
                    <a:pt x="447681" y="875843"/>
                    <a:pt x="432477" y="875433"/>
                    <a:pt x="425492" y="875022"/>
                  </a:cubicBezTo>
                  <a:lnTo>
                    <a:pt x="417273" y="874200"/>
                  </a:lnTo>
                  <a:lnTo>
                    <a:pt x="415630" y="874200"/>
                  </a:lnTo>
                  <a:lnTo>
                    <a:pt x="415219" y="872556"/>
                  </a:lnTo>
                  <a:lnTo>
                    <a:pt x="385223" y="740245"/>
                  </a:lnTo>
                  <a:cubicBezTo>
                    <a:pt x="383579" y="733670"/>
                    <a:pt x="378649" y="727918"/>
                    <a:pt x="372074" y="725863"/>
                  </a:cubicBezTo>
                  <a:cubicBezTo>
                    <a:pt x="359336" y="721754"/>
                    <a:pt x="346187" y="716413"/>
                    <a:pt x="333449" y="709838"/>
                  </a:cubicBezTo>
                  <a:cubicBezTo>
                    <a:pt x="330983" y="708605"/>
                    <a:pt x="327697" y="707784"/>
                    <a:pt x="324820" y="707784"/>
                  </a:cubicBezTo>
                  <a:cubicBezTo>
                    <a:pt x="321122" y="707784"/>
                    <a:pt x="317424" y="709016"/>
                    <a:pt x="314547" y="710660"/>
                  </a:cubicBezTo>
                  <a:lnTo>
                    <a:pt x="200316" y="782979"/>
                  </a:lnTo>
                  <a:lnTo>
                    <a:pt x="198672" y="783801"/>
                  </a:lnTo>
                  <a:lnTo>
                    <a:pt x="197439" y="782568"/>
                  </a:lnTo>
                  <a:lnTo>
                    <a:pt x="137037" y="722165"/>
                  </a:lnTo>
                  <a:lnTo>
                    <a:pt x="135804" y="720932"/>
                  </a:lnTo>
                  <a:lnTo>
                    <a:pt x="136626" y="719289"/>
                  </a:lnTo>
                  <a:lnTo>
                    <a:pt x="208945" y="605058"/>
                  </a:lnTo>
                  <a:cubicBezTo>
                    <a:pt x="212643" y="599305"/>
                    <a:pt x="213054" y="591908"/>
                    <a:pt x="209767" y="585745"/>
                  </a:cubicBezTo>
                  <a:cubicBezTo>
                    <a:pt x="203192" y="573007"/>
                    <a:pt x="197851" y="559858"/>
                    <a:pt x="193742" y="547120"/>
                  </a:cubicBezTo>
                  <a:cubicBezTo>
                    <a:pt x="191687" y="540545"/>
                    <a:pt x="185934" y="535615"/>
                    <a:pt x="179360" y="533971"/>
                  </a:cubicBezTo>
                  <a:lnTo>
                    <a:pt x="47048" y="503975"/>
                  </a:lnTo>
                  <a:lnTo>
                    <a:pt x="45405" y="503564"/>
                  </a:lnTo>
                  <a:lnTo>
                    <a:pt x="45405" y="501920"/>
                  </a:lnTo>
                  <a:lnTo>
                    <a:pt x="44583" y="493702"/>
                  </a:lnTo>
                  <a:cubicBezTo>
                    <a:pt x="44172" y="488360"/>
                    <a:pt x="42939" y="473979"/>
                    <a:pt x="42939" y="458775"/>
                  </a:cubicBezTo>
                  <a:cubicBezTo>
                    <a:pt x="42939" y="443983"/>
                    <a:pt x="44172" y="429601"/>
                    <a:pt x="44583" y="423848"/>
                  </a:cubicBezTo>
                  <a:lnTo>
                    <a:pt x="45405" y="415630"/>
                  </a:lnTo>
                  <a:lnTo>
                    <a:pt x="45405" y="413987"/>
                  </a:lnTo>
                  <a:lnTo>
                    <a:pt x="47048" y="413575"/>
                  </a:lnTo>
                  <a:lnTo>
                    <a:pt x="54856" y="411932"/>
                  </a:lnTo>
                  <a:lnTo>
                    <a:pt x="178949" y="383991"/>
                  </a:lnTo>
                  <a:cubicBezTo>
                    <a:pt x="185524" y="382347"/>
                    <a:pt x="190865" y="377416"/>
                    <a:pt x="193330" y="370842"/>
                  </a:cubicBezTo>
                  <a:cubicBezTo>
                    <a:pt x="197439" y="358103"/>
                    <a:pt x="202781" y="344955"/>
                    <a:pt x="209356" y="332217"/>
                  </a:cubicBezTo>
                  <a:cubicBezTo>
                    <a:pt x="212232" y="326053"/>
                    <a:pt x="212232" y="318657"/>
                    <a:pt x="208534" y="312904"/>
                  </a:cubicBezTo>
                  <a:lnTo>
                    <a:pt x="136215" y="198673"/>
                  </a:lnTo>
                  <a:lnTo>
                    <a:pt x="135393" y="197029"/>
                  </a:lnTo>
                  <a:lnTo>
                    <a:pt x="136626" y="195796"/>
                  </a:lnTo>
                  <a:lnTo>
                    <a:pt x="197029" y="135393"/>
                  </a:lnTo>
                  <a:lnTo>
                    <a:pt x="198262" y="134161"/>
                  </a:lnTo>
                  <a:lnTo>
                    <a:pt x="199905" y="134982"/>
                  </a:lnTo>
                  <a:lnTo>
                    <a:pt x="314136" y="207301"/>
                  </a:lnTo>
                  <a:cubicBezTo>
                    <a:pt x="317013" y="209356"/>
                    <a:pt x="320711" y="210178"/>
                    <a:pt x="324820" y="210178"/>
                  </a:cubicBezTo>
                  <a:cubicBezTo>
                    <a:pt x="328107" y="210178"/>
                    <a:pt x="330983" y="209356"/>
                    <a:pt x="333449" y="208123"/>
                  </a:cubicBezTo>
                  <a:cubicBezTo>
                    <a:pt x="346187" y="201549"/>
                    <a:pt x="359336" y="196207"/>
                    <a:pt x="372074" y="192098"/>
                  </a:cubicBezTo>
                  <a:cubicBezTo>
                    <a:pt x="378649" y="190043"/>
                    <a:pt x="383579" y="184291"/>
                    <a:pt x="385223" y="177716"/>
                  </a:cubicBezTo>
                  <a:lnTo>
                    <a:pt x="415219" y="45405"/>
                  </a:lnTo>
                  <a:lnTo>
                    <a:pt x="415630" y="43761"/>
                  </a:lnTo>
                  <a:lnTo>
                    <a:pt x="417273" y="43761"/>
                  </a:lnTo>
                  <a:lnTo>
                    <a:pt x="425492" y="42940"/>
                  </a:lnTo>
                  <a:cubicBezTo>
                    <a:pt x="430834" y="42529"/>
                    <a:pt x="445215" y="41296"/>
                    <a:pt x="460418" y="41296"/>
                  </a:cubicBezTo>
                  <a:cubicBezTo>
                    <a:pt x="475622" y="41296"/>
                    <a:pt x="489593" y="42529"/>
                    <a:pt x="495345" y="42940"/>
                  </a:cubicBezTo>
                  <a:lnTo>
                    <a:pt x="503563" y="43761"/>
                  </a:lnTo>
                  <a:lnTo>
                    <a:pt x="505207" y="43761"/>
                  </a:lnTo>
                  <a:lnTo>
                    <a:pt x="505618" y="45405"/>
                  </a:lnTo>
                  <a:lnTo>
                    <a:pt x="507262" y="53212"/>
                  </a:lnTo>
                  <a:lnTo>
                    <a:pt x="535203" y="177306"/>
                  </a:lnTo>
                  <a:cubicBezTo>
                    <a:pt x="536847" y="183880"/>
                    <a:pt x="541778" y="189633"/>
                    <a:pt x="548352" y="191687"/>
                  </a:cubicBezTo>
                  <a:cubicBezTo>
                    <a:pt x="561090" y="195796"/>
                    <a:pt x="574239" y="201138"/>
                    <a:pt x="586977" y="207712"/>
                  </a:cubicBezTo>
                  <a:cubicBezTo>
                    <a:pt x="589443" y="208945"/>
                    <a:pt x="592730" y="209767"/>
                    <a:pt x="595606" y="209767"/>
                  </a:cubicBezTo>
                  <a:cubicBezTo>
                    <a:pt x="599304" y="209767"/>
                    <a:pt x="603003" y="208534"/>
                    <a:pt x="606290" y="206891"/>
                  </a:cubicBezTo>
                  <a:lnTo>
                    <a:pt x="720521" y="134571"/>
                  </a:lnTo>
                  <a:lnTo>
                    <a:pt x="722165" y="133749"/>
                  </a:lnTo>
                  <a:lnTo>
                    <a:pt x="723398" y="134982"/>
                  </a:lnTo>
                  <a:lnTo>
                    <a:pt x="783801" y="195385"/>
                  </a:lnTo>
                  <a:lnTo>
                    <a:pt x="785033" y="196618"/>
                  </a:lnTo>
                  <a:lnTo>
                    <a:pt x="784212" y="198262"/>
                  </a:lnTo>
                  <a:lnTo>
                    <a:pt x="711892" y="312493"/>
                  </a:lnTo>
                  <a:cubicBezTo>
                    <a:pt x="708194" y="318246"/>
                    <a:pt x="707783" y="325642"/>
                    <a:pt x="711070" y="331806"/>
                  </a:cubicBezTo>
                  <a:cubicBezTo>
                    <a:pt x="717645" y="344544"/>
                    <a:pt x="722987" y="357693"/>
                    <a:pt x="727096" y="370430"/>
                  </a:cubicBezTo>
                  <a:cubicBezTo>
                    <a:pt x="729150" y="377005"/>
                    <a:pt x="734903" y="381936"/>
                    <a:pt x="741477" y="383580"/>
                  </a:cubicBezTo>
                  <a:lnTo>
                    <a:pt x="873789" y="413575"/>
                  </a:lnTo>
                  <a:lnTo>
                    <a:pt x="875432" y="413987"/>
                  </a:lnTo>
                  <a:lnTo>
                    <a:pt x="875432" y="415630"/>
                  </a:lnTo>
                  <a:lnTo>
                    <a:pt x="876254" y="423848"/>
                  </a:lnTo>
                  <a:cubicBezTo>
                    <a:pt x="877076" y="430834"/>
                    <a:pt x="877898" y="444805"/>
                    <a:pt x="877898" y="458364"/>
                  </a:cubicBezTo>
                  <a:cubicBezTo>
                    <a:pt x="877487" y="473979"/>
                    <a:pt x="876254" y="488360"/>
                    <a:pt x="875844" y="493702"/>
                  </a:cubicBezTo>
                  <a:close/>
                </a:path>
              </a:pathLst>
            </a:custGeom>
            <a:grpFill/>
            <a:ln w="9525" cap="flat">
              <a:noFill/>
              <a:prstDash val="solid"/>
              <a:miter/>
            </a:ln>
          </p:spPr>
          <p:txBody>
            <a:bodyPr rtlCol="0" anchor="ctr"/>
            <a:lstStyle/>
            <a:p>
              <a:endParaRPr lang="da-DK" noProof="0"/>
            </a:p>
          </p:txBody>
        </p:sp>
        <p:sp>
          <p:nvSpPr>
            <p:cNvPr id="75" name="Freeform: Shape 74">
              <a:extLst>
                <a:ext uri="{FF2B5EF4-FFF2-40B4-BE49-F238E27FC236}">
                  <a16:creationId xmlns:a16="http://schemas.microsoft.com/office/drawing/2014/main" id="{9757D75A-E38F-233D-1930-FD66BF989477}"/>
                </a:ext>
              </a:extLst>
            </p:cNvPr>
            <p:cNvSpPr/>
            <p:nvPr/>
          </p:nvSpPr>
          <p:spPr>
            <a:xfrm>
              <a:off x="-1852328" y="4255691"/>
              <a:ext cx="361596" cy="361596"/>
            </a:xfrm>
            <a:custGeom>
              <a:avLst/>
              <a:gdLst>
                <a:gd name="connsiteX0" fmla="*/ 181414 w 361596"/>
                <a:gd name="connsiteY0" fmla="*/ 3082 h 361596"/>
                <a:gd name="connsiteX1" fmla="*/ 3082 w 361596"/>
                <a:gd name="connsiteY1" fmla="*/ 181414 h 361596"/>
                <a:gd name="connsiteX2" fmla="*/ 181414 w 361596"/>
                <a:gd name="connsiteY2" fmla="*/ 359747 h 361596"/>
                <a:gd name="connsiteX3" fmla="*/ 359747 w 361596"/>
                <a:gd name="connsiteY3" fmla="*/ 181414 h 361596"/>
                <a:gd name="connsiteX4" fmla="*/ 181414 w 361596"/>
                <a:gd name="connsiteY4" fmla="*/ 3082 h 361596"/>
                <a:gd name="connsiteX5" fmla="*/ 181414 w 361596"/>
                <a:gd name="connsiteY5" fmla="*/ 320711 h 361596"/>
                <a:gd name="connsiteX6" fmla="*/ 42118 w 361596"/>
                <a:gd name="connsiteY6" fmla="*/ 181825 h 361596"/>
                <a:gd name="connsiteX7" fmla="*/ 181414 w 361596"/>
                <a:gd name="connsiteY7" fmla="*/ 42529 h 361596"/>
                <a:gd name="connsiteX8" fmla="*/ 320711 w 361596"/>
                <a:gd name="connsiteY8" fmla="*/ 181825 h 361596"/>
                <a:gd name="connsiteX9" fmla="*/ 181414 w 361596"/>
                <a:gd name="connsiteY9" fmla="*/ 320711 h 3615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61596" h="361596">
                  <a:moveTo>
                    <a:pt x="181414" y="3082"/>
                  </a:moveTo>
                  <a:cubicBezTo>
                    <a:pt x="83208" y="3082"/>
                    <a:pt x="3082" y="83208"/>
                    <a:pt x="3082" y="181414"/>
                  </a:cubicBezTo>
                  <a:cubicBezTo>
                    <a:pt x="3082" y="279620"/>
                    <a:pt x="83208" y="359747"/>
                    <a:pt x="181414" y="359747"/>
                  </a:cubicBezTo>
                  <a:cubicBezTo>
                    <a:pt x="279620" y="359747"/>
                    <a:pt x="359747" y="279620"/>
                    <a:pt x="359747" y="181414"/>
                  </a:cubicBezTo>
                  <a:cubicBezTo>
                    <a:pt x="359336" y="83208"/>
                    <a:pt x="279620" y="3082"/>
                    <a:pt x="181414" y="3082"/>
                  </a:cubicBezTo>
                  <a:close/>
                  <a:moveTo>
                    <a:pt x="181414" y="320711"/>
                  </a:moveTo>
                  <a:cubicBezTo>
                    <a:pt x="104575" y="320711"/>
                    <a:pt x="42118" y="258254"/>
                    <a:pt x="42118" y="181825"/>
                  </a:cubicBezTo>
                  <a:cubicBezTo>
                    <a:pt x="42118" y="104986"/>
                    <a:pt x="104575" y="42529"/>
                    <a:pt x="181414" y="42529"/>
                  </a:cubicBezTo>
                  <a:cubicBezTo>
                    <a:pt x="258254" y="42529"/>
                    <a:pt x="320711" y="104986"/>
                    <a:pt x="320711" y="181825"/>
                  </a:cubicBezTo>
                  <a:cubicBezTo>
                    <a:pt x="320300" y="258254"/>
                    <a:pt x="257843" y="320711"/>
                    <a:pt x="181414" y="320711"/>
                  </a:cubicBezTo>
                  <a:close/>
                </a:path>
              </a:pathLst>
            </a:custGeom>
            <a:grpFill/>
            <a:ln w="9525" cap="flat">
              <a:noFill/>
              <a:prstDash val="solid"/>
              <a:miter/>
            </a:ln>
          </p:spPr>
          <p:txBody>
            <a:bodyPr rtlCol="0" anchor="ctr"/>
            <a:lstStyle/>
            <a:p>
              <a:endParaRPr lang="da-DK" noProof="0"/>
            </a:p>
          </p:txBody>
        </p:sp>
        <p:sp>
          <p:nvSpPr>
            <p:cNvPr id="76" name="Freeform: Shape 75">
              <a:extLst>
                <a:ext uri="{FF2B5EF4-FFF2-40B4-BE49-F238E27FC236}">
                  <a16:creationId xmlns:a16="http://schemas.microsoft.com/office/drawing/2014/main" id="{BF2D4CD7-FD4A-61CE-B74E-4E942FB5E315}"/>
                </a:ext>
              </a:extLst>
            </p:cNvPr>
            <p:cNvSpPr/>
            <p:nvPr/>
          </p:nvSpPr>
          <p:spPr>
            <a:xfrm>
              <a:off x="-1270574" y="3912996"/>
              <a:ext cx="476650" cy="480759"/>
            </a:xfrm>
            <a:custGeom>
              <a:avLst/>
              <a:gdLst>
                <a:gd name="connsiteX0" fmla="*/ 473655 w 476649"/>
                <a:gd name="connsiteY0" fmla="*/ 305508 h 480758"/>
                <a:gd name="connsiteX1" fmla="*/ 476941 w 476649"/>
                <a:gd name="connsiteY1" fmla="*/ 293180 h 480758"/>
                <a:gd name="connsiteX2" fmla="*/ 454342 w 476649"/>
                <a:gd name="connsiteY2" fmla="*/ 247159 h 480758"/>
                <a:gd name="connsiteX3" fmla="*/ 407499 w 476649"/>
                <a:gd name="connsiteY3" fmla="*/ 222094 h 480758"/>
                <a:gd name="connsiteX4" fmla="*/ 404622 w 476649"/>
                <a:gd name="connsiteY4" fmla="*/ 220450 h 480758"/>
                <a:gd name="connsiteX5" fmla="*/ 407088 w 476649"/>
                <a:gd name="connsiteY5" fmla="*/ 218396 h 480758"/>
                <a:gd name="connsiteX6" fmla="*/ 446535 w 476649"/>
                <a:gd name="connsiteY6" fmla="*/ 182647 h 480758"/>
                <a:gd name="connsiteX7" fmla="*/ 456396 w 476649"/>
                <a:gd name="connsiteY7" fmla="*/ 132517 h 480758"/>
                <a:gd name="connsiteX8" fmla="*/ 455985 w 476649"/>
                <a:gd name="connsiteY8" fmla="*/ 131284 h 480758"/>
                <a:gd name="connsiteX9" fmla="*/ 444480 w 476649"/>
                <a:gd name="connsiteY9" fmla="*/ 111150 h 480758"/>
                <a:gd name="connsiteX10" fmla="*/ 407088 w 476649"/>
                <a:gd name="connsiteY10" fmla="*/ 92248 h 480758"/>
                <a:gd name="connsiteX11" fmla="*/ 395993 w 476649"/>
                <a:gd name="connsiteY11" fmla="*/ 93892 h 480758"/>
                <a:gd name="connsiteX12" fmla="*/ 345041 w 476649"/>
                <a:gd name="connsiteY12" fmla="*/ 109095 h 480758"/>
                <a:gd name="connsiteX13" fmla="*/ 342165 w 476649"/>
                <a:gd name="connsiteY13" fmla="*/ 109917 h 480758"/>
                <a:gd name="connsiteX14" fmla="*/ 342165 w 476649"/>
                <a:gd name="connsiteY14" fmla="*/ 106630 h 480758"/>
                <a:gd name="connsiteX15" fmla="*/ 344630 w 476649"/>
                <a:gd name="connsiteY15" fmla="*/ 53623 h 480758"/>
                <a:gd name="connsiteX16" fmla="*/ 317100 w 476649"/>
                <a:gd name="connsiteY16" fmla="*/ 10478 h 480758"/>
                <a:gd name="connsiteX17" fmla="*/ 304773 w 476649"/>
                <a:gd name="connsiteY17" fmla="*/ 6780 h 480758"/>
                <a:gd name="connsiteX18" fmla="*/ 292856 w 476649"/>
                <a:gd name="connsiteY18" fmla="*/ 3493 h 480758"/>
                <a:gd name="connsiteX19" fmla="*/ 292446 w 476649"/>
                <a:gd name="connsiteY19" fmla="*/ 3493 h 480758"/>
                <a:gd name="connsiteX20" fmla="*/ 286693 w 476649"/>
                <a:gd name="connsiteY20" fmla="*/ 3082 h 480758"/>
                <a:gd name="connsiteX21" fmla="*/ 246835 w 476649"/>
                <a:gd name="connsiteY21" fmla="*/ 26092 h 480758"/>
                <a:gd name="connsiteX22" fmla="*/ 221770 w 476649"/>
                <a:gd name="connsiteY22" fmla="*/ 72936 h 480758"/>
                <a:gd name="connsiteX23" fmla="*/ 220126 w 476649"/>
                <a:gd name="connsiteY23" fmla="*/ 75812 h 480758"/>
                <a:gd name="connsiteX24" fmla="*/ 218071 w 476649"/>
                <a:gd name="connsiteY24" fmla="*/ 73346 h 480758"/>
                <a:gd name="connsiteX25" fmla="*/ 182323 w 476649"/>
                <a:gd name="connsiteY25" fmla="*/ 33900 h 480758"/>
                <a:gd name="connsiteX26" fmla="*/ 149040 w 476649"/>
                <a:gd name="connsiteY26" fmla="*/ 20340 h 480758"/>
                <a:gd name="connsiteX27" fmla="*/ 131781 w 476649"/>
                <a:gd name="connsiteY27" fmla="*/ 24038 h 480758"/>
                <a:gd name="connsiteX28" fmla="*/ 130960 w 476649"/>
                <a:gd name="connsiteY28" fmla="*/ 24449 h 480758"/>
                <a:gd name="connsiteX29" fmla="*/ 110415 w 476649"/>
                <a:gd name="connsiteY29" fmla="*/ 35954 h 480758"/>
                <a:gd name="connsiteX30" fmla="*/ 93568 w 476649"/>
                <a:gd name="connsiteY30" fmla="*/ 84030 h 480758"/>
                <a:gd name="connsiteX31" fmla="*/ 108771 w 476649"/>
                <a:gd name="connsiteY31" fmla="*/ 134982 h 480758"/>
                <a:gd name="connsiteX32" fmla="*/ 109593 w 476649"/>
                <a:gd name="connsiteY32" fmla="*/ 137858 h 480758"/>
                <a:gd name="connsiteX33" fmla="*/ 106306 w 476649"/>
                <a:gd name="connsiteY33" fmla="*/ 137858 h 480758"/>
                <a:gd name="connsiteX34" fmla="*/ 51244 w 476649"/>
                <a:gd name="connsiteY34" fmla="*/ 135393 h 480758"/>
                <a:gd name="connsiteX35" fmla="*/ 10565 w 476649"/>
                <a:gd name="connsiteY35" fmla="*/ 162924 h 480758"/>
                <a:gd name="connsiteX36" fmla="*/ 6867 w 476649"/>
                <a:gd name="connsiteY36" fmla="*/ 175662 h 480758"/>
                <a:gd name="connsiteX37" fmla="*/ 3579 w 476649"/>
                <a:gd name="connsiteY37" fmla="*/ 188400 h 480758"/>
                <a:gd name="connsiteX38" fmla="*/ 26179 w 476649"/>
                <a:gd name="connsiteY38" fmla="*/ 234010 h 480758"/>
                <a:gd name="connsiteX39" fmla="*/ 73022 w 476649"/>
                <a:gd name="connsiteY39" fmla="*/ 259075 h 480758"/>
                <a:gd name="connsiteX40" fmla="*/ 75899 w 476649"/>
                <a:gd name="connsiteY40" fmla="*/ 260719 h 480758"/>
                <a:gd name="connsiteX41" fmla="*/ 73433 w 476649"/>
                <a:gd name="connsiteY41" fmla="*/ 262773 h 480758"/>
                <a:gd name="connsiteX42" fmla="*/ 33986 w 476649"/>
                <a:gd name="connsiteY42" fmla="*/ 298522 h 480758"/>
                <a:gd name="connsiteX43" fmla="*/ 24125 w 476649"/>
                <a:gd name="connsiteY43" fmla="*/ 348653 h 480758"/>
                <a:gd name="connsiteX44" fmla="*/ 24535 w 476649"/>
                <a:gd name="connsiteY44" fmla="*/ 349474 h 480758"/>
                <a:gd name="connsiteX45" fmla="*/ 36041 w 476649"/>
                <a:gd name="connsiteY45" fmla="*/ 369609 h 480758"/>
                <a:gd name="connsiteX46" fmla="*/ 73433 w 476649"/>
                <a:gd name="connsiteY46" fmla="*/ 388510 h 480758"/>
                <a:gd name="connsiteX47" fmla="*/ 84117 w 476649"/>
                <a:gd name="connsiteY47" fmla="*/ 386867 h 480758"/>
                <a:gd name="connsiteX48" fmla="*/ 135069 w 476649"/>
                <a:gd name="connsiteY48" fmla="*/ 371663 h 480758"/>
                <a:gd name="connsiteX49" fmla="*/ 137945 w 476649"/>
                <a:gd name="connsiteY49" fmla="*/ 370842 h 480758"/>
                <a:gd name="connsiteX50" fmla="*/ 137945 w 476649"/>
                <a:gd name="connsiteY50" fmla="*/ 374128 h 480758"/>
                <a:gd name="connsiteX51" fmla="*/ 135480 w 476649"/>
                <a:gd name="connsiteY51" fmla="*/ 427135 h 480758"/>
                <a:gd name="connsiteX52" fmla="*/ 163011 w 476649"/>
                <a:gd name="connsiteY52" fmla="*/ 470280 h 480758"/>
                <a:gd name="connsiteX53" fmla="*/ 175338 w 476649"/>
                <a:gd name="connsiteY53" fmla="*/ 473979 h 480758"/>
                <a:gd name="connsiteX54" fmla="*/ 187665 w 476649"/>
                <a:gd name="connsiteY54" fmla="*/ 477266 h 480758"/>
                <a:gd name="connsiteX55" fmla="*/ 193829 w 476649"/>
                <a:gd name="connsiteY55" fmla="*/ 477677 h 480758"/>
                <a:gd name="connsiteX56" fmla="*/ 233275 w 476649"/>
                <a:gd name="connsiteY56" fmla="*/ 454666 h 480758"/>
                <a:gd name="connsiteX57" fmla="*/ 258340 w 476649"/>
                <a:gd name="connsiteY57" fmla="*/ 407823 h 480758"/>
                <a:gd name="connsiteX58" fmla="*/ 259984 w 476649"/>
                <a:gd name="connsiteY58" fmla="*/ 404946 h 480758"/>
                <a:gd name="connsiteX59" fmla="*/ 262039 w 476649"/>
                <a:gd name="connsiteY59" fmla="*/ 407412 h 480758"/>
                <a:gd name="connsiteX60" fmla="*/ 297787 w 476649"/>
                <a:gd name="connsiteY60" fmla="*/ 446859 h 480758"/>
                <a:gd name="connsiteX61" fmla="*/ 331070 w 476649"/>
                <a:gd name="connsiteY61" fmla="*/ 460418 h 480758"/>
                <a:gd name="connsiteX62" fmla="*/ 348329 w 476649"/>
                <a:gd name="connsiteY62" fmla="*/ 456721 h 480758"/>
                <a:gd name="connsiteX63" fmla="*/ 349561 w 476649"/>
                <a:gd name="connsiteY63" fmla="*/ 456309 h 480758"/>
                <a:gd name="connsiteX64" fmla="*/ 369695 w 476649"/>
                <a:gd name="connsiteY64" fmla="*/ 444804 h 480758"/>
                <a:gd name="connsiteX65" fmla="*/ 386954 w 476649"/>
                <a:gd name="connsiteY65" fmla="*/ 396728 h 480758"/>
                <a:gd name="connsiteX66" fmla="*/ 371750 w 476649"/>
                <a:gd name="connsiteY66" fmla="*/ 345776 h 480758"/>
                <a:gd name="connsiteX67" fmla="*/ 370928 w 476649"/>
                <a:gd name="connsiteY67" fmla="*/ 342900 h 480758"/>
                <a:gd name="connsiteX68" fmla="*/ 374215 w 476649"/>
                <a:gd name="connsiteY68" fmla="*/ 342900 h 480758"/>
                <a:gd name="connsiteX69" fmla="*/ 429277 w 476649"/>
                <a:gd name="connsiteY69" fmla="*/ 345365 h 480758"/>
                <a:gd name="connsiteX70" fmla="*/ 469956 w 476649"/>
                <a:gd name="connsiteY70" fmla="*/ 317835 h 480758"/>
                <a:gd name="connsiteX71" fmla="*/ 473655 w 476649"/>
                <a:gd name="connsiteY71" fmla="*/ 305508 h 480758"/>
                <a:gd name="connsiteX72" fmla="*/ 447767 w 476649"/>
                <a:gd name="connsiteY72" fmla="*/ 284552 h 480758"/>
                <a:gd name="connsiteX73" fmla="*/ 439549 w 476649"/>
                <a:gd name="connsiteY73" fmla="*/ 313315 h 480758"/>
                <a:gd name="connsiteX74" fmla="*/ 439138 w 476649"/>
                <a:gd name="connsiteY74" fmla="*/ 314959 h 480758"/>
                <a:gd name="connsiteX75" fmla="*/ 437495 w 476649"/>
                <a:gd name="connsiteY75" fmla="*/ 314959 h 480758"/>
                <a:gd name="connsiteX76" fmla="*/ 374627 w 476649"/>
                <a:gd name="connsiteY76" fmla="*/ 312082 h 480758"/>
                <a:gd name="connsiteX77" fmla="*/ 361067 w 476649"/>
                <a:gd name="connsiteY77" fmla="*/ 319068 h 480758"/>
                <a:gd name="connsiteX78" fmla="*/ 345863 w 476649"/>
                <a:gd name="connsiteY78" fmla="*/ 338791 h 480758"/>
                <a:gd name="connsiteX79" fmla="*/ 342576 w 476649"/>
                <a:gd name="connsiteY79" fmla="*/ 353583 h 480758"/>
                <a:gd name="connsiteX80" fmla="*/ 360656 w 476649"/>
                <a:gd name="connsiteY80" fmla="*/ 413164 h 480758"/>
                <a:gd name="connsiteX81" fmla="*/ 361067 w 476649"/>
                <a:gd name="connsiteY81" fmla="*/ 414808 h 480758"/>
                <a:gd name="connsiteX82" fmla="*/ 359423 w 476649"/>
                <a:gd name="connsiteY82" fmla="*/ 415630 h 480758"/>
                <a:gd name="connsiteX83" fmla="*/ 329838 w 476649"/>
                <a:gd name="connsiteY83" fmla="*/ 432477 h 480758"/>
                <a:gd name="connsiteX84" fmla="*/ 328194 w 476649"/>
                <a:gd name="connsiteY84" fmla="*/ 433299 h 480758"/>
                <a:gd name="connsiteX85" fmla="*/ 326961 w 476649"/>
                <a:gd name="connsiteY85" fmla="*/ 432066 h 480758"/>
                <a:gd name="connsiteX86" fmla="*/ 285049 w 476649"/>
                <a:gd name="connsiteY86" fmla="*/ 386045 h 480758"/>
                <a:gd name="connsiteX87" fmla="*/ 273544 w 476649"/>
                <a:gd name="connsiteY87" fmla="*/ 381114 h 480758"/>
                <a:gd name="connsiteX88" fmla="*/ 270668 w 476649"/>
                <a:gd name="connsiteY88" fmla="*/ 381525 h 480758"/>
                <a:gd name="connsiteX89" fmla="*/ 246013 w 476649"/>
                <a:gd name="connsiteY89" fmla="*/ 384812 h 480758"/>
                <a:gd name="connsiteX90" fmla="*/ 232864 w 476649"/>
                <a:gd name="connsiteY90" fmla="*/ 393030 h 480758"/>
                <a:gd name="connsiteX91" fmla="*/ 205744 w 476649"/>
                <a:gd name="connsiteY91" fmla="*/ 442750 h 480758"/>
                <a:gd name="connsiteX92" fmla="*/ 205744 w 476649"/>
                <a:gd name="connsiteY92" fmla="*/ 443161 h 480758"/>
                <a:gd name="connsiteX93" fmla="*/ 205334 w 476649"/>
                <a:gd name="connsiteY93" fmla="*/ 443571 h 480758"/>
                <a:gd name="connsiteX94" fmla="*/ 201224 w 476649"/>
                <a:gd name="connsiteY94" fmla="*/ 446448 h 480758"/>
                <a:gd name="connsiteX95" fmla="*/ 197526 w 476649"/>
                <a:gd name="connsiteY95" fmla="*/ 448091 h 480758"/>
                <a:gd name="connsiteX96" fmla="*/ 196705 w 476649"/>
                <a:gd name="connsiteY96" fmla="*/ 448503 h 480758"/>
                <a:gd name="connsiteX97" fmla="*/ 195883 w 476649"/>
                <a:gd name="connsiteY97" fmla="*/ 448091 h 480758"/>
                <a:gd name="connsiteX98" fmla="*/ 168352 w 476649"/>
                <a:gd name="connsiteY98" fmla="*/ 440695 h 480758"/>
                <a:gd name="connsiteX99" fmla="*/ 166708 w 476649"/>
                <a:gd name="connsiteY99" fmla="*/ 440285 h 480758"/>
                <a:gd name="connsiteX100" fmla="*/ 166708 w 476649"/>
                <a:gd name="connsiteY100" fmla="*/ 438641 h 480758"/>
                <a:gd name="connsiteX101" fmla="*/ 169585 w 476649"/>
                <a:gd name="connsiteY101" fmla="*/ 375772 h 480758"/>
                <a:gd name="connsiteX102" fmla="*/ 162599 w 476649"/>
                <a:gd name="connsiteY102" fmla="*/ 362213 h 480758"/>
                <a:gd name="connsiteX103" fmla="*/ 142876 w 476649"/>
                <a:gd name="connsiteY103" fmla="*/ 347009 h 480758"/>
                <a:gd name="connsiteX104" fmla="*/ 132193 w 476649"/>
                <a:gd name="connsiteY104" fmla="*/ 342900 h 480758"/>
                <a:gd name="connsiteX105" fmla="*/ 128084 w 476649"/>
                <a:gd name="connsiteY105" fmla="*/ 343722 h 480758"/>
                <a:gd name="connsiteX106" fmla="*/ 68503 w 476649"/>
                <a:gd name="connsiteY106" fmla="*/ 361801 h 480758"/>
                <a:gd name="connsiteX107" fmla="*/ 66859 w 476649"/>
                <a:gd name="connsiteY107" fmla="*/ 362213 h 480758"/>
                <a:gd name="connsiteX108" fmla="*/ 66037 w 476649"/>
                <a:gd name="connsiteY108" fmla="*/ 360569 h 480758"/>
                <a:gd name="connsiteX109" fmla="*/ 49190 w 476649"/>
                <a:gd name="connsiteY109" fmla="*/ 330983 h 480758"/>
                <a:gd name="connsiteX110" fmla="*/ 48368 w 476649"/>
                <a:gd name="connsiteY110" fmla="*/ 329340 h 480758"/>
                <a:gd name="connsiteX111" fmla="*/ 49601 w 476649"/>
                <a:gd name="connsiteY111" fmla="*/ 328107 h 480758"/>
                <a:gd name="connsiteX112" fmla="*/ 95622 w 476649"/>
                <a:gd name="connsiteY112" fmla="*/ 286195 h 480758"/>
                <a:gd name="connsiteX113" fmla="*/ 100142 w 476649"/>
                <a:gd name="connsiteY113" fmla="*/ 271403 h 480758"/>
                <a:gd name="connsiteX114" fmla="*/ 96855 w 476649"/>
                <a:gd name="connsiteY114" fmla="*/ 246748 h 480758"/>
                <a:gd name="connsiteX115" fmla="*/ 88636 w 476649"/>
                <a:gd name="connsiteY115" fmla="*/ 233599 h 480758"/>
                <a:gd name="connsiteX116" fmla="*/ 38506 w 476649"/>
                <a:gd name="connsiteY116" fmla="*/ 206069 h 480758"/>
                <a:gd name="connsiteX117" fmla="*/ 33576 w 476649"/>
                <a:gd name="connsiteY117" fmla="*/ 201960 h 480758"/>
                <a:gd name="connsiteX118" fmla="*/ 32343 w 476649"/>
                <a:gd name="connsiteY118" fmla="*/ 201138 h 480758"/>
                <a:gd name="connsiteX119" fmla="*/ 32754 w 476649"/>
                <a:gd name="connsiteY119" fmla="*/ 199494 h 480758"/>
                <a:gd name="connsiteX120" fmla="*/ 41382 w 476649"/>
                <a:gd name="connsiteY120" fmla="*/ 168676 h 480758"/>
                <a:gd name="connsiteX121" fmla="*/ 41794 w 476649"/>
                <a:gd name="connsiteY121" fmla="*/ 167033 h 480758"/>
                <a:gd name="connsiteX122" fmla="*/ 43437 w 476649"/>
                <a:gd name="connsiteY122" fmla="*/ 167033 h 480758"/>
                <a:gd name="connsiteX123" fmla="*/ 106306 w 476649"/>
                <a:gd name="connsiteY123" fmla="*/ 169909 h 480758"/>
                <a:gd name="connsiteX124" fmla="*/ 119866 w 476649"/>
                <a:gd name="connsiteY124" fmla="*/ 162924 h 480758"/>
                <a:gd name="connsiteX125" fmla="*/ 135069 w 476649"/>
                <a:gd name="connsiteY125" fmla="*/ 143200 h 480758"/>
                <a:gd name="connsiteX126" fmla="*/ 138356 w 476649"/>
                <a:gd name="connsiteY126" fmla="*/ 128408 h 480758"/>
                <a:gd name="connsiteX127" fmla="*/ 120276 w 476649"/>
                <a:gd name="connsiteY127" fmla="*/ 68827 h 480758"/>
                <a:gd name="connsiteX128" fmla="*/ 119866 w 476649"/>
                <a:gd name="connsiteY128" fmla="*/ 67183 h 480758"/>
                <a:gd name="connsiteX129" fmla="*/ 121509 w 476649"/>
                <a:gd name="connsiteY129" fmla="*/ 66361 h 480758"/>
                <a:gd name="connsiteX130" fmla="*/ 151094 w 476649"/>
                <a:gd name="connsiteY130" fmla="*/ 49514 h 480758"/>
                <a:gd name="connsiteX131" fmla="*/ 152738 w 476649"/>
                <a:gd name="connsiteY131" fmla="*/ 48692 h 480758"/>
                <a:gd name="connsiteX132" fmla="*/ 153970 w 476649"/>
                <a:gd name="connsiteY132" fmla="*/ 49925 h 480758"/>
                <a:gd name="connsiteX133" fmla="*/ 195883 w 476649"/>
                <a:gd name="connsiteY133" fmla="*/ 95946 h 480758"/>
                <a:gd name="connsiteX134" fmla="*/ 206977 w 476649"/>
                <a:gd name="connsiteY134" fmla="*/ 100877 h 480758"/>
                <a:gd name="connsiteX135" fmla="*/ 210265 w 476649"/>
                <a:gd name="connsiteY135" fmla="*/ 100466 h 480758"/>
                <a:gd name="connsiteX136" fmla="*/ 234919 w 476649"/>
                <a:gd name="connsiteY136" fmla="*/ 97179 h 480758"/>
                <a:gd name="connsiteX137" fmla="*/ 248068 w 476649"/>
                <a:gd name="connsiteY137" fmla="*/ 88961 h 480758"/>
                <a:gd name="connsiteX138" fmla="*/ 276420 w 476649"/>
                <a:gd name="connsiteY138" fmla="*/ 38419 h 480758"/>
                <a:gd name="connsiteX139" fmla="*/ 280119 w 476649"/>
                <a:gd name="connsiteY139" fmla="*/ 33900 h 480758"/>
                <a:gd name="connsiteX140" fmla="*/ 280940 w 476649"/>
                <a:gd name="connsiteY140" fmla="*/ 32667 h 480758"/>
                <a:gd name="connsiteX141" fmla="*/ 282173 w 476649"/>
                <a:gd name="connsiteY141" fmla="*/ 33078 h 480758"/>
                <a:gd name="connsiteX142" fmla="*/ 312580 w 476649"/>
                <a:gd name="connsiteY142" fmla="*/ 41707 h 480758"/>
                <a:gd name="connsiteX143" fmla="*/ 314223 w 476649"/>
                <a:gd name="connsiteY143" fmla="*/ 42118 h 480758"/>
                <a:gd name="connsiteX144" fmla="*/ 314223 w 476649"/>
                <a:gd name="connsiteY144" fmla="*/ 43761 h 480758"/>
                <a:gd name="connsiteX145" fmla="*/ 311347 w 476649"/>
                <a:gd name="connsiteY145" fmla="*/ 106219 h 480758"/>
                <a:gd name="connsiteX146" fmla="*/ 318332 w 476649"/>
                <a:gd name="connsiteY146" fmla="*/ 119779 h 480758"/>
                <a:gd name="connsiteX147" fmla="*/ 338056 w 476649"/>
                <a:gd name="connsiteY147" fmla="*/ 134982 h 480758"/>
                <a:gd name="connsiteX148" fmla="*/ 348739 w 476649"/>
                <a:gd name="connsiteY148" fmla="*/ 139091 h 480758"/>
                <a:gd name="connsiteX149" fmla="*/ 353259 w 476649"/>
                <a:gd name="connsiteY149" fmla="*/ 138269 h 480758"/>
                <a:gd name="connsiteX150" fmla="*/ 412840 w 476649"/>
                <a:gd name="connsiteY150" fmla="*/ 120190 h 480758"/>
                <a:gd name="connsiteX151" fmla="*/ 414484 w 476649"/>
                <a:gd name="connsiteY151" fmla="*/ 119779 h 480758"/>
                <a:gd name="connsiteX152" fmla="*/ 415306 w 476649"/>
                <a:gd name="connsiteY152" fmla="*/ 121422 h 480758"/>
                <a:gd name="connsiteX153" fmla="*/ 432153 w 476649"/>
                <a:gd name="connsiteY153" fmla="*/ 151007 h 480758"/>
                <a:gd name="connsiteX154" fmla="*/ 432975 w 476649"/>
                <a:gd name="connsiteY154" fmla="*/ 152651 h 480758"/>
                <a:gd name="connsiteX155" fmla="*/ 431742 w 476649"/>
                <a:gd name="connsiteY155" fmla="*/ 153884 h 480758"/>
                <a:gd name="connsiteX156" fmla="*/ 385721 w 476649"/>
                <a:gd name="connsiteY156" fmla="*/ 195796 h 480758"/>
                <a:gd name="connsiteX157" fmla="*/ 381201 w 476649"/>
                <a:gd name="connsiteY157" fmla="*/ 210589 h 480758"/>
                <a:gd name="connsiteX158" fmla="*/ 384488 w 476649"/>
                <a:gd name="connsiteY158" fmla="*/ 235243 h 480758"/>
                <a:gd name="connsiteX159" fmla="*/ 392706 w 476649"/>
                <a:gd name="connsiteY159" fmla="*/ 248392 h 480758"/>
                <a:gd name="connsiteX160" fmla="*/ 442837 w 476649"/>
                <a:gd name="connsiteY160" fmla="*/ 276333 h 480758"/>
                <a:gd name="connsiteX161" fmla="*/ 443248 w 476649"/>
                <a:gd name="connsiteY161" fmla="*/ 276744 h 480758"/>
                <a:gd name="connsiteX162" fmla="*/ 443658 w 476649"/>
                <a:gd name="connsiteY162" fmla="*/ 277155 h 480758"/>
                <a:gd name="connsiteX163" fmla="*/ 448178 w 476649"/>
                <a:gd name="connsiteY163" fmla="*/ 282497 h 480758"/>
                <a:gd name="connsiteX164" fmla="*/ 449000 w 476649"/>
                <a:gd name="connsiteY164" fmla="*/ 283319 h 480758"/>
                <a:gd name="connsiteX165" fmla="*/ 447767 w 476649"/>
                <a:gd name="connsiteY165" fmla="*/ 284552 h 480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Lst>
              <a:rect l="l" t="t" r="r" b="b"/>
              <a:pathLst>
                <a:path w="476649" h="480758">
                  <a:moveTo>
                    <a:pt x="473655" y="305508"/>
                  </a:moveTo>
                  <a:cubicBezTo>
                    <a:pt x="475709" y="297289"/>
                    <a:pt x="476531" y="294413"/>
                    <a:pt x="476941" y="293180"/>
                  </a:cubicBezTo>
                  <a:cubicBezTo>
                    <a:pt x="479818" y="275511"/>
                    <a:pt x="469956" y="255788"/>
                    <a:pt x="454342" y="247159"/>
                  </a:cubicBezTo>
                  <a:lnTo>
                    <a:pt x="407499" y="222094"/>
                  </a:lnTo>
                  <a:lnTo>
                    <a:pt x="404622" y="220450"/>
                  </a:lnTo>
                  <a:lnTo>
                    <a:pt x="407088" y="218396"/>
                  </a:lnTo>
                  <a:lnTo>
                    <a:pt x="446535" y="182647"/>
                  </a:lnTo>
                  <a:cubicBezTo>
                    <a:pt x="460094" y="170320"/>
                    <a:pt x="464204" y="148953"/>
                    <a:pt x="456396" y="132517"/>
                  </a:cubicBezTo>
                  <a:lnTo>
                    <a:pt x="455985" y="131284"/>
                  </a:lnTo>
                  <a:lnTo>
                    <a:pt x="444480" y="111150"/>
                  </a:lnTo>
                  <a:cubicBezTo>
                    <a:pt x="437084" y="100055"/>
                    <a:pt x="422291" y="92248"/>
                    <a:pt x="407088" y="92248"/>
                  </a:cubicBezTo>
                  <a:cubicBezTo>
                    <a:pt x="403390" y="92248"/>
                    <a:pt x="399692" y="92659"/>
                    <a:pt x="395993" y="93892"/>
                  </a:cubicBezTo>
                  <a:lnTo>
                    <a:pt x="345041" y="109095"/>
                  </a:lnTo>
                  <a:lnTo>
                    <a:pt x="342165" y="109917"/>
                  </a:lnTo>
                  <a:lnTo>
                    <a:pt x="342165" y="106630"/>
                  </a:lnTo>
                  <a:lnTo>
                    <a:pt x="344630" y="53623"/>
                  </a:lnTo>
                  <a:cubicBezTo>
                    <a:pt x="345452" y="35954"/>
                    <a:pt x="333125" y="17052"/>
                    <a:pt x="317100" y="10478"/>
                  </a:cubicBezTo>
                  <a:cubicBezTo>
                    <a:pt x="316689" y="10478"/>
                    <a:pt x="314223" y="9656"/>
                    <a:pt x="304773" y="6780"/>
                  </a:cubicBezTo>
                  <a:cubicBezTo>
                    <a:pt x="296966" y="4725"/>
                    <a:pt x="294089" y="3903"/>
                    <a:pt x="292856" y="3493"/>
                  </a:cubicBezTo>
                  <a:lnTo>
                    <a:pt x="292446" y="3493"/>
                  </a:lnTo>
                  <a:cubicBezTo>
                    <a:pt x="290391" y="3082"/>
                    <a:pt x="288337" y="3082"/>
                    <a:pt x="286693" y="3082"/>
                  </a:cubicBezTo>
                  <a:cubicBezTo>
                    <a:pt x="270668" y="3082"/>
                    <a:pt x="253821" y="12943"/>
                    <a:pt x="246835" y="26092"/>
                  </a:cubicBezTo>
                  <a:lnTo>
                    <a:pt x="221770" y="72936"/>
                  </a:lnTo>
                  <a:lnTo>
                    <a:pt x="220126" y="75812"/>
                  </a:lnTo>
                  <a:lnTo>
                    <a:pt x="218071" y="73346"/>
                  </a:lnTo>
                  <a:lnTo>
                    <a:pt x="182323" y="33900"/>
                  </a:lnTo>
                  <a:cubicBezTo>
                    <a:pt x="174926" y="25682"/>
                    <a:pt x="162189" y="20340"/>
                    <a:pt x="149040" y="20340"/>
                  </a:cubicBezTo>
                  <a:cubicBezTo>
                    <a:pt x="142876" y="20340"/>
                    <a:pt x="136713" y="21572"/>
                    <a:pt x="131781" y="24038"/>
                  </a:cubicBezTo>
                  <a:lnTo>
                    <a:pt x="130960" y="24449"/>
                  </a:lnTo>
                  <a:lnTo>
                    <a:pt x="110415" y="35954"/>
                  </a:lnTo>
                  <a:cubicBezTo>
                    <a:pt x="95622" y="45816"/>
                    <a:pt x="88226" y="66361"/>
                    <a:pt x="93568" y="84030"/>
                  </a:cubicBezTo>
                  <a:lnTo>
                    <a:pt x="108771" y="134982"/>
                  </a:lnTo>
                  <a:lnTo>
                    <a:pt x="109593" y="137858"/>
                  </a:lnTo>
                  <a:lnTo>
                    <a:pt x="106306" y="137858"/>
                  </a:lnTo>
                  <a:lnTo>
                    <a:pt x="51244" y="135393"/>
                  </a:lnTo>
                  <a:cubicBezTo>
                    <a:pt x="33986" y="135393"/>
                    <a:pt x="16728" y="147309"/>
                    <a:pt x="10565" y="162924"/>
                  </a:cubicBezTo>
                  <a:cubicBezTo>
                    <a:pt x="10154" y="164567"/>
                    <a:pt x="8921" y="168265"/>
                    <a:pt x="6867" y="175662"/>
                  </a:cubicBezTo>
                  <a:cubicBezTo>
                    <a:pt x="3990" y="185523"/>
                    <a:pt x="3579" y="187989"/>
                    <a:pt x="3579" y="188400"/>
                  </a:cubicBezTo>
                  <a:cubicBezTo>
                    <a:pt x="703" y="206069"/>
                    <a:pt x="10565" y="225792"/>
                    <a:pt x="26179" y="234010"/>
                  </a:cubicBezTo>
                  <a:lnTo>
                    <a:pt x="73022" y="259075"/>
                  </a:lnTo>
                  <a:lnTo>
                    <a:pt x="75899" y="260719"/>
                  </a:lnTo>
                  <a:lnTo>
                    <a:pt x="73433" y="262773"/>
                  </a:lnTo>
                  <a:lnTo>
                    <a:pt x="33986" y="298522"/>
                  </a:lnTo>
                  <a:cubicBezTo>
                    <a:pt x="20426" y="310850"/>
                    <a:pt x="16317" y="332216"/>
                    <a:pt x="24125" y="348653"/>
                  </a:cubicBezTo>
                  <a:lnTo>
                    <a:pt x="24535" y="349474"/>
                  </a:lnTo>
                  <a:lnTo>
                    <a:pt x="36041" y="369609"/>
                  </a:lnTo>
                  <a:cubicBezTo>
                    <a:pt x="43437" y="380703"/>
                    <a:pt x="58641" y="388510"/>
                    <a:pt x="73433" y="388510"/>
                  </a:cubicBezTo>
                  <a:cubicBezTo>
                    <a:pt x="77131" y="388510"/>
                    <a:pt x="80830" y="388099"/>
                    <a:pt x="84117" y="386867"/>
                  </a:cubicBezTo>
                  <a:lnTo>
                    <a:pt x="135069" y="371663"/>
                  </a:lnTo>
                  <a:lnTo>
                    <a:pt x="137945" y="370842"/>
                  </a:lnTo>
                  <a:lnTo>
                    <a:pt x="137945" y="374128"/>
                  </a:lnTo>
                  <a:lnTo>
                    <a:pt x="135480" y="427135"/>
                  </a:lnTo>
                  <a:cubicBezTo>
                    <a:pt x="134658" y="444804"/>
                    <a:pt x="146985" y="463706"/>
                    <a:pt x="163011" y="470280"/>
                  </a:cubicBezTo>
                  <a:cubicBezTo>
                    <a:pt x="163421" y="470280"/>
                    <a:pt x="165476" y="471102"/>
                    <a:pt x="175338" y="473979"/>
                  </a:cubicBezTo>
                  <a:cubicBezTo>
                    <a:pt x="182734" y="476033"/>
                    <a:pt x="186843" y="477266"/>
                    <a:pt x="187665" y="477266"/>
                  </a:cubicBezTo>
                  <a:cubicBezTo>
                    <a:pt x="189719" y="477677"/>
                    <a:pt x="191774" y="477677"/>
                    <a:pt x="193829" y="477677"/>
                  </a:cubicBezTo>
                  <a:cubicBezTo>
                    <a:pt x="209853" y="477677"/>
                    <a:pt x="226290" y="468226"/>
                    <a:pt x="233275" y="454666"/>
                  </a:cubicBezTo>
                  <a:lnTo>
                    <a:pt x="258340" y="407823"/>
                  </a:lnTo>
                  <a:lnTo>
                    <a:pt x="259984" y="404946"/>
                  </a:lnTo>
                  <a:lnTo>
                    <a:pt x="262039" y="407412"/>
                  </a:lnTo>
                  <a:lnTo>
                    <a:pt x="297787" y="446859"/>
                  </a:lnTo>
                  <a:cubicBezTo>
                    <a:pt x="305184" y="455077"/>
                    <a:pt x="317922" y="460418"/>
                    <a:pt x="331070" y="460418"/>
                  </a:cubicBezTo>
                  <a:cubicBezTo>
                    <a:pt x="337234" y="460418"/>
                    <a:pt x="343397" y="459186"/>
                    <a:pt x="348329" y="456721"/>
                  </a:cubicBezTo>
                  <a:lnTo>
                    <a:pt x="349561" y="456309"/>
                  </a:lnTo>
                  <a:lnTo>
                    <a:pt x="369695" y="444804"/>
                  </a:lnTo>
                  <a:cubicBezTo>
                    <a:pt x="384899" y="434943"/>
                    <a:pt x="392295" y="413987"/>
                    <a:pt x="386954" y="396728"/>
                  </a:cubicBezTo>
                  <a:lnTo>
                    <a:pt x="371750" y="345776"/>
                  </a:lnTo>
                  <a:lnTo>
                    <a:pt x="370928" y="342900"/>
                  </a:lnTo>
                  <a:lnTo>
                    <a:pt x="374215" y="342900"/>
                  </a:lnTo>
                  <a:lnTo>
                    <a:pt x="429277" y="345365"/>
                  </a:lnTo>
                  <a:cubicBezTo>
                    <a:pt x="446535" y="345365"/>
                    <a:pt x="463793" y="333449"/>
                    <a:pt x="469956" y="317835"/>
                  </a:cubicBezTo>
                  <a:cubicBezTo>
                    <a:pt x="470778" y="316602"/>
                    <a:pt x="472011" y="312493"/>
                    <a:pt x="473655" y="305508"/>
                  </a:cubicBezTo>
                  <a:close/>
                  <a:moveTo>
                    <a:pt x="447767" y="284552"/>
                  </a:moveTo>
                  <a:lnTo>
                    <a:pt x="439549" y="313315"/>
                  </a:lnTo>
                  <a:lnTo>
                    <a:pt x="439138" y="314959"/>
                  </a:lnTo>
                  <a:lnTo>
                    <a:pt x="437495" y="314959"/>
                  </a:lnTo>
                  <a:lnTo>
                    <a:pt x="374627" y="312082"/>
                  </a:lnTo>
                  <a:cubicBezTo>
                    <a:pt x="368874" y="312082"/>
                    <a:pt x="363943" y="314547"/>
                    <a:pt x="361067" y="319068"/>
                  </a:cubicBezTo>
                  <a:cubicBezTo>
                    <a:pt x="356547" y="326053"/>
                    <a:pt x="351616" y="332627"/>
                    <a:pt x="345863" y="338791"/>
                  </a:cubicBezTo>
                  <a:cubicBezTo>
                    <a:pt x="342165" y="342900"/>
                    <a:pt x="340932" y="348653"/>
                    <a:pt x="342576" y="353583"/>
                  </a:cubicBezTo>
                  <a:lnTo>
                    <a:pt x="360656" y="413164"/>
                  </a:lnTo>
                  <a:lnTo>
                    <a:pt x="361067" y="414808"/>
                  </a:lnTo>
                  <a:lnTo>
                    <a:pt x="359423" y="415630"/>
                  </a:lnTo>
                  <a:lnTo>
                    <a:pt x="329838" y="432477"/>
                  </a:lnTo>
                  <a:lnTo>
                    <a:pt x="328194" y="433299"/>
                  </a:lnTo>
                  <a:lnTo>
                    <a:pt x="326961" y="432066"/>
                  </a:lnTo>
                  <a:lnTo>
                    <a:pt x="285049" y="386045"/>
                  </a:lnTo>
                  <a:cubicBezTo>
                    <a:pt x="282173" y="383169"/>
                    <a:pt x="277653" y="381114"/>
                    <a:pt x="273544" y="381114"/>
                  </a:cubicBezTo>
                  <a:cubicBezTo>
                    <a:pt x="272722" y="381114"/>
                    <a:pt x="271489" y="381114"/>
                    <a:pt x="270668" y="381525"/>
                  </a:cubicBezTo>
                  <a:cubicBezTo>
                    <a:pt x="262449" y="383169"/>
                    <a:pt x="254231" y="384401"/>
                    <a:pt x="246013" y="384812"/>
                  </a:cubicBezTo>
                  <a:cubicBezTo>
                    <a:pt x="240671" y="384812"/>
                    <a:pt x="235741" y="388099"/>
                    <a:pt x="232864" y="393030"/>
                  </a:cubicBezTo>
                  <a:lnTo>
                    <a:pt x="205744" y="442750"/>
                  </a:lnTo>
                  <a:lnTo>
                    <a:pt x="205744" y="443161"/>
                  </a:lnTo>
                  <a:lnTo>
                    <a:pt x="205334" y="443571"/>
                  </a:lnTo>
                  <a:cubicBezTo>
                    <a:pt x="204101" y="444804"/>
                    <a:pt x="202868" y="445626"/>
                    <a:pt x="201224" y="446448"/>
                  </a:cubicBezTo>
                  <a:lnTo>
                    <a:pt x="197526" y="448091"/>
                  </a:lnTo>
                  <a:lnTo>
                    <a:pt x="196705" y="448503"/>
                  </a:lnTo>
                  <a:lnTo>
                    <a:pt x="195883" y="448091"/>
                  </a:lnTo>
                  <a:lnTo>
                    <a:pt x="168352" y="440695"/>
                  </a:lnTo>
                  <a:lnTo>
                    <a:pt x="166708" y="440285"/>
                  </a:lnTo>
                  <a:lnTo>
                    <a:pt x="166708" y="438641"/>
                  </a:lnTo>
                  <a:lnTo>
                    <a:pt x="169585" y="375772"/>
                  </a:lnTo>
                  <a:cubicBezTo>
                    <a:pt x="169996" y="370431"/>
                    <a:pt x="167120" y="365089"/>
                    <a:pt x="162599" y="362213"/>
                  </a:cubicBezTo>
                  <a:cubicBezTo>
                    <a:pt x="156025" y="357692"/>
                    <a:pt x="149451" y="352762"/>
                    <a:pt x="142876" y="347009"/>
                  </a:cubicBezTo>
                  <a:cubicBezTo>
                    <a:pt x="140000" y="344544"/>
                    <a:pt x="136302" y="342900"/>
                    <a:pt x="132193" y="342900"/>
                  </a:cubicBezTo>
                  <a:cubicBezTo>
                    <a:pt x="130549" y="342900"/>
                    <a:pt x="129316" y="343311"/>
                    <a:pt x="128084" y="343722"/>
                  </a:cubicBezTo>
                  <a:lnTo>
                    <a:pt x="68503" y="361801"/>
                  </a:lnTo>
                  <a:lnTo>
                    <a:pt x="66859" y="362213"/>
                  </a:lnTo>
                  <a:lnTo>
                    <a:pt x="66037" y="360569"/>
                  </a:lnTo>
                  <a:lnTo>
                    <a:pt x="49190" y="330983"/>
                  </a:lnTo>
                  <a:lnTo>
                    <a:pt x="48368" y="329340"/>
                  </a:lnTo>
                  <a:lnTo>
                    <a:pt x="49601" y="328107"/>
                  </a:lnTo>
                  <a:lnTo>
                    <a:pt x="95622" y="286195"/>
                  </a:lnTo>
                  <a:cubicBezTo>
                    <a:pt x="99731" y="282497"/>
                    <a:pt x="101375" y="276744"/>
                    <a:pt x="100142" y="271403"/>
                  </a:cubicBezTo>
                  <a:cubicBezTo>
                    <a:pt x="98498" y="262773"/>
                    <a:pt x="97266" y="254555"/>
                    <a:pt x="96855" y="246748"/>
                  </a:cubicBezTo>
                  <a:cubicBezTo>
                    <a:pt x="96855" y="241407"/>
                    <a:pt x="93568" y="236476"/>
                    <a:pt x="88636" y="233599"/>
                  </a:cubicBezTo>
                  <a:lnTo>
                    <a:pt x="38506" y="206069"/>
                  </a:lnTo>
                  <a:lnTo>
                    <a:pt x="33576" y="201960"/>
                  </a:lnTo>
                  <a:lnTo>
                    <a:pt x="32343" y="201138"/>
                  </a:lnTo>
                  <a:lnTo>
                    <a:pt x="32754" y="199494"/>
                  </a:lnTo>
                  <a:lnTo>
                    <a:pt x="41382" y="168676"/>
                  </a:lnTo>
                  <a:lnTo>
                    <a:pt x="41794" y="167033"/>
                  </a:lnTo>
                  <a:lnTo>
                    <a:pt x="43437" y="167033"/>
                  </a:lnTo>
                  <a:lnTo>
                    <a:pt x="106306" y="169909"/>
                  </a:lnTo>
                  <a:cubicBezTo>
                    <a:pt x="112469" y="169909"/>
                    <a:pt x="116989" y="167444"/>
                    <a:pt x="119866" y="162924"/>
                  </a:cubicBezTo>
                  <a:cubicBezTo>
                    <a:pt x="124386" y="156349"/>
                    <a:pt x="129316" y="149775"/>
                    <a:pt x="135069" y="143200"/>
                  </a:cubicBezTo>
                  <a:cubicBezTo>
                    <a:pt x="138767" y="139091"/>
                    <a:pt x="140000" y="133338"/>
                    <a:pt x="138356" y="128408"/>
                  </a:cubicBezTo>
                  <a:lnTo>
                    <a:pt x="120276" y="68827"/>
                  </a:lnTo>
                  <a:lnTo>
                    <a:pt x="119866" y="67183"/>
                  </a:lnTo>
                  <a:lnTo>
                    <a:pt x="121509" y="66361"/>
                  </a:lnTo>
                  <a:lnTo>
                    <a:pt x="151094" y="49514"/>
                  </a:lnTo>
                  <a:lnTo>
                    <a:pt x="152738" y="48692"/>
                  </a:lnTo>
                  <a:lnTo>
                    <a:pt x="153970" y="49925"/>
                  </a:lnTo>
                  <a:lnTo>
                    <a:pt x="195883" y="95946"/>
                  </a:lnTo>
                  <a:cubicBezTo>
                    <a:pt x="198759" y="99233"/>
                    <a:pt x="202868" y="100877"/>
                    <a:pt x="206977" y="100877"/>
                  </a:cubicBezTo>
                  <a:cubicBezTo>
                    <a:pt x="208210" y="100877"/>
                    <a:pt x="209032" y="100877"/>
                    <a:pt x="210265" y="100466"/>
                  </a:cubicBezTo>
                  <a:cubicBezTo>
                    <a:pt x="218894" y="98823"/>
                    <a:pt x="227112" y="97590"/>
                    <a:pt x="234919" y="97179"/>
                  </a:cubicBezTo>
                  <a:cubicBezTo>
                    <a:pt x="240260" y="97179"/>
                    <a:pt x="245192" y="93892"/>
                    <a:pt x="248068" y="88961"/>
                  </a:cubicBezTo>
                  <a:lnTo>
                    <a:pt x="276420" y="38419"/>
                  </a:lnTo>
                  <a:lnTo>
                    <a:pt x="280119" y="33900"/>
                  </a:lnTo>
                  <a:lnTo>
                    <a:pt x="280940" y="32667"/>
                  </a:lnTo>
                  <a:lnTo>
                    <a:pt x="282173" y="33078"/>
                  </a:lnTo>
                  <a:lnTo>
                    <a:pt x="312580" y="41707"/>
                  </a:lnTo>
                  <a:lnTo>
                    <a:pt x="314223" y="42118"/>
                  </a:lnTo>
                  <a:lnTo>
                    <a:pt x="314223" y="43761"/>
                  </a:lnTo>
                  <a:lnTo>
                    <a:pt x="311347" y="106219"/>
                  </a:lnTo>
                  <a:cubicBezTo>
                    <a:pt x="310936" y="111560"/>
                    <a:pt x="313813" y="116902"/>
                    <a:pt x="318332" y="119779"/>
                  </a:cubicBezTo>
                  <a:cubicBezTo>
                    <a:pt x="324907" y="123888"/>
                    <a:pt x="331482" y="129229"/>
                    <a:pt x="338056" y="134982"/>
                  </a:cubicBezTo>
                  <a:cubicBezTo>
                    <a:pt x="340932" y="137447"/>
                    <a:pt x="344630" y="139091"/>
                    <a:pt x="348739" y="139091"/>
                  </a:cubicBezTo>
                  <a:cubicBezTo>
                    <a:pt x="350383" y="139091"/>
                    <a:pt x="351616" y="138680"/>
                    <a:pt x="353259" y="138269"/>
                  </a:cubicBezTo>
                  <a:lnTo>
                    <a:pt x="412840" y="120190"/>
                  </a:lnTo>
                  <a:lnTo>
                    <a:pt x="414484" y="119779"/>
                  </a:lnTo>
                  <a:lnTo>
                    <a:pt x="415306" y="121422"/>
                  </a:lnTo>
                  <a:lnTo>
                    <a:pt x="432153" y="151007"/>
                  </a:lnTo>
                  <a:lnTo>
                    <a:pt x="432975" y="152651"/>
                  </a:lnTo>
                  <a:lnTo>
                    <a:pt x="431742" y="153884"/>
                  </a:lnTo>
                  <a:lnTo>
                    <a:pt x="385721" y="195796"/>
                  </a:lnTo>
                  <a:cubicBezTo>
                    <a:pt x="381612" y="199494"/>
                    <a:pt x="379968" y="205247"/>
                    <a:pt x="381201" y="210589"/>
                  </a:cubicBezTo>
                  <a:cubicBezTo>
                    <a:pt x="382845" y="219218"/>
                    <a:pt x="384077" y="227436"/>
                    <a:pt x="384488" y="235243"/>
                  </a:cubicBezTo>
                  <a:cubicBezTo>
                    <a:pt x="384488" y="240585"/>
                    <a:pt x="387775" y="245516"/>
                    <a:pt x="392706" y="248392"/>
                  </a:cubicBezTo>
                  <a:lnTo>
                    <a:pt x="442837" y="276333"/>
                  </a:lnTo>
                  <a:lnTo>
                    <a:pt x="443248" y="276744"/>
                  </a:lnTo>
                  <a:lnTo>
                    <a:pt x="443658" y="277155"/>
                  </a:lnTo>
                  <a:lnTo>
                    <a:pt x="448178" y="282497"/>
                  </a:lnTo>
                  <a:lnTo>
                    <a:pt x="449000" y="283319"/>
                  </a:lnTo>
                  <a:lnTo>
                    <a:pt x="447767" y="284552"/>
                  </a:lnTo>
                  <a:close/>
                </a:path>
              </a:pathLst>
            </a:custGeom>
            <a:grpFill/>
            <a:ln w="9525" cap="flat">
              <a:noFill/>
              <a:prstDash val="solid"/>
              <a:miter/>
            </a:ln>
          </p:spPr>
          <p:txBody>
            <a:bodyPr rtlCol="0" anchor="ctr"/>
            <a:lstStyle/>
            <a:p>
              <a:endParaRPr lang="da-DK" noProof="0"/>
            </a:p>
          </p:txBody>
        </p:sp>
        <p:sp>
          <p:nvSpPr>
            <p:cNvPr id="77" name="Freeform: Shape 76">
              <a:extLst>
                <a:ext uri="{FF2B5EF4-FFF2-40B4-BE49-F238E27FC236}">
                  <a16:creationId xmlns:a16="http://schemas.microsoft.com/office/drawing/2014/main" id="{26D972CF-D74D-2FF1-FAF1-F967A2C2164C}"/>
                </a:ext>
              </a:extLst>
            </p:cNvPr>
            <p:cNvSpPr/>
            <p:nvPr/>
          </p:nvSpPr>
          <p:spPr>
            <a:xfrm>
              <a:off x="-1101636" y="4082700"/>
              <a:ext cx="139708" cy="139708"/>
            </a:xfrm>
            <a:custGeom>
              <a:avLst/>
              <a:gdLst>
                <a:gd name="connsiteX0" fmla="*/ 130494 w 139707"/>
                <a:gd name="connsiteY0" fmla="*/ 37598 h 139707"/>
                <a:gd name="connsiteX1" fmla="*/ 89403 w 139707"/>
                <a:gd name="connsiteY1" fmla="*/ 5547 h 139707"/>
                <a:gd name="connsiteX2" fmla="*/ 71323 w 139707"/>
                <a:gd name="connsiteY2" fmla="*/ 3082 h 139707"/>
                <a:gd name="connsiteX3" fmla="*/ 5578 w 139707"/>
                <a:gd name="connsiteY3" fmla="*/ 53212 h 139707"/>
                <a:gd name="connsiteX4" fmla="*/ 12153 w 139707"/>
                <a:gd name="connsiteY4" fmla="*/ 104986 h 139707"/>
                <a:gd name="connsiteX5" fmla="*/ 53243 w 139707"/>
                <a:gd name="connsiteY5" fmla="*/ 137037 h 139707"/>
                <a:gd name="connsiteX6" fmla="*/ 71323 w 139707"/>
                <a:gd name="connsiteY6" fmla="*/ 139502 h 139707"/>
                <a:gd name="connsiteX7" fmla="*/ 137068 w 139707"/>
                <a:gd name="connsiteY7" fmla="*/ 89783 h 139707"/>
                <a:gd name="connsiteX8" fmla="*/ 130494 w 139707"/>
                <a:gd name="connsiteY8" fmla="*/ 37598 h 139707"/>
                <a:gd name="connsiteX9" fmla="*/ 107483 w 139707"/>
                <a:gd name="connsiteY9" fmla="*/ 81154 h 139707"/>
                <a:gd name="connsiteX10" fmla="*/ 71734 w 139707"/>
                <a:gd name="connsiteY10" fmla="*/ 108274 h 139707"/>
                <a:gd name="connsiteX11" fmla="*/ 61873 w 139707"/>
                <a:gd name="connsiteY11" fmla="*/ 107041 h 139707"/>
                <a:gd name="connsiteX12" fmla="*/ 39273 w 139707"/>
                <a:gd name="connsiteY12" fmla="*/ 89372 h 139707"/>
                <a:gd name="connsiteX13" fmla="*/ 35575 w 139707"/>
                <a:gd name="connsiteY13" fmla="*/ 61019 h 139707"/>
                <a:gd name="connsiteX14" fmla="*/ 71323 w 139707"/>
                <a:gd name="connsiteY14" fmla="*/ 33489 h 139707"/>
                <a:gd name="connsiteX15" fmla="*/ 81185 w 139707"/>
                <a:gd name="connsiteY15" fmla="*/ 34722 h 139707"/>
                <a:gd name="connsiteX16" fmla="*/ 103785 w 139707"/>
                <a:gd name="connsiteY16" fmla="*/ 52390 h 139707"/>
                <a:gd name="connsiteX17" fmla="*/ 107483 w 139707"/>
                <a:gd name="connsiteY17" fmla="*/ 81154 h 13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39707" h="139707">
                  <a:moveTo>
                    <a:pt x="130494" y="37598"/>
                  </a:moveTo>
                  <a:cubicBezTo>
                    <a:pt x="121454" y="21983"/>
                    <a:pt x="107072" y="10478"/>
                    <a:pt x="89403" y="5547"/>
                  </a:cubicBezTo>
                  <a:cubicBezTo>
                    <a:pt x="83650" y="3904"/>
                    <a:pt x="77487" y="3082"/>
                    <a:pt x="71323" y="3082"/>
                  </a:cubicBezTo>
                  <a:cubicBezTo>
                    <a:pt x="40916" y="3082"/>
                    <a:pt x="13797" y="23627"/>
                    <a:pt x="5578" y="53212"/>
                  </a:cubicBezTo>
                  <a:cubicBezTo>
                    <a:pt x="648" y="70881"/>
                    <a:pt x="3113" y="88961"/>
                    <a:pt x="12153" y="104986"/>
                  </a:cubicBezTo>
                  <a:cubicBezTo>
                    <a:pt x="21193" y="121011"/>
                    <a:pt x="35575" y="132106"/>
                    <a:pt x="53243" y="137037"/>
                  </a:cubicBezTo>
                  <a:cubicBezTo>
                    <a:pt x="58996" y="138680"/>
                    <a:pt x="65160" y="139502"/>
                    <a:pt x="71323" y="139502"/>
                  </a:cubicBezTo>
                  <a:cubicBezTo>
                    <a:pt x="101730" y="139502"/>
                    <a:pt x="128850" y="118957"/>
                    <a:pt x="137068" y="89783"/>
                  </a:cubicBezTo>
                  <a:cubicBezTo>
                    <a:pt x="141999" y="72114"/>
                    <a:pt x="139533" y="53623"/>
                    <a:pt x="130494" y="37598"/>
                  </a:cubicBezTo>
                  <a:close/>
                  <a:moveTo>
                    <a:pt x="107483" y="81154"/>
                  </a:moveTo>
                  <a:cubicBezTo>
                    <a:pt x="102963" y="97179"/>
                    <a:pt x="88170" y="108274"/>
                    <a:pt x="71734" y="108274"/>
                  </a:cubicBezTo>
                  <a:cubicBezTo>
                    <a:pt x="68447" y="108274"/>
                    <a:pt x="65160" y="107862"/>
                    <a:pt x="61873" y="107041"/>
                  </a:cubicBezTo>
                  <a:cubicBezTo>
                    <a:pt x="52422" y="104575"/>
                    <a:pt x="44204" y="98001"/>
                    <a:pt x="39273" y="89372"/>
                  </a:cubicBezTo>
                  <a:cubicBezTo>
                    <a:pt x="34342" y="80743"/>
                    <a:pt x="33109" y="70881"/>
                    <a:pt x="35575" y="61019"/>
                  </a:cubicBezTo>
                  <a:cubicBezTo>
                    <a:pt x="40095" y="44994"/>
                    <a:pt x="54887" y="33489"/>
                    <a:pt x="71323" y="33489"/>
                  </a:cubicBezTo>
                  <a:cubicBezTo>
                    <a:pt x="74611" y="33489"/>
                    <a:pt x="77898" y="33900"/>
                    <a:pt x="81185" y="34722"/>
                  </a:cubicBezTo>
                  <a:cubicBezTo>
                    <a:pt x="90636" y="37187"/>
                    <a:pt x="98854" y="43761"/>
                    <a:pt x="103785" y="52390"/>
                  </a:cubicBezTo>
                  <a:cubicBezTo>
                    <a:pt x="108715" y="61430"/>
                    <a:pt x="109948" y="71703"/>
                    <a:pt x="107483" y="81154"/>
                  </a:cubicBezTo>
                  <a:close/>
                </a:path>
              </a:pathLst>
            </a:custGeom>
            <a:grpFill/>
            <a:ln w="9525" cap="flat">
              <a:noFill/>
              <a:prstDash val="solid"/>
              <a:miter/>
            </a:ln>
          </p:spPr>
          <p:txBody>
            <a:bodyPr rtlCol="0" anchor="ctr"/>
            <a:lstStyle/>
            <a:p>
              <a:endParaRPr lang="da-DK" noProof="0"/>
            </a:p>
          </p:txBody>
        </p:sp>
      </p:grpSp>
      <p:grpSp>
        <p:nvGrpSpPr>
          <p:cNvPr id="82" name="Group 81">
            <a:extLst>
              <a:ext uri="{FF2B5EF4-FFF2-40B4-BE49-F238E27FC236}">
                <a16:creationId xmlns:a16="http://schemas.microsoft.com/office/drawing/2014/main" id="{93899C80-4E78-8BA4-0530-4C0A8A68BD12}"/>
              </a:ext>
              <a:ext uri="{C183D7F6-B498-43B3-948B-1728B52AA6E4}">
                <adec:decorative xmlns:adec="http://schemas.microsoft.com/office/drawing/2017/decorative" val="1"/>
              </a:ext>
            </a:extLst>
          </p:cNvPr>
          <p:cNvGrpSpPr/>
          <p:nvPr/>
        </p:nvGrpSpPr>
        <p:grpSpPr>
          <a:xfrm>
            <a:off x="8618710" y="2075457"/>
            <a:ext cx="268483" cy="256250"/>
            <a:chOff x="-4500563" y="7045325"/>
            <a:chExt cx="661988" cy="631825"/>
          </a:xfrm>
          <a:solidFill>
            <a:schemeClr val="bg1"/>
          </a:solidFill>
        </p:grpSpPr>
        <p:sp>
          <p:nvSpPr>
            <p:cNvPr id="83" name="Freeform 129">
              <a:extLst>
                <a:ext uri="{FF2B5EF4-FFF2-40B4-BE49-F238E27FC236}">
                  <a16:creationId xmlns:a16="http://schemas.microsoft.com/office/drawing/2014/main" id="{4BCAA2A7-637C-8EFD-785E-D3C8B08EE3FD}"/>
                </a:ext>
              </a:extLst>
            </p:cNvPr>
            <p:cNvSpPr>
              <a:spLocks noEditPoints="1"/>
            </p:cNvSpPr>
            <p:nvPr/>
          </p:nvSpPr>
          <p:spPr bwMode="auto">
            <a:xfrm>
              <a:off x="-4333875" y="7045325"/>
              <a:ext cx="330200" cy="180975"/>
            </a:xfrm>
            <a:custGeom>
              <a:avLst/>
              <a:gdLst>
                <a:gd name="T0" fmla="*/ 84 w 88"/>
                <a:gd name="T1" fmla="*/ 48 h 48"/>
                <a:gd name="T2" fmla="*/ 4 w 88"/>
                <a:gd name="T3" fmla="*/ 48 h 48"/>
                <a:gd name="T4" fmla="*/ 0 w 88"/>
                <a:gd name="T5" fmla="*/ 44 h 48"/>
                <a:gd name="T6" fmla="*/ 0 w 88"/>
                <a:gd name="T7" fmla="*/ 4 h 48"/>
                <a:gd name="T8" fmla="*/ 4 w 88"/>
                <a:gd name="T9" fmla="*/ 0 h 48"/>
                <a:gd name="T10" fmla="*/ 84 w 88"/>
                <a:gd name="T11" fmla="*/ 0 h 48"/>
                <a:gd name="T12" fmla="*/ 88 w 88"/>
                <a:gd name="T13" fmla="*/ 4 h 48"/>
                <a:gd name="T14" fmla="*/ 88 w 88"/>
                <a:gd name="T15" fmla="*/ 44 h 48"/>
                <a:gd name="T16" fmla="*/ 84 w 88"/>
                <a:gd name="T17" fmla="*/ 48 h 48"/>
                <a:gd name="T18" fmla="*/ 8 w 88"/>
                <a:gd name="T19" fmla="*/ 40 h 48"/>
                <a:gd name="T20" fmla="*/ 80 w 88"/>
                <a:gd name="T21" fmla="*/ 40 h 48"/>
                <a:gd name="T22" fmla="*/ 80 w 88"/>
                <a:gd name="T23" fmla="*/ 8 h 48"/>
                <a:gd name="T24" fmla="*/ 8 w 88"/>
                <a:gd name="T25" fmla="*/ 8 h 48"/>
                <a:gd name="T26" fmla="*/ 8 w 88"/>
                <a:gd name="T27" fmla="*/ 40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88" h="48">
                  <a:moveTo>
                    <a:pt x="84" y="48"/>
                  </a:moveTo>
                  <a:cubicBezTo>
                    <a:pt x="4" y="48"/>
                    <a:pt x="4" y="48"/>
                    <a:pt x="4" y="48"/>
                  </a:cubicBezTo>
                  <a:cubicBezTo>
                    <a:pt x="2" y="48"/>
                    <a:pt x="0" y="46"/>
                    <a:pt x="0" y="44"/>
                  </a:cubicBezTo>
                  <a:cubicBezTo>
                    <a:pt x="0" y="4"/>
                    <a:pt x="0" y="4"/>
                    <a:pt x="0" y="4"/>
                  </a:cubicBezTo>
                  <a:cubicBezTo>
                    <a:pt x="0" y="2"/>
                    <a:pt x="2" y="0"/>
                    <a:pt x="4" y="0"/>
                  </a:cubicBezTo>
                  <a:cubicBezTo>
                    <a:pt x="84" y="0"/>
                    <a:pt x="84" y="0"/>
                    <a:pt x="84" y="0"/>
                  </a:cubicBezTo>
                  <a:cubicBezTo>
                    <a:pt x="86" y="0"/>
                    <a:pt x="88" y="2"/>
                    <a:pt x="88" y="4"/>
                  </a:cubicBezTo>
                  <a:cubicBezTo>
                    <a:pt x="88" y="44"/>
                    <a:pt x="88" y="44"/>
                    <a:pt x="88" y="44"/>
                  </a:cubicBezTo>
                  <a:cubicBezTo>
                    <a:pt x="88" y="46"/>
                    <a:pt x="86" y="48"/>
                    <a:pt x="84" y="48"/>
                  </a:cubicBezTo>
                  <a:close/>
                  <a:moveTo>
                    <a:pt x="8" y="40"/>
                  </a:moveTo>
                  <a:cubicBezTo>
                    <a:pt x="80" y="40"/>
                    <a:pt x="80" y="40"/>
                    <a:pt x="80" y="40"/>
                  </a:cubicBezTo>
                  <a:cubicBezTo>
                    <a:pt x="80" y="8"/>
                    <a:pt x="80" y="8"/>
                    <a:pt x="80" y="8"/>
                  </a:cubicBezTo>
                  <a:cubicBezTo>
                    <a:pt x="8" y="8"/>
                    <a:pt x="8" y="8"/>
                    <a:pt x="8" y="8"/>
                  </a:cubicBezTo>
                  <a:lnTo>
                    <a:pt x="8" y="4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84" name="Freeform 130">
              <a:extLst>
                <a:ext uri="{FF2B5EF4-FFF2-40B4-BE49-F238E27FC236}">
                  <a16:creationId xmlns:a16="http://schemas.microsoft.com/office/drawing/2014/main" id="{C40B0B60-AD71-DCFF-FDFF-4DA16FE78B5A}"/>
                </a:ext>
              </a:extLst>
            </p:cNvPr>
            <p:cNvSpPr>
              <a:spLocks noEditPoints="1"/>
            </p:cNvSpPr>
            <p:nvPr/>
          </p:nvSpPr>
          <p:spPr bwMode="auto">
            <a:xfrm>
              <a:off x="-4333875" y="7270750"/>
              <a:ext cx="330200" cy="180975"/>
            </a:xfrm>
            <a:custGeom>
              <a:avLst/>
              <a:gdLst>
                <a:gd name="T0" fmla="*/ 84 w 88"/>
                <a:gd name="T1" fmla="*/ 48 h 48"/>
                <a:gd name="T2" fmla="*/ 4 w 88"/>
                <a:gd name="T3" fmla="*/ 48 h 48"/>
                <a:gd name="T4" fmla="*/ 0 w 88"/>
                <a:gd name="T5" fmla="*/ 44 h 48"/>
                <a:gd name="T6" fmla="*/ 0 w 88"/>
                <a:gd name="T7" fmla="*/ 4 h 48"/>
                <a:gd name="T8" fmla="*/ 4 w 88"/>
                <a:gd name="T9" fmla="*/ 0 h 48"/>
                <a:gd name="T10" fmla="*/ 84 w 88"/>
                <a:gd name="T11" fmla="*/ 0 h 48"/>
                <a:gd name="T12" fmla="*/ 88 w 88"/>
                <a:gd name="T13" fmla="*/ 4 h 48"/>
                <a:gd name="T14" fmla="*/ 88 w 88"/>
                <a:gd name="T15" fmla="*/ 44 h 48"/>
                <a:gd name="T16" fmla="*/ 84 w 88"/>
                <a:gd name="T17" fmla="*/ 48 h 48"/>
                <a:gd name="T18" fmla="*/ 8 w 88"/>
                <a:gd name="T19" fmla="*/ 40 h 48"/>
                <a:gd name="T20" fmla="*/ 80 w 88"/>
                <a:gd name="T21" fmla="*/ 40 h 48"/>
                <a:gd name="T22" fmla="*/ 80 w 88"/>
                <a:gd name="T23" fmla="*/ 8 h 48"/>
                <a:gd name="T24" fmla="*/ 8 w 88"/>
                <a:gd name="T25" fmla="*/ 8 h 48"/>
                <a:gd name="T26" fmla="*/ 8 w 88"/>
                <a:gd name="T27" fmla="*/ 40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88" h="48">
                  <a:moveTo>
                    <a:pt x="84" y="48"/>
                  </a:moveTo>
                  <a:cubicBezTo>
                    <a:pt x="4" y="48"/>
                    <a:pt x="4" y="48"/>
                    <a:pt x="4" y="48"/>
                  </a:cubicBezTo>
                  <a:cubicBezTo>
                    <a:pt x="2" y="48"/>
                    <a:pt x="0" y="46"/>
                    <a:pt x="0" y="44"/>
                  </a:cubicBezTo>
                  <a:cubicBezTo>
                    <a:pt x="0" y="4"/>
                    <a:pt x="0" y="4"/>
                    <a:pt x="0" y="4"/>
                  </a:cubicBezTo>
                  <a:cubicBezTo>
                    <a:pt x="0" y="2"/>
                    <a:pt x="2" y="0"/>
                    <a:pt x="4" y="0"/>
                  </a:cubicBezTo>
                  <a:cubicBezTo>
                    <a:pt x="84" y="0"/>
                    <a:pt x="84" y="0"/>
                    <a:pt x="84" y="0"/>
                  </a:cubicBezTo>
                  <a:cubicBezTo>
                    <a:pt x="86" y="0"/>
                    <a:pt x="88" y="2"/>
                    <a:pt x="88" y="4"/>
                  </a:cubicBezTo>
                  <a:cubicBezTo>
                    <a:pt x="88" y="44"/>
                    <a:pt x="88" y="44"/>
                    <a:pt x="88" y="44"/>
                  </a:cubicBezTo>
                  <a:cubicBezTo>
                    <a:pt x="88" y="46"/>
                    <a:pt x="86" y="48"/>
                    <a:pt x="84" y="48"/>
                  </a:cubicBezTo>
                  <a:close/>
                  <a:moveTo>
                    <a:pt x="8" y="40"/>
                  </a:moveTo>
                  <a:cubicBezTo>
                    <a:pt x="80" y="40"/>
                    <a:pt x="80" y="40"/>
                    <a:pt x="80" y="40"/>
                  </a:cubicBezTo>
                  <a:cubicBezTo>
                    <a:pt x="80" y="8"/>
                    <a:pt x="80" y="8"/>
                    <a:pt x="80" y="8"/>
                  </a:cubicBezTo>
                  <a:cubicBezTo>
                    <a:pt x="8" y="8"/>
                    <a:pt x="8" y="8"/>
                    <a:pt x="8" y="8"/>
                  </a:cubicBezTo>
                  <a:lnTo>
                    <a:pt x="8" y="4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85" name="Freeform 131">
              <a:extLst>
                <a:ext uri="{FF2B5EF4-FFF2-40B4-BE49-F238E27FC236}">
                  <a16:creationId xmlns:a16="http://schemas.microsoft.com/office/drawing/2014/main" id="{60329536-5808-96FF-28C3-94307C781800}"/>
                </a:ext>
              </a:extLst>
            </p:cNvPr>
            <p:cNvSpPr>
              <a:spLocks noEditPoints="1"/>
            </p:cNvSpPr>
            <p:nvPr/>
          </p:nvSpPr>
          <p:spPr bwMode="auto">
            <a:xfrm>
              <a:off x="-4333875" y="7496175"/>
              <a:ext cx="330200" cy="180975"/>
            </a:xfrm>
            <a:custGeom>
              <a:avLst/>
              <a:gdLst>
                <a:gd name="T0" fmla="*/ 84 w 88"/>
                <a:gd name="T1" fmla="*/ 48 h 48"/>
                <a:gd name="T2" fmla="*/ 4 w 88"/>
                <a:gd name="T3" fmla="*/ 48 h 48"/>
                <a:gd name="T4" fmla="*/ 0 w 88"/>
                <a:gd name="T5" fmla="*/ 44 h 48"/>
                <a:gd name="T6" fmla="*/ 0 w 88"/>
                <a:gd name="T7" fmla="*/ 4 h 48"/>
                <a:gd name="T8" fmla="*/ 4 w 88"/>
                <a:gd name="T9" fmla="*/ 0 h 48"/>
                <a:gd name="T10" fmla="*/ 84 w 88"/>
                <a:gd name="T11" fmla="*/ 0 h 48"/>
                <a:gd name="T12" fmla="*/ 88 w 88"/>
                <a:gd name="T13" fmla="*/ 4 h 48"/>
                <a:gd name="T14" fmla="*/ 88 w 88"/>
                <a:gd name="T15" fmla="*/ 44 h 48"/>
                <a:gd name="T16" fmla="*/ 84 w 88"/>
                <a:gd name="T17" fmla="*/ 48 h 48"/>
                <a:gd name="T18" fmla="*/ 8 w 88"/>
                <a:gd name="T19" fmla="*/ 40 h 48"/>
                <a:gd name="T20" fmla="*/ 80 w 88"/>
                <a:gd name="T21" fmla="*/ 40 h 48"/>
                <a:gd name="T22" fmla="*/ 80 w 88"/>
                <a:gd name="T23" fmla="*/ 8 h 48"/>
                <a:gd name="T24" fmla="*/ 8 w 88"/>
                <a:gd name="T25" fmla="*/ 8 h 48"/>
                <a:gd name="T26" fmla="*/ 8 w 88"/>
                <a:gd name="T27" fmla="*/ 40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88" h="48">
                  <a:moveTo>
                    <a:pt x="84" y="48"/>
                  </a:moveTo>
                  <a:cubicBezTo>
                    <a:pt x="4" y="48"/>
                    <a:pt x="4" y="48"/>
                    <a:pt x="4" y="48"/>
                  </a:cubicBezTo>
                  <a:cubicBezTo>
                    <a:pt x="2" y="48"/>
                    <a:pt x="0" y="46"/>
                    <a:pt x="0" y="44"/>
                  </a:cubicBezTo>
                  <a:cubicBezTo>
                    <a:pt x="0" y="4"/>
                    <a:pt x="0" y="4"/>
                    <a:pt x="0" y="4"/>
                  </a:cubicBezTo>
                  <a:cubicBezTo>
                    <a:pt x="0" y="2"/>
                    <a:pt x="2" y="0"/>
                    <a:pt x="4" y="0"/>
                  </a:cubicBezTo>
                  <a:cubicBezTo>
                    <a:pt x="84" y="0"/>
                    <a:pt x="84" y="0"/>
                    <a:pt x="84" y="0"/>
                  </a:cubicBezTo>
                  <a:cubicBezTo>
                    <a:pt x="86" y="0"/>
                    <a:pt x="88" y="2"/>
                    <a:pt x="88" y="4"/>
                  </a:cubicBezTo>
                  <a:cubicBezTo>
                    <a:pt x="88" y="44"/>
                    <a:pt x="88" y="44"/>
                    <a:pt x="88" y="44"/>
                  </a:cubicBezTo>
                  <a:cubicBezTo>
                    <a:pt x="88" y="46"/>
                    <a:pt x="86" y="48"/>
                    <a:pt x="84" y="48"/>
                  </a:cubicBezTo>
                  <a:close/>
                  <a:moveTo>
                    <a:pt x="8" y="40"/>
                  </a:moveTo>
                  <a:cubicBezTo>
                    <a:pt x="80" y="40"/>
                    <a:pt x="80" y="40"/>
                    <a:pt x="80" y="40"/>
                  </a:cubicBezTo>
                  <a:cubicBezTo>
                    <a:pt x="80" y="8"/>
                    <a:pt x="80" y="8"/>
                    <a:pt x="80" y="8"/>
                  </a:cubicBezTo>
                  <a:cubicBezTo>
                    <a:pt x="8" y="8"/>
                    <a:pt x="8" y="8"/>
                    <a:pt x="8" y="8"/>
                  </a:cubicBezTo>
                  <a:lnTo>
                    <a:pt x="8" y="4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86" name="Freeform 132">
              <a:extLst>
                <a:ext uri="{FF2B5EF4-FFF2-40B4-BE49-F238E27FC236}">
                  <a16:creationId xmlns:a16="http://schemas.microsoft.com/office/drawing/2014/main" id="{B2DD4C13-36AC-3186-FF9B-4F1E7C60745B}"/>
                </a:ext>
              </a:extLst>
            </p:cNvPr>
            <p:cNvSpPr>
              <a:spLocks/>
            </p:cNvSpPr>
            <p:nvPr/>
          </p:nvSpPr>
          <p:spPr bwMode="auto">
            <a:xfrm>
              <a:off x="-3973513" y="7105650"/>
              <a:ext cx="134938" cy="495300"/>
            </a:xfrm>
            <a:custGeom>
              <a:avLst/>
              <a:gdLst>
                <a:gd name="T0" fmla="*/ 20 w 36"/>
                <a:gd name="T1" fmla="*/ 132 h 132"/>
                <a:gd name="T2" fmla="*/ 0 w 36"/>
                <a:gd name="T3" fmla="*/ 132 h 132"/>
                <a:gd name="T4" fmla="*/ 0 w 36"/>
                <a:gd name="T5" fmla="*/ 124 h 132"/>
                <a:gd name="T6" fmla="*/ 20 w 36"/>
                <a:gd name="T7" fmla="*/ 124 h 132"/>
                <a:gd name="T8" fmla="*/ 28 w 36"/>
                <a:gd name="T9" fmla="*/ 116 h 132"/>
                <a:gd name="T10" fmla="*/ 28 w 36"/>
                <a:gd name="T11" fmla="*/ 16 h 132"/>
                <a:gd name="T12" fmla="*/ 20 w 36"/>
                <a:gd name="T13" fmla="*/ 8 h 132"/>
                <a:gd name="T14" fmla="*/ 4 w 36"/>
                <a:gd name="T15" fmla="*/ 8 h 132"/>
                <a:gd name="T16" fmla="*/ 4 w 36"/>
                <a:gd name="T17" fmla="*/ 0 h 132"/>
                <a:gd name="T18" fmla="*/ 20 w 36"/>
                <a:gd name="T19" fmla="*/ 0 h 132"/>
                <a:gd name="T20" fmla="*/ 36 w 36"/>
                <a:gd name="T21" fmla="*/ 16 h 132"/>
                <a:gd name="T22" fmla="*/ 36 w 36"/>
                <a:gd name="T23" fmla="*/ 116 h 132"/>
                <a:gd name="T24" fmla="*/ 20 w 36"/>
                <a:gd name="T25" fmla="*/ 132 h 1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36" h="132">
                  <a:moveTo>
                    <a:pt x="20" y="132"/>
                  </a:moveTo>
                  <a:cubicBezTo>
                    <a:pt x="0" y="132"/>
                    <a:pt x="0" y="132"/>
                    <a:pt x="0" y="132"/>
                  </a:cubicBezTo>
                  <a:cubicBezTo>
                    <a:pt x="0" y="124"/>
                    <a:pt x="0" y="124"/>
                    <a:pt x="0" y="124"/>
                  </a:cubicBezTo>
                  <a:cubicBezTo>
                    <a:pt x="20" y="124"/>
                    <a:pt x="20" y="124"/>
                    <a:pt x="20" y="124"/>
                  </a:cubicBezTo>
                  <a:cubicBezTo>
                    <a:pt x="24" y="124"/>
                    <a:pt x="28" y="120"/>
                    <a:pt x="28" y="116"/>
                  </a:cubicBezTo>
                  <a:cubicBezTo>
                    <a:pt x="28" y="16"/>
                    <a:pt x="28" y="16"/>
                    <a:pt x="28" y="16"/>
                  </a:cubicBezTo>
                  <a:cubicBezTo>
                    <a:pt x="28" y="12"/>
                    <a:pt x="24" y="8"/>
                    <a:pt x="20" y="8"/>
                  </a:cubicBezTo>
                  <a:cubicBezTo>
                    <a:pt x="4" y="8"/>
                    <a:pt x="4" y="8"/>
                    <a:pt x="4" y="8"/>
                  </a:cubicBezTo>
                  <a:cubicBezTo>
                    <a:pt x="4" y="0"/>
                    <a:pt x="4" y="0"/>
                    <a:pt x="4" y="0"/>
                  </a:cubicBezTo>
                  <a:cubicBezTo>
                    <a:pt x="20" y="0"/>
                    <a:pt x="20" y="0"/>
                    <a:pt x="20" y="0"/>
                  </a:cubicBezTo>
                  <a:cubicBezTo>
                    <a:pt x="29" y="0"/>
                    <a:pt x="36" y="7"/>
                    <a:pt x="36" y="16"/>
                  </a:cubicBezTo>
                  <a:cubicBezTo>
                    <a:pt x="36" y="116"/>
                    <a:pt x="36" y="116"/>
                    <a:pt x="36" y="116"/>
                  </a:cubicBezTo>
                  <a:cubicBezTo>
                    <a:pt x="36" y="125"/>
                    <a:pt x="29" y="132"/>
                    <a:pt x="20" y="13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87" name="Freeform 133">
              <a:extLst>
                <a:ext uri="{FF2B5EF4-FFF2-40B4-BE49-F238E27FC236}">
                  <a16:creationId xmlns:a16="http://schemas.microsoft.com/office/drawing/2014/main" id="{B428FA94-3F3E-FC78-2FF0-F2C8958F53A5}"/>
                </a:ext>
              </a:extLst>
            </p:cNvPr>
            <p:cNvSpPr>
              <a:spLocks/>
            </p:cNvSpPr>
            <p:nvPr/>
          </p:nvSpPr>
          <p:spPr bwMode="auto">
            <a:xfrm>
              <a:off x="-3989388" y="7048500"/>
              <a:ext cx="87313" cy="142875"/>
            </a:xfrm>
            <a:custGeom>
              <a:avLst/>
              <a:gdLst>
                <a:gd name="T0" fmla="*/ 17 w 23"/>
                <a:gd name="T1" fmla="*/ 38 h 38"/>
                <a:gd name="T2" fmla="*/ 1 w 23"/>
                <a:gd name="T3" fmla="*/ 22 h 38"/>
                <a:gd name="T4" fmla="*/ 1 w 23"/>
                <a:gd name="T5" fmla="*/ 16 h 38"/>
                <a:gd name="T6" fmla="*/ 17 w 23"/>
                <a:gd name="T7" fmla="*/ 0 h 38"/>
                <a:gd name="T8" fmla="*/ 23 w 23"/>
                <a:gd name="T9" fmla="*/ 6 h 38"/>
                <a:gd name="T10" fmla="*/ 10 w 23"/>
                <a:gd name="T11" fmla="*/ 19 h 38"/>
                <a:gd name="T12" fmla="*/ 23 w 23"/>
                <a:gd name="T13" fmla="*/ 32 h 38"/>
                <a:gd name="T14" fmla="*/ 17 w 23"/>
                <a:gd name="T15" fmla="*/ 38 h 38"/>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3" h="38">
                  <a:moveTo>
                    <a:pt x="17" y="38"/>
                  </a:moveTo>
                  <a:cubicBezTo>
                    <a:pt x="1" y="22"/>
                    <a:pt x="1" y="22"/>
                    <a:pt x="1" y="22"/>
                  </a:cubicBezTo>
                  <a:cubicBezTo>
                    <a:pt x="0" y="20"/>
                    <a:pt x="0" y="18"/>
                    <a:pt x="1" y="16"/>
                  </a:cubicBezTo>
                  <a:cubicBezTo>
                    <a:pt x="17" y="0"/>
                    <a:pt x="17" y="0"/>
                    <a:pt x="17" y="0"/>
                  </a:cubicBezTo>
                  <a:cubicBezTo>
                    <a:pt x="23" y="6"/>
                    <a:pt x="23" y="6"/>
                    <a:pt x="23" y="6"/>
                  </a:cubicBezTo>
                  <a:cubicBezTo>
                    <a:pt x="10" y="19"/>
                    <a:pt x="10" y="19"/>
                    <a:pt x="10" y="19"/>
                  </a:cubicBezTo>
                  <a:cubicBezTo>
                    <a:pt x="23" y="32"/>
                    <a:pt x="23" y="32"/>
                    <a:pt x="23" y="32"/>
                  </a:cubicBezTo>
                  <a:lnTo>
                    <a:pt x="17" y="3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88" name="Freeform 134">
              <a:extLst>
                <a:ext uri="{FF2B5EF4-FFF2-40B4-BE49-F238E27FC236}">
                  <a16:creationId xmlns:a16="http://schemas.microsoft.com/office/drawing/2014/main" id="{09D8F7FF-7021-E6FE-B0F1-611152D10A4F}"/>
                </a:ext>
              </a:extLst>
            </p:cNvPr>
            <p:cNvSpPr>
              <a:spLocks/>
            </p:cNvSpPr>
            <p:nvPr/>
          </p:nvSpPr>
          <p:spPr bwMode="auto">
            <a:xfrm>
              <a:off x="-4500563" y="7119938"/>
              <a:ext cx="136525" cy="241300"/>
            </a:xfrm>
            <a:custGeom>
              <a:avLst/>
              <a:gdLst>
                <a:gd name="T0" fmla="*/ 32 w 36"/>
                <a:gd name="T1" fmla="*/ 64 h 64"/>
                <a:gd name="T2" fmla="*/ 16 w 36"/>
                <a:gd name="T3" fmla="*/ 64 h 64"/>
                <a:gd name="T4" fmla="*/ 0 w 36"/>
                <a:gd name="T5" fmla="*/ 48 h 64"/>
                <a:gd name="T6" fmla="*/ 0 w 36"/>
                <a:gd name="T7" fmla="*/ 16 h 64"/>
                <a:gd name="T8" fmla="*/ 16 w 36"/>
                <a:gd name="T9" fmla="*/ 0 h 64"/>
                <a:gd name="T10" fmla="*/ 36 w 36"/>
                <a:gd name="T11" fmla="*/ 0 h 64"/>
                <a:gd name="T12" fmla="*/ 36 w 36"/>
                <a:gd name="T13" fmla="*/ 8 h 64"/>
                <a:gd name="T14" fmla="*/ 16 w 36"/>
                <a:gd name="T15" fmla="*/ 8 h 64"/>
                <a:gd name="T16" fmla="*/ 8 w 36"/>
                <a:gd name="T17" fmla="*/ 16 h 64"/>
                <a:gd name="T18" fmla="*/ 8 w 36"/>
                <a:gd name="T19" fmla="*/ 48 h 64"/>
                <a:gd name="T20" fmla="*/ 16 w 36"/>
                <a:gd name="T21" fmla="*/ 56 h 64"/>
                <a:gd name="T22" fmla="*/ 32 w 36"/>
                <a:gd name="T23" fmla="*/ 56 h 64"/>
                <a:gd name="T24" fmla="*/ 32 w 36"/>
                <a:gd name="T25" fmla="*/ 64 h 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36" h="64">
                  <a:moveTo>
                    <a:pt x="32" y="64"/>
                  </a:moveTo>
                  <a:cubicBezTo>
                    <a:pt x="16" y="64"/>
                    <a:pt x="16" y="64"/>
                    <a:pt x="16" y="64"/>
                  </a:cubicBezTo>
                  <a:cubicBezTo>
                    <a:pt x="7" y="64"/>
                    <a:pt x="0" y="57"/>
                    <a:pt x="0" y="48"/>
                  </a:cubicBezTo>
                  <a:cubicBezTo>
                    <a:pt x="0" y="16"/>
                    <a:pt x="0" y="16"/>
                    <a:pt x="0" y="16"/>
                  </a:cubicBezTo>
                  <a:cubicBezTo>
                    <a:pt x="0" y="7"/>
                    <a:pt x="7" y="0"/>
                    <a:pt x="16" y="0"/>
                  </a:cubicBezTo>
                  <a:cubicBezTo>
                    <a:pt x="36" y="0"/>
                    <a:pt x="36" y="0"/>
                    <a:pt x="36" y="0"/>
                  </a:cubicBezTo>
                  <a:cubicBezTo>
                    <a:pt x="36" y="8"/>
                    <a:pt x="36" y="8"/>
                    <a:pt x="36" y="8"/>
                  </a:cubicBezTo>
                  <a:cubicBezTo>
                    <a:pt x="16" y="8"/>
                    <a:pt x="16" y="8"/>
                    <a:pt x="16" y="8"/>
                  </a:cubicBezTo>
                  <a:cubicBezTo>
                    <a:pt x="12" y="8"/>
                    <a:pt x="8" y="12"/>
                    <a:pt x="8" y="16"/>
                  </a:cubicBezTo>
                  <a:cubicBezTo>
                    <a:pt x="8" y="48"/>
                    <a:pt x="8" y="48"/>
                    <a:pt x="8" y="48"/>
                  </a:cubicBezTo>
                  <a:cubicBezTo>
                    <a:pt x="8" y="52"/>
                    <a:pt x="12" y="56"/>
                    <a:pt x="16" y="56"/>
                  </a:cubicBezTo>
                  <a:cubicBezTo>
                    <a:pt x="32" y="56"/>
                    <a:pt x="32" y="56"/>
                    <a:pt x="32" y="56"/>
                  </a:cubicBezTo>
                  <a:lnTo>
                    <a:pt x="32" y="64"/>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89" name="Freeform 135">
              <a:extLst>
                <a:ext uri="{FF2B5EF4-FFF2-40B4-BE49-F238E27FC236}">
                  <a16:creationId xmlns:a16="http://schemas.microsoft.com/office/drawing/2014/main" id="{3AF1F25A-61FA-E00E-8A10-2454B39BBE79}"/>
                </a:ext>
              </a:extLst>
            </p:cNvPr>
            <p:cNvSpPr>
              <a:spLocks/>
            </p:cNvSpPr>
            <p:nvPr/>
          </p:nvSpPr>
          <p:spPr bwMode="auto">
            <a:xfrm>
              <a:off x="-4435475" y="7273925"/>
              <a:ext cx="85725" cy="142875"/>
            </a:xfrm>
            <a:custGeom>
              <a:avLst/>
              <a:gdLst>
                <a:gd name="T0" fmla="*/ 6 w 23"/>
                <a:gd name="T1" fmla="*/ 38 h 38"/>
                <a:gd name="T2" fmla="*/ 0 w 23"/>
                <a:gd name="T3" fmla="*/ 32 h 38"/>
                <a:gd name="T4" fmla="*/ 13 w 23"/>
                <a:gd name="T5" fmla="*/ 19 h 38"/>
                <a:gd name="T6" fmla="*/ 0 w 23"/>
                <a:gd name="T7" fmla="*/ 6 h 38"/>
                <a:gd name="T8" fmla="*/ 6 w 23"/>
                <a:gd name="T9" fmla="*/ 0 h 38"/>
                <a:gd name="T10" fmla="*/ 22 w 23"/>
                <a:gd name="T11" fmla="*/ 16 h 38"/>
                <a:gd name="T12" fmla="*/ 22 w 23"/>
                <a:gd name="T13" fmla="*/ 22 h 38"/>
                <a:gd name="T14" fmla="*/ 6 w 23"/>
                <a:gd name="T15" fmla="*/ 38 h 38"/>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3" h="38">
                  <a:moveTo>
                    <a:pt x="6" y="38"/>
                  </a:moveTo>
                  <a:cubicBezTo>
                    <a:pt x="0" y="32"/>
                    <a:pt x="0" y="32"/>
                    <a:pt x="0" y="32"/>
                  </a:cubicBezTo>
                  <a:cubicBezTo>
                    <a:pt x="13" y="19"/>
                    <a:pt x="13" y="19"/>
                    <a:pt x="13" y="19"/>
                  </a:cubicBezTo>
                  <a:cubicBezTo>
                    <a:pt x="0" y="6"/>
                    <a:pt x="0" y="6"/>
                    <a:pt x="0" y="6"/>
                  </a:cubicBezTo>
                  <a:cubicBezTo>
                    <a:pt x="6" y="0"/>
                    <a:pt x="6" y="0"/>
                    <a:pt x="6" y="0"/>
                  </a:cubicBezTo>
                  <a:cubicBezTo>
                    <a:pt x="22" y="16"/>
                    <a:pt x="22" y="16"/>
                    <a:pt x="22" y="16"/>
                  </a:cubicBezTo>
                  <a:cubicBezTo>
                    <a:pt x="23" y="18"/>
                    <a:pt x="23" y="20"/>
                    <a:pt x="22" y="22"/>
                  </a:cubicBezTo>
                  <a:lnTo>
                    <a:pt x="6" y="3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grpSp>
        <p:nvGrpSpPr>
          <p:cNvPr id="90" name="Group 89">
            <a:extLst>
              <a:ext uri="{FF2B5EF4-FFF2-40B4-BE49-F238E27FC236}">
                <a16:creationId xmlns:a16="http://schemas.microsoft.com/office/drawing/2014/main" id="{8A041189-0826-4769-654D-2A1A5701796B}"/>
              </a:ext>
              <a:ext uri="{C183D7F6-B498-43B3-948B-1728B52AA6E4}">
                <adec:decorative xmlns:adec="http://schemas.microsoft.com/office/drawing/2017/decorative" val="1"/>
              </a:ext>
            </a:extLst>
          </p:cNvPr>
          <p:cNvGrpSpPr/>
          <p:nvPr/>
        </p:nvGrpSpPr>
        <p:grpSpPr>
          <a:xfrm>
            <a:off x="9688316" y="2054560"/>
            <a:ext cx="309437" cy="310337"/>
            <a:chOff x="-5958088" y="1884360"/>
            <a:chExt cx="1127933" cy="1131221"/>
          </a:xfrm>
          <a:solidFill>
            <a:schemeClr val="bg1"/>
          </a:solidFill>
        </p:grpSpPr>
        <p:sp>
          <p:nvSpPr>
            <p:cNvPr id="91" name="Freeform: Shape 90">
              <a:extLst>
                <a:ext uri="{FF2B5EF4-FFF2-40B4-BE49-F238E27FC236}">
                  <a16:creationId xmlns:a16="http://schemas.microsoft.com/office/drawing/2014/main" id="{930E7B64-9947-8A85-7609-1247EF1142BC}"/>
                </a:ext>
              </a:extLst>
            </p:cNvPr>
            <p:cNvSpPr/>
            <p:nvPr/>
          </p:nvSpPr>
          <p:spPr>
            <a:xfrm>
              <a:off x="-5817559" y="2032696"/>
              <a:ext cx="345160" cy="484868"/>
            </a:xfrm>
            <a:custGeom>
              <a:avLst/>
              <a:gdLst>
                <a:gd name="connsiteX0" fmla="*/ 344544 w 345159"/>
                <a:gd name="connsiteY0" fmla="*/ 3082 h 484867"/>
                <a:gd name="connsiteX1" fmla="*/ 3082 w 345159"/>
                <a:gd name="connsiteY1" fmla="*/ 417274 h 484867"/>
                <a:gd name="connsiteX2" fmla="*/ 8423 w 345159"/>
                <a:gd name="connsiteY2" fmla="*/ 483430 h 484867"/>
                <a:gd name="connsiteX3" fmla="*/ 43350 w 345159"/>
                <a:gd name="connsiteY3" fmla="*/ 448503 h 484867"/>
                <a:gd name="connsiteX4" fmla="*/ 42118 w 345159"/>
                <a:gd name="connsiteY4" fmla="*/ 417274 h 484867"/>
                <a:gd name="connsiteX5" fmla="*/ 320711 w 345159"/>
                <a:gd name="connsiteY5" fmla="*/ 48692 h 484867"/>
                <a:gd name="connsiteX6" fmla="*/ 344544 w 345159"/>
                <a:gd name="connsiteY6" fmla="*/ 3082 h 4848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5159" h="484867">
                  <a:moveTo>
                    <a:pt x="344544" y="3082"/>
                  </a:moveTo>
                  <a:cubicBezTo>
                    <a:pt x="146077" y="41296"/>
                    <a:pt x="3082" y="214698"/>
                    <a:pt x="3082" y="417274"/>
                  </a:cubicBezTo>
                  <a:cubicBezTo>
                    <a:pt x="3082" y="439052"/>
                    <a:pt x="4726" y="461652"/>
                    <a:pt x="8423" y="483430"/>
                  </a:cubicBezTo>
                  <a:lnTo>
                    <a:pt x="43350" y="448503"/>
                  </a:lnTo>
                  <a:cubicBezTo>
                    <a:pt x="42529" y="438230"/>
                    <a:pt x="42118" y="427546"/>
                    <a:pt x="42118" y="417274"/>
                  </a:cubicBezTo>
                  <a:cubicBezTo>
                    <a:pt x="42118" y="246748"/>
                    <a:pt x="156760" y="95125"/>
                    <a:pt x="320711" y="48692"/>
                  </a:cubicBezTo>
                  <a:cubicBezTo>
                    <a:pt x="327697" y="33078"/>
                    <a:pt x="335504" y="17463"/>
                    <a:pt x="344544" y="3082"/>
                  </a:cubicBezTo>
                  <a:close/>
                </a:path>
              </a:pathLst>
            </a:custGeom>
            <a:grpFill/>
            <a:ln w="9525" cap="flat">
              <a:noFill/>
              <a:prstDash val="solid"/>
              <a:miter/>
            </a:ln>
          </p:spPr>
          <p:txBody>
            <a:bodyPr rtlCol="0" anchor="ctr"/>
            <a:lstStyle/>
            <a:p>
              <a:endParaRPr lang="da-DK" noProof="0"/>
            </a:p>
          </p:txBody>
        </p:sp>
        <p:sp>
          <p:nvSpPr>
            <p:cNvPr id="92" name="Freeform: Shape 91">
              <a:extLst>
                <a:ext uri="{FF2B5EF4-FFF2-40B4-BE49-F238E27FC236}">
                  <a16:creationId xmlns:a16="http://schemas.microsoft.com/office/drawing/2014/main" id="{0E621425-59B4-FA8A-CC61-81F806A2DAD9}"/>
                </a:ext>
              </a:extLst>
            </p:cNvPr>
            <p:cNvSpPr/>
            <p:nvPr/>
          </p:nvSpPr>
          <p:spPr>
            <a:xfrm>
              <a:off x="-5590329" y="2362242"/>
              <a:ext cx="760174" cy="653339"/>
            </a:xfrm>
            <a:custGeom>
              <a:avLst/>
              <a:gdLst>
                <a:gd name="connsiteX0" fmla="*/ 753805 w 760173"/>
                <a:gd name="connsiteY0" fmla="*/ 3082 h 653338"/>
                <a:gd name="connsiteX1" fmla="*/ 720522 w 760173"/>
                <a:gd name="connsiteY1" fmla="*/ 63896 h 653338"/>
                <a:gd name="connsiteX2" fmla="*/ 720932 w 760173"/>
                <a:gd name="connsiteY2" fmla="*/ 87728 h 653338"/>
                <a:gd name="connsiteX3" fmla="*/ 197440 w 760173"/>
                <a:gd name="connsiteY3" fmla="*/ 611221 h 653338"/>
                <a:gd name="connsiteX4" fmla="*/ 45405 w 760173"/>
                <a:gd name="connsiteY4" fmla="*/ 588621 h 653338"/>
                <a:gd name="connsiteX5" fmla="*/ 3082 w 760173"/>
                <a:gd name="connsiteY5" fmla="*/ 615741 h 653338"/>
                <a:gd name="connsiteX6" fmla="*/ 197440 w 760173"/>
                <a:gd name="connsiteY6" fmla="*/ 650257 h 653338"/>
                <a:gd name="connsiteX7" fmla="*/ 759968 w 760173"/>
                <a:gd name="connsiteY7" fmla="*/ 87728 h 653338"/>
                <a:gd name="connsiteX8" fmla="*/ 753805 w 760173"/>
                <a:gd name="connsiteY8" fmla="*/ 3082 h 6533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60173" h="653338">
                  <a:moveTo>
                    <a:pt x="753805" y="3082"/>
                  </a:moveTo>
                  <a:cubicBezTo>
                    <a:pt x="744765" y="24449"/>
                    <a:pt x="733671" y="44994"/>
                    <a:pt x="720522" y="63896"/>
                  </a:cubicBezTo>
                  <a:cubicBezTo>
                    <a:pt x="720932" y="72114"/>
                    <a:pt x="720932" y="79921"/>
                    <a:pt x="720932" y="87728"/>
                  </a:cubicBezTo>
                  <a:cubicBezTo>
                    <a:pt x="720932" y="376183"/>
                    <a:pt x="486306" y="611221"/>
                    <a:pt x="197440" y="611221"/>
                  </a:cubicBezTo>
                  <a:cubicBezTo>
                    <a:pt x="145666" y="611221"/>
                    <a:pt x="94714" y="603414"/>
                    <a:pt x="45405" y="588621"/>
                  </a:cubicBezTo>
                  <a:cubicBezTo>
                    <a:pt x="32256" y="599304"/>
                    <a:pt x="18285" y="608344"/>
                    <a:pt x="3082" y="615741"/>
                  </a:cubicBezTo>
                  <a:cubicBezTo>
                    <a:pt x="65129" y="638751"/>
                    <a:pt x="130462" y="650257"/>
                    <a:pt x="197440" y="650257"/>
                  </a:cubicBezTo>
                  <a:cubicBezTo>
                    <a:pt x="507673" y="650257"/>
                    <a:pt x="759968" y="397961"/>
                    <a:pt x="759968" y="87728"/>
                  </a:cubicBezTo>
                  <a:cubicBezTo>
                    <a:pt x="760379" y="59376"/>
                    <a:pt x="757914" y="31023"/>
                    <a:pt x="753805" y="3082"/>
                  </a:cubicBezTo>
                  <a:close/>
                </a:path>
              </a:pathLst>
            </a:custGeom>
            <a:grpFill/>
            <a:ln w="9525" cap="flat">
              <a:noFill/>
              <a:prstDash val="solid"/>
              <a:miter/>
            </a:ln>
          </p:spPr>
          <p:txBody>
            <a:bodyPr rtlCol="0" anchor="ctr"/>
            <a:lstStyle/>
            <a:p>
              <a:endParaRPr lang="da-DK" noProof="0"/>
            </a:p>
          </p:txBody>
        </p:sp>
        <p:sp>
          <p:nvSpPr>
            <p:cNvPr id="93" name="Freeform: Shape 92">
              <a:extLst>
                <a:ext uri="{FF2B5EF4-FFF2-40B4-BE49-F238E27FC236}">
                  <a16:creationId xmlns:a16="http://schemas.microsoft.com/office/drawing/2014/main" id="{11875561-E5D4-E547-5A9C-54A1D9960EB5}"/>
                </a:ext>
              </a:extLst>
            </p:cNvPr>
            <p:cNvSpPr/>
            <p:nvPr/>
          </p:nvSpPr>
          <p:spPr>
            <a:xfrm>
              <a:off x="-5958088" y="1884360"/>
              <a:ext cx="649229" cy="760174"/>
            </a:xfrm>
            <a:custGeom>
              <a:avLst/>
              <a:gdLst>
                <a:gd name="connsiteX0" fmla="*/ 565610 w 649229"/>
                <a:gd name="connsiteY0" fmla="*/ 3082 h 760173"/>
                <a:gd name="connsiteX1" fmla="*/ 3082 w 649229"/>
                <a:gd name="connsiteY1" fmla="*/ 565610 h 760173"/>
                <a:gd name="connsiteX2" fmla="*/ 37598 w 649229"/>
                <a:gd name="connsiteY2" fmla="*/ 759968 h 760173"/>
                <a:gd name="connsiteX3" fmla="*/ 64717 w 649229"/>
                <a:gd name="connsiteY3" fmla="*/ 717645 h 760173"/>
                <a:gd name="connsiteX4" fmla="*/ 42118 w 649229"/>
                <a:gd name="connsiteY4" fmla="*/ 565610 h 760173"/>
                <a:gd name="connsiteX5" fmla="*/ 565610 w 649229"/>
                <a:gd name="connsiteY5" fmla="*/ 42118 h 760173"/>
                <a:gd name="connsiteX6" fmla="*/ 589443 w 649229"/>
                <a:gd name="connsiteY6" fmla="*/ 42529 h 760173"/>
                <a:gd name="connsiteX7" fmla="*/ 650257 w 649229"/>
                <a:gd name="connsiteY7" fmla="*/ 9245 h 760173"/>
                <a:gd name="connsiteX8" fmla="*/ 565610 w 649229"/>
                <a:gd name="connsiteY8" fmla="*/ 3082 h 7601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49229" h="760173">
                  <a:moveTo>
                    <a:pt x="565610" y="3082"/>
                  </a:moveTo>
                  <a:cubicBezTo>
                    <a:pt x="255377" y="3082"/>
                    <a:pt x="3082" y="255377"/>
                    <a:pt x="3082" y="565610"/>
                  </a:cubicBezTo>
                  <a:cubicBezTo>
                    <a:pt x="3082" y="632588"/>
                    <a:pt x="14587" y="697922"/>
                    <a:pt x="37598" y="759968"/>
                  </a:cubicBezTo>
                  <a:cubicBezTo>
                    <a:pt x="44994" y="745176"/>
                    <a:pt x="54034" y="730794"/>
                    <a:pt x="64717" y="717645"/>
                  </a:cubicBezTo>
                  <a:cubicBezTo>
                    <a:pt x="49514" y="668336"/>
                    <a:pt x="42118" y="616973"/>
                    <a:pt x="42118" y="565610"/>
                  </a:cubicBezTo>
                  <a:cubicBezTo>
                    <a:pt x="42118" y="277155"/>
                    <a:pt x="276744" y="42118"/>
                    <a:pt x="565610" y="42118"/>
                  </a:cubicBezTo>
                  <a:cubicBezTo>
                    <a:pt x="573418" y="42118"/>
                    <a:pt x="581225" y="42118"/>
                    <a:pt x="589443" y="42529"/>
                  </a:cubicBezTo>
                  <a:cubicBezTo>
                    <a:pt x="608755" y="29380"/>
                    <a:pt x="628890" y="18285"/>
                    <a:pt x="650257" y="9245"/>
                  </a:cubicBezTo>
                  <a:cubicBezTo>
                    <a:pt x="621904" y="5136"/>
                    <a:pt x="593552" y="3082"/>
                    <a:pt x="565610" y="3082"/>
                  </a:cubicBezTo>
                  <a:close/>
                </a:path>
              </a:pathLst>
            </a:custGeom>
            <a:grpFill/>
            <a:ln w="9525" cap="flat">
              <a:noFill/>
              <a:prstDash val="solid"/>
              <a:miter/>
            </a:ln>
          </p:spPr>
          <p:txBody>
            <a:bodyPr rtlCol="0" anchor="ctr"/>
            <a:lstStyle/>
            <a:p>
              <a:endParaRPr lang="da-DK" noProof="0"/>
            </a:p>
          </p:txBody>
        </p:sp>
        <p:sp>
          <p:nvSpPr>
            <p:cNvPr id="94" name="Freeform: Shape 93">
              <a:extLst>
                <a:ext uri="{FF2B5EF4-FFF2-40B4-BE49-F238E27FC236}">
                  <a16:creationId xmlns:a16="http://schemas.microsoft.com/office/drawing/2014/main" id="{61A160A3-ECCF-E55D-2597-FF68FDFE0DB9}"/>
                </a:ext>
              </a:extLst>
            </p:cNvPr>
            <p:cNvSpPr/>
            <p:nvPr/>
          </p:nvSpPr>
          <p:spPr>
            <a:xfrm>
              <a:off x="-5462537" y="2528247"/>
              <a:ext cx="484868" cy="345160"/>
            </a:xfrm>
            <a:custGeom>
              <a:avLst/>
              <a:gdLst>
                <a:gd name="connsiteX0" fmla="*/ 69237 w 484867"/>
                <a:gd name="connsiteY0" fmla="*/ 342900 h 345159"/>
                <a:gd name="connsiteX1" fmla="*/ 71292 w 484867"/>
                <a:gd name="connsiteY1" fmla="*/ 342900 h 345159"/>
                <a:gd name="connsiteX2" fmla="*/ 485073 w 484867"/>
                <a:gd name="connsiteY2" fmla="*/ 3082 h 345159"/>
                <a:gd name="connsiteX3" fmla="*/ 439052 w 484867"/>
                <a:gd name="connsiteY3" fmla="*/ 27325 h 345159"/>
                <a:gd name="connsiteX4" fmla="*/ 71292 w 484867"/>
                <a:gd name="connsiteY4" fmla="*/ 303864 h 345159"/>
                <a:gd name="connsiteX5" fmla="*/ 69648 w 484867"/>
                <a:gd name="connsiteY5" fmla="*/ 303864 h 345159"/>
                <a:gd name="connsiteX6" fmla="*/ 38419 w 484867"/>
                <a:gd name="connsiteY6" fmla="*/ 302631 h 345159"/>
                <a:gd name="connsiteX7" fmla="*/ 3082 w 484867"/>
                <a:gd name="connsiteY7" fmla="*/ 337558 h 345159"/>
                <a:gd name="connsiteX8" fmla="*/ 69237 w 484867"/>
                <a:gd name="connsiteY8" fmla="*/ 342900 h 3451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84867" h="345159">
                  <a:moveTo>
                    <a:pt x="69237" y="342900"/>
                  </a:moveTo>
                  <a:lnTo>
                    <a:pt x="71292" y="342900"/>
                  </a:lnTo>
                  <a:cubicBezTo>
                    <a:pt x="273046" y="342900"/>
                    <a:pt x="446448" y="200316"/>
                    <a:pt x="485073" y="3082"/>
                  </a:cubicBezTo>
                  <a:cubicBezTo>
                    <a:pt x="469869" y="12533"/>
                    <a:pt x="454666" y="20340"/>
                    <a:pt x="439052" y="27325"/>
                  </a:cubicBezTo>
                  <a:cubicBezTo>
                    <a:pt x="391798" y="190043"/>
                    <a:pt x="240995" y="303864"/>
                    <a:pt x="71292" y="303864"/>
                  </a:cubicBezTo>
                  <a:lnTo>
                    <a:pt x="69648" y="303864"/>
                  </a:lnTo>
                  <a:cubicBezTo>
                    <a:pt x="59376" y="303864"/>
                    <a:pt x="49103" y="303453"/>
                    <a:pt x="38419" y="302631"/>
                  </a:cubicBezTo>
                  <a:lnTo>
                    <a:pt x="3082" y="337558"/>
                  </a:lnTo>
                  <a:cubicBezTo>
                    <a:pt x="24860" y="340845"/>
                    <a:pt x="47049" y="342900"/>
                    <a:pt x="69237" y="342900"/>
                  </a:cubicBezTo>
                  <a:close/>
                </a:path>
              </a:pathLst>
            </a:custGeom>
            <a:grpFill/>
            <a:ln w="9525" cap="flat">
              <a:noFill/>
              <a:prstDash val="solid"/>
              <a:miter/>
            </a:ln>
          </p:spPr>
          <p:txBody>
            <a:bodyPr rtlCol="0" anchor="ctr"/>
            <a:lstStyle/>
            <a:p>
              <a:endParaRPr lang="da-DK" noProof="0"/>
            </a:p>
          </p:txBody>
        </p:sp>
        <p:sp>
          <p:nvSpPr>
            <p:cNvPr id="95" name="Freeform: Shape 94">
              <a:extLst>
                <a:ext uri="{FF2B5EF4-FFF2-40B4-BE49-F238E27FC236}">
                  <a16:creationId xmlns:a16="http://schemas.microsoft.com/office/drawing/2014/main" id="{C0FF287D-C2B2-E047-5245-A21BC47ED183}"/>
                </a:ext>
              </a:extLst>
            </p:cNvPr>
            <p:cNvSpPr/>
            <p:nvPr/>
          </p:nvSpPr>
          <p:spPr>
            <a:xfrm>
              <a:off x="-5852075" y="1963253"/>
              <a:ext cx="945081" cy="945081"/>
            </a:xfrm>
            <a:custGeom>
              <a:avLst/>
              <a:gdLst>
                <a:gd name="connsiteX0" fmla="*/ 921865 w 945080"/>
                <a:gd name="connsiteY0" fmla="*/ 159637 h 945080"/>
                <a:gd name="connsiteX1" fmla="*/ 907483 w 945080"/>
                <a:gd name="connsiteY1" fmla="*/ 148131 h 945080"/>
                <a:gd name="connsiteX2" fmla="*/ 903785 w 945080"/>
                <a:gd name="connsiteY2" fmla="*/ 147720 h 945080"/>
                <a:gd name="connsiteX3" fmla="*/ 889814 w 945080"/>
                <a:gd name="connsiteY3" fmla="*/ 153473 h 945080"/>
                <a:gd name="connsiteX4" fmla="*/ 769830 w 945080"/>
                <a:gd name="connsiteY4" fmla="*/ 273868 h 945080"/>
                <a:gd name="connsiteX5" fmla="*/ 769419 w 945080"/>
                <a:gd name="connsiteY5" fmla="*/ 274279 h 945080"/>
                <a:gd name="connsiteX6" fmla="*/ 768597 w 945080"/>
                <a:gd name="connsiteY6" fmla="*/ 274279 h 945080"/>
                <a:gd name="connsiteX7" fmla="*/ 765310 w 945080"/>
                <a:gd name="connsiteY7" fmla="*/ 275101 h 945080"/>
                <a:gd name="connsiteX8" fmla="*/ 751339 w 945080"/>
                <a:gd name="connsiteY8" fmla="*/ 276744 h 945080"/>
                <a:gd name="connsiteX9" fmla="*/ 695456 w 945080"/>
                <a:gd name="connsiteY9" fmla="*/ 250857 h 945080"/>
                <a:gd name="connsiteX10" fmla="*/ 670802 w 945080"/>
                <a:gd name="connsiteY10" fmla="*/ 181004 h 945080"/>
                <a:gd name="connsiteX11" fmla="*/ 671624 w 945080"/>
                <a:gd name="connsiteY11" fmla="*/ 177716 h 945080"/>
                <a:gd name="connsiteX12" fmla="*/ 671624 w 945080"/>
                <a:gd name="connsiteY12" fmla="*/ 176895 h 945080"/>
                <a:gd name="connsiteX13" fmla="*/ 672035 w 945080"/>
                <a:gd name="connsiteY13" fmla="*/ 176484 h 945080"/>
                <a:gd name="connsiteX14" fmla="*/ 792430 w 945080"/>
                <a:gd name="connsiteY14" fmla="*/ 56088 h 945080"/>
                <a:gd name="connsiteX15" fmla="*/ 797771 w 945080"/>
                <a:gd name="connsiteY15" fmla="*/ 38420 h 945080"/>
                <a:gd name="connsiteX16" fmla="*/ 786266 w 945080"/>
                <a:gd name="connsiteY16" fmla="*/ 24038 h 945080"/>
                <a:gd name="connsiteX17" fmla="*/ 684362 w 945080"/>
                <a:gd name="connsiteY17" fmla="*/ 3082 h 945080"/>
                <a:gd name="connsiteX18" fmla="*/ 501920 w 945080"/>
                <a:gd name="connsiteY18" fmla="*/ 78688 h 945080"/>
                <a:gd name="connsiteX19" fmla="*/ 428368 w 945080"/>
                <a:gd name="connsiteY19" fmla="*/ 291126 h 945080"/>
                <a:gd name="connsiteX20" fmla="*/ 429190 w 945080"/>
                <a:gd name="connsiteY20" fmla="*/ 296468 h 945080"/>
                <a:gd name="connsiteX21" fmla="*/ 429190 w 945080"/>
                <a:gd name="connsiteY21" fmla="*/ 297700 h 945080"/>
                <a:gd name="connsiteX22" fmla="*/ 428368 w 945080"/>
                <a:gd name="connsiteY22" fmla="*/ 298522 h 945080"/>
                <a:gd name="connsiteX23" fmla="*/ 424670 w 945080"/>
                <a:gd name="connsiteY23" fmla="*/ 302221 h 945080"/>
                <a:gd name="connsiteX24" fmla="*/ 39652 w 945080"/>
                <a:gd name="connsiteY24" fmla="*/ 687238 h 945080"/>
                <a:gd name="connsiteX25" fmla="*/ 3082 w 945080"/>
                <a:gd name="connsiteY25" fmla="*/ 775994 h 945080"/>
                <a:gd name="connsiteX26" fmla="*/ 39652 w 945080"/>
                <a:gd name="connsiteY26" fmla="*/ 864749 h 945080"/>
                <a:gd name="connsiteX27" fmla="*/ 81154 w 945080"/>
                <a:gd name="connsiteY27" fmla="*/ 906250 h 945080"/>
                <a:gd name="connsiteX28" fmla="*/ 169909 w 945080"/>
                <a:gd name="connsiteY28" fmla="*/ 942821 h 945080"/>
                <a:gd name="connsiteX29" fmla="*/ 258664 w 945080"/>
                <a:gd name="connsiteY29" fmla="*/ 906250 h 945080"/>
                <a:gd name="connsiteX30" fmla="*/ 647791 w 945080"/>
                <a:gd name="connsiteY30" fmla="*/ 517124 h 945080"/>
                <a:gd name="connsiteX31" fmla="*/ 648613 w 945080"/>
                <a:gd name="connsiteY31" fmla="*/ 516302 h 945080"/>
                <a:gd name="connsiteX32" fmla="*/ 649846 w 945080"/>
                <a:gd name="connsiteY32" fmla="*/ 516302 h 945080"/>
                <a:gd name="connsiteX33" fmla="*/ 655187 w 945080"/>
                <a:gd name="connsiteY33" fmla="*/ 517124 h 945080"/>
                <a:gd name="connsiteX34" fmla="*/ 685594 w 945080"/>
                <a:gd name="connsiteY34" fmla="*/ 518767 h 945080"/>
                <a:gd name="connsiteX35" fmla="*/ 868036 w 945080"/>
                <a:gd name="connsiteY35" fmla="*/ 443161 h 945080"/>
                <a:gd name="connsiteX36" fmla="*/ 921865 w 945080"/>
                <a:gd name="connsiteY36" fmla="*/ 159637 h 945080"/>
                <a:gd name="connsiteX37" fmla="*/ 839684 w 945080"/>
                <a:gd name="connsiteY37" fmla="*/ 416041 h 945080"/>
                <a:gd name="connsiteX38" fmla="*/ 684773 w 945080"/>
                <a:gd name="connsiteY38" fmla="*/ 480142 h 945080"/>
                <a:gd name="connsiteX39" fmla="*/ 644915 w 945080"/>
                <a:gd name="connsiteY39" fmla="*/ 476444 h 945080"/>
                <a:gd name="connsiteX40" fmla="*/ 641628 w 945080"/>
                <a:gd name="connsiteY40" fmla="*/ 476033 h 945080"/>
                <a:gd name="connsiteX41" fmla="*/ 627657 w 945080"/>
                <a:gd name="connsiteY41" fmla="*/ 481786 h 945080"/>
                <a:gd name="connsiteX42" fmla="*/ 230723 w 945080"/>
                <a:gd name="connsiteY42" fmla="*/ 878720 h 945080"/>
                <a:gd name="connsiteX43" fmla="*/ 169498 w 945080"/>
                <a:gd name="connsiteY43" fmla="*/ 903785 h 945080"/>
                <a:gd name="connsiteX44" fmla="*/ 108273 w 945080"/>
                <a:gd name="connsiteY44" fmla="*/ 878720 h 945080"/>
                <a:gd name="connsiteX45" fmla="*/ 67183 w 945080"/>
                <a:gd name="connsiteY45" fmla="*/ 837629 h 945080"/>
                <a:gd name="connsiteX46" fmla="*/ 42118 w 945080"/>
                <a:gd name="connsiteY46" fmla="*/ 776404 h 945080"/>
                <a:gd name="connsiteX47" fmla="*/ 67183 w 945080"/>
                <a:gd name="connsiteY47" fmla="*/ 715180 h 945080"/>
                <a:gd name="connsiteX48" fmla="*/ 464117 w 945080"/>
                <a:gd name="connsiteY48" fmla="*/ 318246 h 945080"/>
                <a:gd name="connsiteX49" fmla="*/ 469459 w 945080"/>
                <a:gd name="connsiteY49" fmla="*/ 300988 h 945080"/>
                <a:gd name="connsiteX50" fmla="*/ 529861 w 945080"/>
                <a:gd name="connsiteY50" fmla="*/ 106219 h 945080"/>
                <a:gd name="connsiteX51" fmla="*/ 684362 w 945080"/>
                <a:gd name="connsiteY51" fmla="*/ 42118 h 945080"/>
                <a:gd name="connsiteX52" fmla="*/ 718056 w 945080"/>
                <a:gd name="connsiteY52" fmla="*/ 44583 h 945080"/>
                <a:gd name="connsiteX53" fmla="*/ 740245 w 945080"/>
                <a:gd name="connsiteY53" fmla="*/ 47870 h 945080"/>
                <a:gd name="connsiteX54" fmla="*/ 744765 w 945080"/>
                <a:gd name="connsiteY54" fmla="*/ 48692 h 945080"/>
                <a:gd name="connsiteX55" fmla="*/ 741477 w 945080"/>
                <a:gd name="connsiteY55" fmla="*/ 51979 h 945080"/>
                <a:gd name="connsiteX56" fmla="*/ 641628 w 945080"/>
                <a:gd name="connsiteY56" fmla="*/ 151829 h 945080"/>
                <a:gd name="connsiteX57" fmla="*/ 637519 w 945080"/>
                <a:gd name="connsiteY57" fmla="*/ 157582 h 945080"/>
                <a:gd name="connsiteX58" fmla="*/ 667926 w 945080"/>
                <a:gd name="connsiteY58" fmla="*/ 277977 h 945080"/>
                <a:gd name="connsiteX59" fmla="*/ 751339 w 945080"/>
                <a:gd name="connsiteY59" fmla="*/ 315370 h 945080"/>
                <a:gd name="connsiteX60" fmla="*/ 788321 w 945080"/>
                <a:gd name="connsiteY60" fmla="*/ 308384 h 945080"/>
                <a:gd name="connsiteX61" fmla="*/ 794073 w 945080"/>
                <a:gd name="connsiteY61" fmla="*/ 304686 h 945080"/>
                <a:gd name="connsiteX62" fmla="*/ 893923 w 945080"/>
                <a:gd name="connsiteY62" fmla="*/ 204836 h 945080"/>
                <a:gd name="connsiteX63" fmla="*/ 897210 w 945080"/>
                <a:gd name="connsiteY63" fmla="*/ 201549 h 945080"/>
                <a:gd name="connsiteX64" fmla="*/ 898032 w 945080"/>
                <a:gd name="connsiteY64" fmla="*/ 206069 h 945080"/>
                <a:gd name="connsiteX65" fmla="*/ 901319 w 945080"/>
                <a:gd name="connsiteY65" fmla="*/ 227847 h 945080"/>
                <a:gd name="connsiteX66" fmla="*/ 839684 w 945080"/>
                <a:gd name="connsiteY66" fmla="*/ 416041 h 9450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945080" h="945080">
                  <a:moveTo>
                    <a:pt x="921865" y="159637"/>
                  </a:moveTo>
                  <a:cubicBezTo>
                    <a:pt x="919399" y="153473"/>
                    <a:pt x="914057" y="149364"/>
                    <a:pt x="907483" y="148131"/>
                  </a:cubicBezTo>
                  <a:cubicBezTo>
                    <a:pt x="906250" y="147720"/>
                    <a:pt x="905018" y="147720"/>
                    <a:pt x="903785" y="147720"/>
                  </a:cubicBezTo>
                  <a:cubicBezTo>
                    <a:pt x="898443" y="147720"/>
                    <a:pt x="893512" y="149775"/>
                    <a:pt x="889814" y="153473"/>
                  </a:cubicBezTo>
                  <a:lnTo>
                    <a:pt x="769830" y="273868"/>
                  </a:lnTo>
                  <a:lnTo>
                    <a:pt x="769419" y="274279"/>
                  </a:lnTo>
                  <a:lnTo>
                    <a:pt x="768597" y="274279"/>
                  </a:lnTo>
                  <a:lnTo>
                    <a:pt x="765310" y="275101"/>
                  </a:lnTo>
                  <a:cubicBezTo>
                    <a:pt x="760790" y="275923"/>
                    <a:pt x="756270" y="276744"/>
                    <a:pt x="751339" y="276744"/>
                  </a:cubicBezTo>
                  <a:cubicBezTo>
                    <a:pt x="731616" y="276744"/>
                    <a:pt x="712714" y="268115"/>
                    <a:pt x="695456" y="250857"/>
                  </a:cubicBezTo>
                  <a:cubicBezTo>
                    <a:pt x="665460" y="220861"/>
                    <a:pt x="668336" y="192098"/>
                    <a:pt x="670802" y="181004"/>
                  </a:cubicBezTo>
                  <a:lnTo>
                    <a:pt x="671624" y="177716"/>
                  </a:lnTo>
                  <a:lnTo>
                    <a:pt x="671624" y="176895"/>
                  </a:lnTo>
                  <a:lnTo>
                    <a:pt x="672035" y="176484"/>
                  </a:lnTo>
                  <a:lnTo>
                    <a:pt x="792430" y="56088"/>
                  </a:lnTo>
                  <a:cubicBezTo>
                    <a:pt x="796950" y="51569"/>
                    <a:pt x="799004" y="44994"/>
                    <a:pt x="797771" y="38420"/>
                  </a:cubicBezTo>
                  <a:cubicBezTo>
                    <a:pt x="796539" y="32256"/>
                    <a:pt x="792430" y="26914"/>
                    <a:pt x="786266" y="24038"/>
                  </a:cubicBezTo>
                  <a:cubicBezTo>
                    <a:pt x="753805" y="10067"/>
                    <a:pt x="719700" y="3082"/>
                    <a:pt x="684362" y="3082"/>
                  </a:cubicBezTo>
                  <a:cubicBezTo>
                    <a:pt x="615330" y="3082"/>
                    <a:pt x="550818" y="29791"/>
                    <a:pt x="501920" y="78688"/>
                  </a:cubicBezTo>
                  <a:cubicBezTo>
                    <a:pt x="445626" y="134982"/>
                    <a:pt x="418917" y="212232"/>
                    <a:pt x="428368" y="291126"/>
                  </a:cubicBezTo>
                  <a:lnTo>
                    <a:pt x="429190" y="296468"/>
                  </a:lnTo>
                  <a:lnTo>
                    <a:pt x="429190" y="297700"/>
                  </a:lnTo>
                  <a:lnTo>
                    <a:pt x="428368" y="298522"/>
                  </a:lnTo>
                  <a:lnTo>
                    <a:pt x="424670" y="302221"/>
                  </a:lnTo>
                  <a:lnTo>
                    <a:pt x="39652" y="687238"/>
                  </a:lnTo>
                  <a:cubicBezTo>
                    <a:pt x="16231" y="710660"/>
                    <a:pt x="3082" y="742299"/>
                    <a:pt x="3082" y="775994"/>
                  </a:cubicBezTo>
                  <a:cubicBezTo>
                    <a:pt x="3082" y="809688"/>
                    <a:pt x="16231" y="840917"/>
                    <a:pt x="39652" y="864749"/>
                  </a:cubicBezTo>
                  <a:lnTo>
                    <a:pt x="81154" y="906250"/>
                  </a:lnTo>
                  <a:cubicBezTo>
                    <a:pt x="104575" y="929672"/>
                    <a:pt x="136215" y="942821"/>
                    <a:pt x="169909" y="942821"/>
                  </a:cubicBezTo>
                  <a:cubicBezTo>
                    <a:pt x="203603" y="942821"/>
                    <a:pt x="234832" y="929672"/>
                    <a:pt x="258664" y="906250"/>
                  </a:cubicBezTo>
                  <a:lnTo>
                    <a:pt x="647791" y="517124"/>
                  </a:lnTo>
                  <a:lnTo>
                    <a:pt x="648613" y="516302"/>
                  </a:lnTo>
                  <a:lnTo>
                    <a:pt x="649846" y="516302"/>
                  </a:lnTo>
                  <a:lnTo>
                    <a:pt x="655187" y="517124"/>
                  </a:lnTo>
                  <a:cubicBezTo>
                    <a:pt x="665049" y="518356"/>
                    <a:pt x="675322" y="518767"/>
                    <a:pt x="685594" y="518767"/>
                  </a:cubicBezTo>
                  <a:cubicBezTo>
                    <a:pt x="754626" y="518767"/>
                    <a:pt x="819139" y="492059"/>
                    <a:pt x="868036" y="443161"/>
                  </a:cubicBezTo>
                  <a:cubicBezTo>
                    <a:pt x="942410" y="368787"/>
                    <a:pt x="963777" y="257021"/>
                    <a:pt x="921865" y="159637"/>
                  </a:cubicBezTo>
                  <a:close/>
                  <a:moveTo>
                    <a:pt x="839684" y="416041"/>
                  </a:moveTo>
                  <a:cubicBezTo>
                    <a:pt x="798593" y="457132"/>
                    <a:pt x="743532" y="480142"/>
                    <a:pt x="684773" y="480142"/>
                  </a:cubicBezTo>
                  <a:cubicBezTo>
                    <a:pt x="671624" y="480142"/>
                    <a:pt x="658064" y="478910"/>
                    <a:pt x="644915" y="476444"/>
                  </a:cubicBezTo>
                  <a:cubicBezTo>
                    <a:pt x="643682" y="476444"/>
                    <a:pt x="642449" y="476033"/>
                    <a:pt x="641628" y="476033"/>
                  </a:cubicBezTo>
                  <a:cubicBezTo>
                    <a:pt x="636286" y="476033"/>
                    <a:pt x="631355" y="478088"/>
                    <a:pt x="627657" y="481786"/>
                  </a:cubicBezTo>
                  <a:lnTo>
                    <a:pt x="230723" y="878720"/>
                  </a:lnTo>
                  <a:cubicBezTo>
                    <a:pt x="214698" y="894745"/>
                    <a:pt x="192920" y="903785"/>
                    <a:pt x="169498" y="903785"/>
                  </a:cubicBezTo>
                  <a:cubicBezTo>
                    <a:pt x="146487" y="903785"/>
                    <a:pt x="124709" y="894745"/>
                    <a:pt x="108273" y="878720"/>
                  </a:cubicBezTo>
                  <a:lnTo>
                    <a:pt x="67183" y="837629"/>
                  </a:lnTo>
                  <a:cubicBezTo>
                    <a:pt x="51157" y="821604"/>
                    <a:pt x="42118" y="799826"/>
                    <a:pt x="42118" y="776404"/>
                  </a:cubicBezTo>
                  <a:cubicBezTo>
                    <a:pt x="42118" y="753394"/>
                    <a:pt x="51157" y="731616"/>
                    <a:pt x="67183" y="715180"/>
                  </a:cubicBezTo>
                  <a:lnTo>
                    <a:pt x="464117" y="318246"/>
                  </a:lnTo>
                  <a:cubicBezTo>
                    <a:pt x="468637" y="313726"/>
                    <a:pt x="470691" y="307151"/>
                    <a:pt x="469459" y="300988"/>
                  </a:cubicBezTo>
                  <a:cubicBezTo>
                    <a:pt x="456310" y="229901"/>
                    <a:pt x="478909" y="157171"/>
                    <a:pt x="529861" y="106219"/>
                  </a:cubicBezTo>
                  <a:cubicBezTo>
                    <a:pt x="571363" y="65128"/>
                    <a:pt x="626013" y="42118"/>
                    <a:pt x="684362" y="42118"/>
                  </a:cubicBezTo>
                  <a:cubicBezTo>
                    <a:pt x="695456" y="42118"/>
                    <a:pt x="706962" y="42940"/>
                    <a:pt x="718056" y="44583"/>
                  </a:cubicBezTo>
                  <a:lnTo>
                    <a:pt x="740245" y="47870"/>
                  </a:lnTo>
                  <a:lnTo>
                    <a:pt x="744765" y="48692"/>
                  </a:lnTo>
                  <a:lnTo>
                    <a:pt x="741477" y="51979"/>
                  </a:lnTo>
                  <a:lnTo>
                    <a:pt x="641628" y="151829"/>
                  </a:lnTo>
                  <a:cubicBezTo>
                    <a:pt x="639984" y="153473"/>
                    <a:pt x="638751" y="155527"/>
                    <a:pt x="637519" y="157582"/>
                  </a:cubicBezTo>
                  <a:cubicBezTo>
                    <a:pt x="626835" y="180593"/>
                    <a:pt x="621493" y="231545"/>
                    <a:pt x="667926" y="277977"/>
                  </a:cubicBezTo>
                  <a:cubicBezTo>
                    <a:pt x="698743" y="308795"/>
                    <a:pt x="730383" y="315370"/>
                    <a:pt x="751339" y="315370"/>
                  </a:cubicBezTo>
                  <a:cubicBezTo>
                    <a:pt x="771884" y="315370"/>
                    <a:pt x="785855" y="309617"/>
                    <a:pt x="788321" y="308384"/>
                  </a:cubicBezTo>
                  <a:cubicBezTo>
                    <a:pt x="790375" y="307562"/>
                    <a:pt x="792430" y="305919"/>
                    <a:pt x="794073" y="304686"/>
                  </a:cubicBezTo>
                  <a:lnTo>
                    <a:pt x="893923" y="204836"/>
                  </a:lnTo>
                  <a:lnTo>
                    <a:pt x="897210" y="201549"/>
                  </a:lnTo>
                  <a:lnTo>
                    <a:pt x="898032" y="206069"/>
                  </a:lnTo>
                  <a:lnTo>
                    <a:pt x="901319" y="227847"/>
                  </a:lnTo>
                  <a:cubicBezTo>
                    <a:pt x="912003" y="296468"/>
                    <a:pt x="888992" y="366733"/>
                    <a:pt x="839684" y="416041"/>
                  </a:cubicBezTo>
                  <a:close/>
                </a:path>
              </a:pathLst>
            </a:custGeom>
            <a:grpFill/>
            <a:ln w="9525" cap="flat">
              <a:noFill/>
              <a:prstDash val="solid"/>
              <a:miter/>
            </a:ln>
          </p:spPr>
          <p:txBody>
            <a:bodyPr rtlCol="0" anchor="ctr"/>
            <a:lstStyle/>
            <a:p>
              <a:endParaRPr lang="da-DK" noProof="0"/>
            </a:p>
          </p:txBody>
        </p:sp>
        <p:sp>
          <p:nvSpPr>
            <p:cNvPr id="96" name="Freeform: Shape 95">
              <a:extLst>
                <a:ext uri="{FF2B5EF4-FFF2-40B4-BE49-F238E27FC236}">
                  <a16:creationId xmlns:a16="http://schemas.microsoft.com/office/drawing/2014/main" id="{D0DD5A49-25A2-2C70-F66C-E681B47F6532}"/>
                </a:ext>
              </a:extLst>
            </p:cNvPr>
            <p:cNvSpPr/>
            <p:nvPr/>
          </p:nvSpPr>
          <p:spPr>
            <a:xfrm>
              <a:off x="-5725003" y="2715620"/>
              <a:ext cx="65745" cy="65745"/>
            </a:xfrm>
            <a:custGeom>
              <a:avLst/>
              <a:gdLst>
                <a:gd name="connsiteX0" fmla="*/ 33386 w 65744"/>
                <a:gd name="connsiteY0" fmla="*/ 63074 h 65744"/>
                <a:gd name="connsiteX1" fmla="*/ 12019 w 65744"/>
                <a:gd name="connsiteY1" fmla="*/ 54445 h 65744"/>
                <a:gd name="connsiteX2" fmla="*/ 12019 w 65744"/>
                <a:gd name="connsiteY2" fmla="*/ 11711 h 65744"/>
                <a:gd name="connsiteX3" fmla="*/ 33386 w 65744"/>
                <a:gd name="connsiteY3" fmla="*/ 3082 h 65744"/>
                <a:gd name="connsiteX4" fmla="*/ 54753 w 65744"/>
                <a:gd name="connsiteY4" fmla="*/ 11711 h 65744"/>
                <a:gd name="connsiteX5" fmla="*/ 54753 w 65744"/>
                <a:gd name="connsiteY5" fmla="*/ 54445 h 65744"/>
                <a:gd name="connsiteX6" fmla="*/ 33386 w 65744"/>
                <a:gd name="connsiteY6" fmla="*/ 63074 h 657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5744" h="65744">
                  <a:moveTo>
                    <a:pt x="33386" y="63074"/>
                  </a:moveTo>
                  <a:cubicBezTo>
                    <a:pt x="25168" y="63074"/>
                    <a:pt x="17361" y="59787"/>
                    <a:pt x="12019" y="54445"/>
                  </a:cubicBezTo>
                  <a:cubicBezTo>
                    <a:pt x="103" y="42529"/>
                    <a:pt x="103" y="23627"/>
                    <a:pt x="12019" y="11711"/>
                  </a:cubicBezTo>
                  <a:cubicBezTo>
                    <a:pt x="17772" y="5958"/>
                    <a:pt x="25168" y="3082"/>
                    <a:pt x="33386" y="3082"/>
                  </a:cubicBezTo>
                  <a:cubicBezTo>
                    <a:pt x="41604" y="3082"/>
                    <a:pt x="49000" y="6369"/>
                    <a:pt x="54753" y="11711"/>
                  </a:cubicBezTo>
                  <a:cubicBezTo>
                    <a:pt x="66669" y="23627"/>
                    <a:pt x="66669" y="42529"/>
                    <a:pt x="54753" y="54445"/>
                  </a:cubicBezTo>
                  <a:cubicBezTo>
                    <a:pt x="49411" y="59787"/>
                    <a:pt x="41604" y="63074"/>
                    <a:pt x="33386" y="63074"/>
                  </a:cubicBezTo>
                  <a:close/>
                </a:path>
              </a:pathLst>
            </a:custGeom>
            <a:grpFill/>
            <a:ln w="9525" cap="flat">
              <a:noFill/>
              <a:prstDash val="solid"/>
              <a:miter/>
            </a:ln>
          </p:spPr>
          <p:txBody>
            <a:bodyPr rtlCol="0" anchor="ctr"/>
            <a:lstStyle/>
            <a:p>
              <a:endParaRPr lang="da-DK" noProof="0"/>
            </a:p>
          </p:txBody>
        </p:sp>
        <p:sp>
          <p:nvSpPr>
            <p:cNvPr id="97" name="Freeform: Shape 96">
              <a:extLst>
                <a:ext uri="{FF2B5EF4-FFF2-40B4-BE49-F238E27FC236}">
                  <a16:creationId xmlns:a16="http://schemas.microsoft.com/office/drawing/2014/main" id="{39CAC5C3-A1BF-05A5-AE75-4767606A7DA2}"/>
                </a:ext>
              </a:extLst>
            </p:cNvPr>
            <p:cNvSpPr/>
            <p:nvPr/>
          </p:nvSpPr>
          <p:spPr>
            <a:xfrm>
              <a:off x="-5726133" y="2714387"/>
              <a:ext cx="65745" cy="65745"/>
            </a:xfrm>
            <a:custGeom>
              <a:avLst/>
              <a:gdLst>
                <a:gd name="connsiteX0" fmla="*/ 34516 w 65744"/>
                <a:gd name="connsiteY0" fmla="*/ 5136 h 65744"/>
                <a:gd name="connsiteX1" fmla="*/ 55061 w 65744"/>
                <a:gd name="connsiteY1" fmla="*/ 13765 h 65744"/>
                <a:gd name="connsiteX2" fmla="*/ 55061 w 65744"/>
                <a:gd name="connsiteY2" fmla="*/ 54856 h 65744"/>
                <a:gd name="connsiteX3" fmla="*/ 34516 w 65744"/>
                <a:gd name="connsiteY3" fmla="*/ 63074 h 65744"/>
                <a:gd name="connsiteX4" fmla="*/ 13971 w 65744"/>
                <a:gd name="connsiteY4" fmla="*/ 54856 h 65744"/>
                <a:gd name="connsiteX5" fmla="*/ 13971 w 65744"/>
                <a:gd name="connsiteY5" fmla="*/ 13765 h 65744"/>
                <a:gd name="connsiteX6" fmla="*/ 34516 w 65744"/>
                <a:gd name="connsiteY6" fmla="*/ 5136 h 65744"/>
                <a:gd name="connsiteX7" fmla="*/ 34516 w 65744"/>
                <a:gd name="connsiteY7" fmla="*/ 3082 h 65744"/>
                <a:gd name="connsiteX8" fmla="*/ 12327 w 65744"/>
                <a:gd name="connsiteY8" fmla="*/ 12122 h 65744"/>
                <a:gd name="connsiteX9" fmla="*/ 12327 w 65744"/>
                <a:gd name="connsiteY9" fmla="*/ 56499 h 65744"/>
                <a:gd name="connsiteX10" fmla="*/ 34516 w 65744"/>
                <a:gd name="connsiteY10" fmla="*/ 65539 h 65744"/>
                <a:gd name="connsiteX11" fmla="*/ 56705 w 65744"/>
                <a:gd name="connsiteY11" fmla="*/ 56499 h 65744"/>
                <a:gd name="connsiteX12" fmla="*/ 56705 w 65744"/>
                <a:gd name="connsiteY12" fmla="*/ 12122 h 65744"/>
                <a:gd name="connsiteX13" fmla="*/ 34516 w 65744"/>
                <a:gd name="connsiteY13" fmla="*/ 3082 h 65744"/>
                <a:gd name="connsiteX14" fmla="*/ 34516 w 65744"/>
                <a:gd name="connsiteY14" fmla="*/ 3082 h 657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5744" h="65744">
                  <a:moveTo>
                    <a:pt x="34516" y="5136"/>
                  </a:moveTo>
                  <a:cubicBezTo>
                    <a:pt x="42323" y="5136"/>
                    <a:pt x="49720" y="8013"/>
                    <a:pt x="55061" y="13765"/>
                  </a:cubicBezTo>
                  <a:cubicBezTo>
                    <a:pt x="66567" y="25270"/>
                    <a:pt x="66567" y="43350"/>
                    <a:pt x="55061" y="54856"/>
                  </a:cubicBezTo>
                  <a:cubicBezTo>
                    <a:pt x="49720" y="60197"/>
                    <a:pt x="42323" y="63074"/>
                    <a:pt x="34516" y="63074"/>
                  </a:cubicBezTo>
                  <a:cubicBezTo>
                    <a:pt x="26709" y="63074"/>
                    <a:pt x="19313" y="60197"/>
                    <a:pt x="13971" y="54856"/>
                  </a:cubicBezTo>
                  <a:cubicBezTo>
                    <a:pt x="2876" y="43350"/>
                    <a:pt x="2876" y="25270"/>
                    <a:pt x="13971" y="13765"/>
                  </a:cubicBezTo>
                  <a:cubicBezTo>
                    <a:pt x="19723" y="8423"/>
                    <a:pt x="27120" y="5136"/>
                    <a:pt x="34516" y="5136"/>
                  </a:cubicBezTo>
                  <a:moveTo>
                    <a:pt x="34516" y="3082"/>
                  </a:moveTo>
                  <a:cubicBezTo>
                    <a:pt x="26298" y="3082"/>
                    <a:pt x="18491" y="6369"/>
                    <a:pt x="12327" y="12122"/>
                  </a:cubicBezTo>
                  <a:cubicBezTo>
                    <a:pt x="0" y="24449"/>
                    <a:pt x="0" y="44172"/>
                    <a:pt x="12327" y="56499"/>
                  </a:cubicBezTo>
                  <a:cubicBezTo>
                    <a:pt x="18080" y="62252"/>
                    <a:pt x="26298" y="65539"/>
                    <a:pt x="34516" y="65539"/>
                  </a:cubicBezTo>
                  <a:cubicBezTo>
                    <a:pt x="42734" y="65539"/>
                    <a:pt x="50541" y="62663"/>
                    <a:pt x="56705" y="56499"/>
                  </a:cubicBezTo>
                  <a:cubicBezTo>
                    <a:pt x="69032" y="44172"/>
                    <a:pt x="69032" y="24449"/>
                    <a:pt x="56705" y="12122"/>
                  </a:cubicBezTo>
                  <a:cubicBezTo>
                    <a:pt x="50952" y="6369"/>
                    <a:pt x="43145" y="3082"/>
                    <a:pt x="34516" y="3082"/>
                  </a:cubicBezTo>
                  <a:lnTo>
                    <a:pt x="34516" y="3082"/>
                  </a:lnTo>
                  <a:close/>
                </a:path>
              </a:pathLst>
            </a:custGeom>
            <a:grpFill/>
            <a:ln w="9525" cap="flat">
              <a:noFill/>
              <a:prstDash val="solid"/>
              <a:miter/>
            </a:ln>
          </p:spPr>
          <p:txBody>
            <a:bodyPr rtlCol="0" anchor="ctr"/>
            <a:lstStyle/>
            <a:p>
              <a:endParaRPr lang="da-DK" noProof="0"/>
            </a:p>
          </p:txBody>
        </p:sp>
      </p:grpSp>
      <p:sp>
        <p:nvSpPr>
          <p:cNvPr id="98" name="Freeform 31">
            <a:extLst>
              <a:ext uri="{FF2B5EF4-FFF2-40B4-BE49-F238E27FC236}">
                <a16:creationId xmlns:a16="http://schemas.microsoft.com/office/drawing/2014/main" id="{234EF674-8E50-A2AE-2D94-515BF941C685}"/>
              </a:ext>
              <a:ext uri="{C183D7F6-B498-43B3-948B-1728B52AA6E4}">
                <adec:decorative xmlns:adec="http://schemas.microsoft.com/office/drawing/2017/decorative" val="1"/>
              </a:ext>
            </a:extLst>
          </p:cNvPr>
          <p:cNvSpPr>
            <a:spLocks noEditPoints="1"/>
          </p:cNvSpPr>
          <p:nvPr/>
        </p:nvSpPr>
        <p:spPr bwMode="auto">
          <a:xfrm>
            <a:off x="10806930" y="2052083"/>
            <a:ext cx="262842" cy="312819"/>
          </a:xfrm>
          <a:custGeom>
            <a:avLst/>
            <a:gdLst>
              <a:gd name="T0" fmla="*/ 114 w 176"/>
              <a:gd name="T1" fmla="*/ 84 h 209"/>
              <a:gd name="T2" fmla="*/ 161 w 176"/>
              <a:gd name="T3" fmla="*/ 3 h 209"/>
              <a:gd name="T4" fmla="*/ 127 w 176"/>
              <a:gd name="T5" fmla="*/ 7 h 209"/>
              <a:gd name="T6" fmla="*/ 88 w 176"/>
              <a:gd name="T7" fmla="*/ 49 h 209"/>
              <a:gd name="T8" fmla="*/ 49 w 176"/>
              <a:gd name="T9" fmla="*/ 7 h 209"/>
              <a:gd name="T10" fmla="*/ 100 w 176"/>
              <a:gd name="T11" fmla="*/ 81 h 209"/>
              <a:gd name="T12" fmla="*/ 10 w 176"/>
              <a:gd name="T13" fmla="*/ 2 h 209"/>
              <a:gd name="T14" fmla="*/ 60 w 176"/>
              <a:gd name="T15" fmla="*/ 89 h 209"/>
              <a:gd name="T16" fmla="*/ 88 w 176"/>
              <a:gd name="T17" fmla="*/ 209 h 209"/>
              <a:gd name="T18" fmla="*/ 68 w 176"/>
              <a:gd name="T19" fmla="*/ 89 h 209"/>
              <a:gd name="T20" fmla="*/ 108 w 176"/>
              <a:gd name="T21" fmla="*/ 89 h 209"/>
              <a:gd name="T22" fmla="*/ 88 w 176"/>
              <a:gd name="T23" fmla="*/ 97 h 209"/>
              <a:gd name="T24" fmla="*/ 88 w 176"/>
              <a:gd name="T25" fmla="*/ 201 h 209"/>
              <a:gd name="T26" fmla="*/ 136 w 176"/>
              <a:gd name="T27" fmla="*/ 153 h 209"/>
              <a:gd name="T28" fmla="*/ 100 w 176"/>
              <a:gd name="T29" fmla="*/ 167 h 209"/>
              <a:gd name="T30" fmla="*/ 96 w 176"/>
              <a:gd name="T31" fmla="*/ 121 h 209"/>
              <a:gd name="T32" fmla="*/ 70 w 176"/>
              <a:gd name="T33" fmla="*/ 134 h 209"/>
              <a:gd name="T34" fmla="*/ 69 w 176"/>
              <a:gd name="T35" fmla="*/ 148 h 209"/>
              <a:gd name="T36" fmla="*/ 76 w 176"/>
              <a:gd name="T37" fmla="*/ 167 h 209"/>
              <a:gd name="T38" fmla="*/ 68 w 176"/>
              <a:gd name="T39" fmla="*/ 181 h 209"/>
              <a:gd name="T40" fmla="*/ 104 w 176"/>
              <a:gd name="T41" fmla="*/ 185 h 209"/>
              <a:gd name="T42" fmla="*/ 108 w 176"/>
              <a:gd name="T43" fmla="*/ 173 h 209"/>
              <a:gd name="T44" fmla="*/ 76 w 176"/>
              <a:gd name="T45" fmla="*/ 177 h 209"/>
              <a:gd name="T46" fmla="*/ 84 w 176"/>
              <a:gd name="T47" fmla="*/ 169 h 209"/>
              <a:gd name="T48" fmla="*/ 80 w 176"/>
              <a:gd name="T49" fmla="*/ 141 h 209"/>
              <a:gd name="T50" fmla="*/ 89 w 176"/>
              <a:gd name="T51" fmla="*/ 129 h 209"/>
              <a:gd name="T52" fmla="*/ 94 w 176"/>
              <a:gd name="T53" fmla="*/ 173 h 209"/>
              <a:gd name="T54" fmla="*/ 172 w 176"/>
              <a:gd name="T55" fmla="*/ 149 h 209"/>
              <a:gd name="T56" fmla="*/ 156 w 176"/>
              <a:gd name="T57" fmla="*/ 157 h 209"/>
              <a:gd name="T58" fmla="*/ 172 w 176"/>
              <a:gd name="T59" fmla="*/ 149 h 209"/>
              <a:gd name="T60" fmla="*/ 150 w 176"/>
              <a:gd name="T61" fmla="*/ 170 h 209"/>
              <a:gd name="T62" fmla="*/ 161 w 176"/>
              <a:gd name="T63" fmla="*/ 177 h 209"/>
              <a:gd name="T64" fmla="*/ 24 w 176"/>
              <a:gd name="T65" fmla="*/ 153 h 209"/>
              <a:gd name="T66" fmla="*/ 0 w 176"/>
              <a:gd name="T67" fmla="*/ 153 h 209"/>
              <a:gd name="T68" fmla="*/ 24 w 176"/>
              <a:gd name="T69" fmla="*/ 153 h 209"/>
              <a:gd name="T70" fmla="*/ 143 w 176"/>
              <a:gd name="T71" fmla="*/ 185 h 209"/>
              <a:gd name="T72" fmla="*/ 161 w 176"/>
              <a:gd name="T73" fmla="*/ 199 h 209"/>
              <a:gd name="T74" fmla="*/ 13 w 176"/>
              <a:gd name="T75" fmla="*/ 114 h 209"/>
              <a:gd name="T76" fmla="*/ 33 w 176"/>
              <a:gd name="T77" fmla="*/ 121 h 209"/>
              <a:gd name="T78" fmla="*/ 12 w 176"/>
              <a:gd name="T79" fmla="*/ 109 h 209"/>
              <a:gd name="T80" fmla="*/ 159 w 176"/>
              <a:gd name="T81" fmla="*/ 108 h 209"/>
              <a:gd name="T82" fmla="*/ 147 w 176"/>
              <a:gd name="T83" fmla="*/ 123 h 209"/>
              <a:gd name="T84" fmla="*/ 164 w 176"/>
              <a:gd name="T85" fmla="*/ 109 h 209"/>
              <a:gd name="T86" fmla="*/ 12 w 176"/>
              <a:gd name="T87" fmla="*/ 197 h 209"/>
              <a:gd name="T88" fmla="*/ 31 w 176"/>
              <a:gd name="T89" fmla="*/ 190 h 209"/>
              <a:gd name="T90" fmla="*/ 14 w 176"/>
              <a:gd name="T91" fmla="*/ 137 h 209"/>
              <a:gd name="T92" fmla="*/ 26 w 176"/>
              <a:gd name="T93" fmla="*/ 136 h 209"/>
              <a:gd name="T94" fmla="*/ 11 w 176"/>
              <a:gd name="T95" fmla="*/ 132 h 209"/>
              <a:gd name="T96" fmla="*/ 155 w 176"/>
              <a:gd name="T97" fmla="*/ 139 h 209"/>
              <a:gd name="T98" fmla="*/ 160 w 176"/>
              <a:gd name="T99" fmla="*/ 129 h 209"/>
              <a:gd name="T100" fmla="*/ 154 w 176"/>
              <a:gd name="T101" fmla="*/ 139 h 209"/>
              <a:gd name="T102" fmla="*/ 23 w 176"/>
              <a:gd name="T103" fmla="*/ 174 h 209"/>
              <a:gd name="T104" fmla="*/ 14 w 176"/>
              <a:gd name="T105" fmla="*/ 169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176" h="209">
                <a:moveTo>
                  <a:pt x="116" y="105"/>
                </a:moveTo>
                <a:cubicBezTo>
                  <a:pt x="116" y="89"/>
                  <a:pt x="116" y="89"/>
                  <a:pt x="116" y="89"/>
                </a:cubicBezTo>
                <a:cubicBezTo>
                  <a:pt x="116" y="87"/>
                  <a:pt x="115" y="85"/>
                  <a:pt x="114" y="84"/>
                </a:cubicBezTo>
                <a:cubicBezTo>
                  <a:pt x="167" y="7"/>
                  <a:pt x="167" y="7"/>
                  <a:pt x="167" y="7"/>
                </a:cubicBezTo>
                <a:cubicBezTo>
                  <a:pt x="169" y="5"/>
                  <a:pt x="168" y="3"/>
                  <a:pt x="166" y="2"/>
                </a:cubicBezTo>
                <a:cubicBezTo>
                  <a:pt x="164" y="0"/>
                  <a:pt x="162" y="1"/>
                  <a:pt x="161" y="3"/>
                </a:cubicBezTo>
                <a:cubicBezTo>
                  <a:pt x="108" y="78"/>
                  <a:pt x="108" y="78"/>
                  <a:pt x="108" y="78"/>
                </a:cubicBezTo>
                <a:cubicBezTo>
                  <a:pt x="93" y="56"/>
                  <a:pt x="93" y="56"/>
                  <a:pt x="93" y="56"/>
                </a:cubicBezTo>
                <a:cubicBezTo>
                  <a:pt x="127" y="7"/>
                  <a:pt x="127" y="7"/>
                  <a:pt x="127" y="7"/>
                </a:cubicBezTo>
                <a:cubicBezTo>
                  <a:pt x="129" y="5"/>
                  <a:pt x="128" y="3"/>
                  <a:pt x="126" y="2"/>
                </a:cubicBezTo>
                <a:cubicBezTo>
                  <a:pt x="124" y="0"/>
                  <a:pt x="122" y="1"/>
                  <a:pt x="121" y="3"/>
                </a:cubicBezTo>
                <a:cubicBezTo>
                  <a:pt x="88" y="49"/>
                  <a:pt x="88" y="49"/>
                  <a:pt x="88" y="49"/>
                </a:cubicBezTo>
                <a:cubicBezTo>
                  <a:pt x="55" y="3"/>
                  <a:pt x="55" y="3"/>
                  <a:pt x="55" y="3"/>
                </a:cubicBezTo>
                <a:cubicBezTo>
                  <a:pt x="54" y="1"/>
                  <a:pt x="52" y="0"/>
                  <a:pt x="50" y="2"/>
                </a:cubicBezTo>
                <a:cubicBezTo>
                  <a:pt x="48" y="3"/>
                  <a:pt x="47" y="5"/>
                  <a:pt x="49" y="7"/>
                </a:cubicBezTo>
                <a:cubicBezTo>
                  <a:pt x="85" y="59"/>
                  <a:pt x="85" y="59"/>
                  <a:pt x="85" y="59"/>
                </a:cubicBezTo>
                <a:cubicBezTo>
                  <a:pt x="85" y="59"/>
                  <a:pt x="85" y="59"/>
                  <a:pt x="85" y="59"/>
                </a:cubicBezTo>
                <a:cubicBezTo>
                  <a:pt x="100" y="81"/>
                  <a:pt x="100" y="81"/>
                  <a:pt x="100" y="81"/>
                </a:cubicBezTo>
                <a:cubicBezTo>
                  <a:pt x="70" y="81"/>
                  <a:pt x="70" y="81"/>
                  <a:pt x="70" y="81"/>
                </a:cubicBezTo>
                <a:cubicBezTo>
                  <a:pt x="15" y="3"/>
                  <a:pt x="15" y="3"/>
                  <a:pt x="15" y="3"/>
                </a:cubicBezTo>
                <a:cubicBezTo>
                  <a:pt x="14" y="1"/>
                  <a:pt x="12" y="0"/>
                  <a:pt x="10" y="2"/>
                </a:cubicBezTo>
                <a:cubicBezTo>
                  <a:pt x="8" y="3"/>
                  <a:pt x="7" y="5"/>
                  <a:pt x="9" y="7"/>
                </a:cubicBezTo>
                <a:cubicBezTo>
                  <a:pt x="62" y="84"/>
                  <a:pt x="62" y="84"/>
                  <a:pt x="62" y="84"/>
                </a:cubicBezTo>
                <a:cubicBezTo>
                  <a:pt x="61" y="85"/>
                  <a:pt x="60" y="87"/>
                  <a:pt x="60" y="89"/>
                </a:cubicBezTo>
                <a:cubicBezTo>
                  <a:pt x="60" y="105"/>
                  <a:pt x="60" y="105"/>
                  <a:pt x="60" y="105"/>
                </a:cubicBezTo>
                <a:cubicBezTo>
                  <a:pt x="43" y="114"/>
                  <a:pt x="32" y="132"/>
                  <a:pt x="32" y="153"/>
                </a:cubicBezTo>
                <a:cubicBezTo>
                  <a:pt x="32" y="184"/>
                  <a:pt x="57" y="209"/>
                  <a:pt x="88" y="209"/>
                </a:cubicBezTo>
                <a:cubicBezTo>
                  <a:pt x="119" y="209"/>
                  <a:pt x="144" y="184"/>
                  <a:pt x="144" y="153"/>
                </a:cubicBezTo>
                <a:cubicBezTo>
                  <a:pt x="144" y="132"/>
                  <a:pt x="133" y="114"/>
                  <a:pt x="116" y="105"/>
                </a:cubicBezTo>
                <a:close/>
                <a:moveTo>
                  <a:pt x="68" y="89"/>
                </a:moveTo>
                <a:cubicBezTo>
                  <a:pt x="108" y="89"/>
                  <a:pt x="108" y="89"/>
                  <a:pt x="108" y="89"/>
                </a:cubicBezTo>
                <a:cubicBezTo>
                  <a:pt x="108" y="89"/>
                  <a:pt x="108" y="89"/>
                  <a:pt x="108" y="89"/>
                </a:cubicBezTo>
                <a:cubicBezTo>
                  <a:pt x="108" y="89"/>
                  <a:pt x="108" y="89"/>
                  <a:pt x="108" y="89"/>
                </a:cubicBezTo>
                <a:cubicBezTo>
                  <a:pt x="108" y="89"/>
                  <a:pt x="108" y="89"/>
                  <a:pt x="108" y="89"/>
                </a:cubicBezTo>
                <a:cubicBezTo>
                  <a:pt x="108" y="101"/>
                  <a:pt x="108" y="101"/>
                  <a:pt x="108" y="101"/>
                </a:cubicBezTo>
                <a:cubicBezTo>
                  <a:pt x="102" y="98"/>
                  <a:pt x="95" y="97"/>
                  <a:pt x="88" y="97"/>
                </a:cubicBezTo>
                <a:cubicBezTo>
                  <a:pt x="81" y="97"/>
                  <a:pt x="74" y="98"/>
                  <a:pt x="68" y="101"/>
                </a:cubicBezTo>
                <a:lnTo>
                  <a:pt x="68" y="89"/>
                </a:lnTo>
                <a:close/>
                <a:moveTo>
                  <a:pt x="88" y="201"/>
                </a:moveTo>
                <a:cubicBezTo>
                  <a:pt x="61" y="201"/>
                  <a:pt x="40" y="180"/>
                  <a:pt x="40" y="153"/>
                </a:cubicBezTo>
                <a:cubicBezTo>
                  <a:pt x="40" y="126"/>
                  <a:pt x="61" y="105"/>
                  <a:pt x="88" y="105"/>
                </a:cubicBezTo>
                <a:cubicBezTo>
                  <a:pt x="115" y="105"/>
                  <a:pt x="136" y="126"/>
                  <a:pt x="136" y="153"/>
                </a:cubicBezTo>
                <a:cubicBezTo>
                  <a:pt x="136" y="180"/>
                  <a:pt x="115" y="201"/>
                  <a:pt x="88" y="201"/>
                </a:cubicBezTo>
                <a:close/>
                <a:moveTo>
                  <a:pt x="106" y="169"/>
                </a:moveTo>
                <a:cubicBezTo>
                  <a:pt x="100" y="167"/>
                  <a:pt x="100" y="167"/>
                  <a:pt x="100" y="167"/>
                </a:cubicBezTo>
                <a:cubicBezTo>
                  <a:pt x="100" y="125"/>
                  <a:pt x="100" y="125"/>
                  <a:pt x="100" y="125"/>
                </a:cubicBezTo>
                <a:cubicBezTo>
                  <a:pt x="100" y="124"/>
                  <a:pt x="100" y="123"/>
                  <a:pt x="99" y="122"/>
                </a:cubicBezTo>
                <a:cubicBezTo>
                  <a:pt x="98" y="121"/>
                  <a:pt x="97" y="121"/>
                  <a:pt x="96" y="121"/>
                </a:cubicBezTo>
                <a:cubicBezTo>
                  <a:pt x="88" y="121"/>
                  <a:pt x="88" y="121"/>
                  <a:pt x="88" y="121"/>
                </a:cubicBezTo>
                <a:cubicBezTo>
                  <a:pt x="87" y="121"/>
                  <a:pt x="86" y="121"/>
                  <a:pt x="86" y="122"/>
                </a:cubicBezTo>
                <a:cubicBezTo>
                  <a:pt x="70" y="134"/>
                  <a:pt x="70" y="134"/>
                  <a:pt x="70" y="134"/>
                </a:cubicBezTo>
                <a:cubicBezTo>
                  <a:pt x="69" y="135"/>
                  <a:pt x="68" y="136"/>
                  <a:pt x="68" y="137"/>
                </a:cubicBezTo>
                <a:cubicBezTo>
                  <a:pt x="68" y="145"/>
                  <a:pt x="68" y="145"/>
                  <a:pt x="68" y="145"/>
                </a:cubicBezTo>
                <a:cubicBezTo>
                  <a:pt x="68" y="146"/>
                  <a:pt x="68" y="147"/>
                  <a:pt x="69" y="148"/>
                </a:cubicBezTo>
                <a:cubicBezTo>
                  <a:pt x="70" y="149"/>
                  <a:pt x="71" y="149"/>
                  <a:pt x="72" y="149"/>
                </a:cubicBezTo>
                <a:cubicBezTo>
                  <a:pt x="76" y="149"/>
                  <a:pt x="76" y="149"/>
                  <a:pt x="76" y="149"/>
                </a:cubicBezTo>
                <a:cubicBezTo>
                  <a:pt x="76" y="167"/>
                  <a:pt x="76" y="167"/>
                  <a:pt x="76" y="167"/>
                </a:cubicBezTo>
                <a:cubicBezTo>
                  <a:pt x="70" y="169"/>
                  <a:pt x="70" y="169"/>
                  <a:pt x="70" y="169"/>
                </a:cubicBezTo>
                <a:cubicBezTo>
                  <a:pt x="69" y="170"/>
                  <a:pt x="68" y="171"/>
                  <a:pt x="68" y="173"/>
                </a:cubicBezTo>
                <a:cubicBezTo>
                  <a:pt x="68" y="181"/>
                  <a:pt x="68" y="181"/>
                  <a:pt x="68" y="181"/>
                </a:cubicBezTo>
                <a:cubicBezTo>
                  <a:pt x="68" y="182"/>
                  <a:pt x="68" y="183"/>
                  <a:pt x="69" y="184"/>
                </a:cubicBezTo>
                <a:cubicBezTo>
                  <a:pt x="70" y="185"/>
                  <a:pt x="71" y="185"/>
                  <a:pt x="72" y="185"/>
                </a:cubicBezTo>
                <a:cubicBezTo>
                  <a:pt x="104" y="185"/>
                  <a:pt x="104" y="185"/>
                  <a:pt x="104" y="185"/>
                </a:cubicBezTo>
                <a:cubicBezTo>
                  <a:pt x="105" y="185"/>
                  <a:pt x="106" y="185"/>
                  <a:pt x="107" y="184"/>
                </a:cubicBezTo>
                <a:cubicBezTo>
                  <a:pt x="108" y="183"/>
                  <a:pt x="108" y="182"/>
                  <a:pt x="108" y="181"/>
                </a:cubicBezTo>
                <a:cubicBezTo>
                  <a:pt x="108" y="173"/>
                  <a:pt x="108" y="173"/>
                  <a:pt x="108" y="173"/>
                </a:cubicBezTo>
                <a:cubicBezTo>
                  <a:pt x="108" y="171"/>
                  <a:pt x="107" y="170"/>
                  <a:pt x="106" y="169"/>
                </a:cubicBezTo>
                <a:close/>
                <a:moveTo>
                  <a:pt x="100" y="177"/>
                </a:moveTo>
                <a:cubicBezTo>
                  <a:pt x="76" y="177"/>
                  <a:pt x="76" y="177"/>
                  <a:pt x="76" y="177"/>
                </a:cubicBezTo>
                <a:cubicBezTo>
                  <a:pt x="76" y="175"/>
                  <a:pt x="76" y="175"/>
                  <a:pt x="76" y="175"/>
                </a:cubicBezTo>
                <a:cubicBezTo>
                  <a:pt x="82" y="173"/>
                  <a:pt x="82" y="173"/>
                  <a:pt x="82" y="173"/>
                </a:cubicBezTo>
                <a:cubicBezTo>
                  <a:pt x="83" y="172"/>
                  <a:pt x="84" y="171"/>
                  <a:pt x="84" y="169"/>
                </a:cubicBezTo>
                <a:cubicBezTo>
                  <a:pt x="84" y="145"/>
                  <a:pt x="84" y="145"/>
                  <a:pt x="84" y="145"/>
                </a:cubicBezTo>
                <a:cubicBezTo>
                  <a:pt x="84" y="144"/>
                  <a:pt x="84" y="143"/>
                  <a:pt x="83" y="142"/>
                </a:cubicBezTo>
                <a:cubicBezTo>
                  <a:pt x="82" y="141"/>
                  <a:pt x="81" y="141"/>
                  <a:pt x="80" y="141"/>
                </a:cubicBezTo>
                <a:cubicBezTo>
                  <a:pt x="76" y="141"/>
                  <a:pt x="76" y="141"/>
                  <a:pt x="76" y="141"/>
                </a:cubicBezTo>
                <a:cubicBezTo>
                  <a:pt x="76" y="139"/>
                  <a:pt x="76" y="139"/>
                  <a:pt x="76" y="139"/>
                </a:cubicBezTo>
                <a:cubicBezTo>
                  <a:pt x="89" y="129"/>
                  <a:pt x="89" y="129"/>
                  <a:pt x="89" y="129"/>
                </a:cubicBezTo>
                <a:cubicBezTo>
                  <a:pt x="92" y="129"/>
                  <a:pt x="92" y="129"/>
                  <a:pt x="92" y="129"/>
                </a:cubicBezTo>
                <a:cubicBezTo>
                  <a:pt x="92" y="169"/>
                  <a:pt x="92" y="169"/>
                  <a:pt x="92" y="169"/>
                </a:cubicBezTo>
                <a:cubicBezTo>
                  <a:pt x="92" y="171"/>
                  <a:pt x="93" y="172"/>
                  <a:pt x="94" y="173"/>
                </a:cubicBezTo>
                <a:cubicBezTo>
                  <a:pt x="100" y="175"/>
                  <a:pt x="100" y="175"/>
                  <a:pt x="100" y="175"/>
                </a:cubicBezTo>
                <a:lnTo>
                  <a:pt x="100" y="177"/>
                </a:lnTo>
                <a:close/>
                <a:moveTo>
                  <a:pt x="172" y="149"/>
                </a:moveTo>
                <a:cubicBezTo>
                  <a:pt x="156" y="149"/>
                  <a:pt x="156" y="149"/>
                  <a:pt x="156" y="149"/>
                </a:cubicBezTo>
                <a:cubicBezTo>
                  <a:pt x="154" y="149"/>
                  <a:pt x="152" y="151"/>
                  <a:pt x="152" y="153"/>
                </a:cubicBezTo>
                <a:cubicBezTo>
                  <a:pt x="152" y="155"/>
                  <a:pt x="154" y="157"/>
                  <a:pt x="156" y="157"/>
                </a:cubicBezTo>
                <a:cubicBezTo>
                  <a:pt x="172" y="157"/>
                  <a:pt x="172" y="157"/>
                  <a:pt x="172" y="157"/>
                </a:cubicBezTo>
                <a:cubicBezTo>
                  <a:pt x="174" y="157"/>
                  <a:pt x="176" y="155"/>
                  <a:pt x="176" y="153"/>
                </a:cubicBezTo>
                <a:cubicBezTo>
                  <a:pt x="176" y="151"/>
                  <a:pt x="174" y="149"/>
                  <a:pt x="172" y="149"/>
                </a:cubicBezTo>
                <a:close/>
                <a:moveTo>
                  <a:pt x="162" y="169"/>
                </a:moveTo>
                <a:cubicBezTo>
                  <a:pt x="155" y="167"/>
                  <a:pt x="155" y="167"/>
                  <a:pt x="155" y="167"/>
                </a:cubicBezTo>
                <a:cubicBezTo>
                  <a:pt x="153" y="166"/>
                  <a:pt x="150" y="167"/>
                  <a:pt x="150" y="170"/>
                </a:cubicBezTo>
                <a:cubicBezTo>
                  <a:pt x="149" y="172"/>
                  <a:pt x="151" y="174"/>
                  <a:pt x="153" y="174"/>
                </a:cubicBezTo>
                <a:cubicBezTo>
                  <a:pt x="160" y="177"/>
                  <a:pt x="160" y="177"/>
                  <a:pt x="160" y="177"/>
                </a:cubicBezTo>
                <a:cubicBezTo>
                  <a:pt x="161" y="177"/>
                  <a:pt x="161" y="177"/>
                  <a:pt x="161" y="177"/>
                </a:cubicBezTo>
                <a:cubicBezTo>
                  <a:pt x="163" y="177"/>
                  <a:pt x="165" y="175"/>
                  <a:pt x="165" y="174"/>
                </a:cubicBezTo>
                <a:cubicBezTo>
                  <a:pt x="166" y="172"/>
                  <a:pt x="165" y="169"/>
                  <a:pt x="162" y="169"/>
                </a:cubicBezTo>
                <a:close/>
                <a:moveTo>
                  <a:pt x="24" y="153"/>
                </a:moveTo>
                <a:cubicBezTo>
                  <a:pt x="24" y="151"/>
                  <a:pt x="22" y="149"/>
                  <a:pt x="20" y="149"/>
                </a:cubicBezTo>
                <a:cubicBezTo>
                  <a:pt x="4" y="149"/>
                  <a:pt x="4" y="149"/>
                  <a:pt x="4" y="149"/>
                </a:cubicBezTo>
                <a:cubicBezTo>
                  <a:pt x="2" y="149"/>
                  <a:pt x="0" y="151"/>
                  <a:pt x="0" y="153"/>
                </a:cubicBezTo>
                <a:cubicBezTo>
                  <a:pt x="0" y="155"/>
                  <a:pt x="2" y="157"/>
                  <a:pt x="4" y="157"/>
                </a:cubicBezTo>
                <a:cubicBezTo>
                  <a:pt x="20" y="157"/>
                  <a:pt x="20" y="157"/>
                  <a:pt x="20" y="157"/>
                </a:cubicBezTo>
                <a:cubicBezTo>
                  <a:pt x="22" y="157"/>
                  <a:pt x="24" y="155"/>
                  <a:pt x="24" y="153"/>
                </a:cubicBezTo>
                <a:close/>
                <a:moveTo>
                  <a:pt x="163" y="192"/>
                </a:moveTo>
                <a:cubicBezTo>
                  <a:pt x="149" y="184"/>
                  <a:pt x="149" y="184"/>
                  <a:pt x="149" y="184"/>
                </a:cubicBezTo>
                <a:cubicBezTo>
                  <a:pt x="147" y="182"/>
                  <a:pt x="145" y="183"/>
                  <a:pt x="143" y="185"/>
                </a:cubicBezTo>
                <a:cubicBezTo>
                  <a:pt x="142" y="187"/>
                  <a:pt x="143" y="189"/>
                  <a:pt x="145" y="190"/>
                </a:cubicBezTo>
                <a:cubicBezTo>
                  <a:pt x="159" y="198"/>
                  <a:pt x="159" y="198"/>
                  <a:pt x="159" y="198"/>
                </a:cubicBezTo>
                <a:cubicBezTo>
                  <a:pt x="159" y="199"/>
                  <a:pt x="160" y="199"/>
                  <a:pt x="161" y="199"/>
                </a:cubicBezTo>
                <a:cubicBezTo>
                  <a:pt x="162" y="199"/>
                  <a:pt x="163" y="198"/>
                  <a:pt x="164" y="197"/>
                </a:cubicBezTo>
                <a:cubicBezTo>
                  <a:pt x="165" y="195"/>
                  <a:pt x="165" y="193"/>
                  <a:pt x="163" y="192"/>
                </a:cubicBezTo>
                <a:close/>
                <a:moveTo>
                  <a:pt x="13" y="114"/>
                </a:moveTo>
                <a:cubicBezTo>
                  <a:pt x="27" y="122"/>
                  <a:pt x="27" y="122"/>
                  <a:pt x="27" y="122"/>
                </a:cubicBezTo>
                <a:cubicBezTo>
                  <a:pt x="28" y="123"/>
                  <a:pt x="28" y="123"/>
                  <a:pt x="29" y="123"/>
                </a:cubicBezTo>
                <a:cubicBezTo>
                  <a:pt x="30" y="123"/>
                  <a:pt x="32" y="122"/>
                  <a:pt x="33" y="121"/>
                </a:cubicBezTo>
                <a:cubicBezTo>
                  <a:pt x="34" y="119"/>
                  <a:pt x="33" y="117"/>
                  <a:pt x="31" y="116"/>
                </a:cubicBezTo>
                <a:cubicBezTo>
                  <a:pt x="17" y="108"/>
                  <a:pt x="17" y="108"/>
                  <a:pt x="17" y="108"/>
                </a:cubicBezTo>
                <a:cubicBezTo>
                  <a:pt x="15" y="106"/>
                  <a:pt x="13" y="107"/>
                  <a:pt x="12" y="109"/>
                </a:cubicBezTo>
                <a:cubicBezTo>
                  <a:pt x="11" y="111"/>
                  <a:pt x="11" y="113"/>
                  <a:pt x="13" y="114"/>
                </a:cubicBezTo>
                <a:close/>
                <a:moveTo>
                  <a:pt x="164" y="109"/>
                </a:moveTo>
                <a:cubicBezTo>
                  <a:pt x="163" y="107"/>
                  <a:pt x="161" y="106"/>
                  <a:pt x="159" y="108"/>
                </a:cubicBezTo>
                <a:cubicBezTo>
                  <a:pt x="145" y="116"/>
                  <a:pt x="145" y="116"/>
                  <a:pt x="145" y="116"/>
                </a:cubicBezTo>
                <a:cubicBezTo>
                  <a:pt x="143" y="117"/>
                  <a:pt x="142" y="119"/>
                  <a:pt x="143" y="121"/>
                </a:cubicBezTo>
                <a:cubicBezTo>
                  <a:pt x="144" y="122"/>
                  <a:pt x="146" y="123"/>
                  <a:pt x="147" y="123"/>
                </a:cubicBezTo>
                <a:cubicBezTo>
                  <a:pt x="148" y="123"/>
                  <a:pt x="148" y="123"/>
                  <a:pt x="149" y="122"/>
                </a:cubicBezTo>
                <a:cubicBezTo>
                  <a:pt x="163" y="114"/>
                  <a:pt x="163" y="114"/>
                  <a:pt x="163" y="114"/>
                </a:cubicBezTo>
                <a:cubicBezTo>
                  <a:pt x="165" y="113"/>
                  <a:pt x="165" y="111"/>
                  <a:pt x="164" y="109"/>
                </a:cubicBezTo>
                <a:close/>
                <a:moveTo>
                  <a:pt x="27" y="184"/>
                </a:moveTo>
                <a:cubicBezTo>
                  <a:pt x="13" y="192"/>
                  <a:pt x="13" y="192"/>
                  <a:pt x="13" y="192"/>
                </a:cubicBezTo>
                <a:cubicBezTo>
                  <a:pt x="11" y="193"/>
                  <a:pt x="11" y="195"/>
                  <a:pt x="12" y="197"/>
                </a:cubicBezTo>
                <a:cubicBezTo>
                  <a:pt x="13" y="198"/>
                  <a:pt x="14" y="199"/>
                  <a:pt x="15" y="199"/>
                </a:cubicBezTo>
                <a:cubicBezTo>
                  <a:pt x="16" y="199"/>
                  <a:pt x="17" y="199"/>
                  <a:pt x="17" y="198"/>
                </a:cubicBezTo>
                <a:cubicBezTo>
                  <a:pt x="31" y="190"/>
                  <a:pt x="31" y="190"/>
                  <a:pt x="31" y="190"/>
                </a:cubicBezTo>
                <a:cubicBezTo>
                  <a:pt x="33" y="189"/>
                  <a:pt x="34" y="187"/>
                  <a:pt x="33" y="185"/>
                </a:cubicBezTo>
                <a:cubicBezTo>
                  <a:pt x="31" y="183"/>
                  <a:pt x="29" y="182"/>
                  <a:pt x="27" y="184"/>
                </a:cubicBezTo>
                <a:close/>
                <a:moveTo>
                  <a:pt x="14" y="137"/>
                </a:moveTo>
                <a:cubicBezTo>
                  <a:pt x="21" y="139"/>
                  <a:pt x="21" y="139"/>
                  <a:pt x="21" y="139"/>
                </a:cubicBezTo>
                <a:cubicBezTo>
                  <a:pt x="22" y="139"/>
                  <a:pt x="22" y="139"/>
                  <a:pt x="22" y="139"/>
                </a:cubicBezTo>
                <a:cubicBezTo>
                  <a:pt x="24" y="139"/>
                  <a:pt x="26" y="138"/>
                  <a:pt x="26" y="136"/>
                </a:cubicBezTo>
                <a:cubicBezTo>
                  <a:pt x="27" y="134"/>
                  <a:pt x="25" y="132"/>
                  <a:pt x="23" y="132"/>
                </a:cubicBezTo>
                <a:cubicBezTo>
                  <a:pt x="16" y="129"/>
                  <a:pt x="16" y="129"/>
                  <a:pt x="16" y="129"/>
                </a:cubicBezTo>
                <a:cubicBezTo>
                  <a:pt x="13" y="129"/>
                  <a:pt x="11" y="130"/>
                  <a:pt x="11" y="132"/>
                </a:cubicBezTo>
                <a:cubicBezTo>
                  <a:pt x="10" y="134"/>
                  <a:pt x="11" y="137"/>
                  <a:pt x="14" y="137"/>
                </a:cubicBezTo>
                <a:close/>
                <a:moveTo>
                  <a:pt x="154" y="139"/>
                </a:moveTo>
                <a:cubicBezTo>
                  <a:pt x="154" y="139"/>
                  <a:pt x="154" y="139"/>
                  <a:pt x="155" y="139"/>
                </a:cubicBezTo>
                <a:cubicBezTo>
                  <a:pt x="162" y="137"/>
                  <a:pt x="162" y="137"/>
                  <a:pt x="162" y="137"/>
                </a:cubicBezTo>
                <a:cubicBezTo>
                  <a:pt x="165" y="137"/>
                  <a:pt x="166" y="134"/>
                  <a:pt x="165" y="132"/>
                </a:cubicBezTo>
                <a:cubicBezTo>
                  <a:pt x="165" y="130"/>
                  <a:pt x="163" y="129"/>
                  <a:pt x="160" y="129"/>
                </a:cubicBezTo>
                <a:cubicBezTo>
                  <a:pt x="153" y="132"/>
                  <a:pt x="153" y="132"/>
                  <a:pt x="153" y="132"/>
                </a:cubicBezTo>
                <a:cubicBezTo>
                  <a:pt x="151" y="132"/>
                  <a:pt x="149" y="134"/>
                  <a:pt x="150" y="136"/>
                </a:cubicBezTo>
                <a:cubicBezTo>
                  <a:pt x="150" y="138"/>
                  <a:pt x="152" y="139"/>
                  <a:pt x="154" y="139"/>
                </a:cubicBezTo>
                <a:close/>
                <a:moveTo>
                  <a:pt x="15" y="177"/>
                </a:moveTo>
                <a:cubicBezTo>
                  <a:pt x="15" y="177"/>
                  <a:pt x="15" y="177"/>
                  <a:pt x="16" y="177"/>
                </a:cubicBezTo>
                <a:cubicBezTo>
                  <a:pt x="23" y="174"/>
                  <a:pt x="23" y="174"/>
                  <a:pt x="23" y="174"/>
                </a:cubicBezTo>
                <a:cubicBezTo>
                  <a:pt x="25" y="174"/>
                  <a:pt x="27" y="172"/>
                  <a:pt x="26" y="170"/>
                </a:cubicBezTo>
                <a:cubicBezTo>
                  <a:pt x="26" y="167"/>
                  <a:pt x="23" y="166"/>
                  <a:pt x="21" y="167"/>
                </a:cubicBezTo>
                <a:cubicBezTo>
                  <a:pt x="14" y="169"/>
                  <a:pt x="14" y="169"/>
                  <a:pt x="14" y="169"/>
                </a:cubicBezTo>
                <a:cubicBezTo>
                  <a:pt x="11" y="169"/>
                  <a:pt x="10" y="172"/>
                  <a:pt x="11" y="174"/>
                </a:cubicBezTo>
                <a:cubicBezTo>
                  <a:pt x="11" y="175"/>
                  <a:pt x="13" y="177"/>
                  <a:pt x="15" y="177"/>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51" name="TextBox 150">
            <a:extLst>
              <a:ext uri="{FF2B5EF4-FFF2-40B4-BE49-F238E27FC236}">
                <a16:creationId xmlns:a16="http://schemas.microsoft.com/office/drawing/2014/main" id="{8C745F11-1E63-CA10-7157-21BFD2DEF283}"/>
              </a:ext>
              <a:ext uri="{C183D7F6-B498-43B3-948B-1728B52AA6E4}">
                <adec:decorative xmlns:adec="http://schemas.microsoft.com/office/drawing/2017/decorative" val="0"/>
              </a:ext>
            </a:extLst>
          </p:cNvPr>
          <p:cNvSpPr txBox="1"/>
          <p:nvPr/>
        </p:nvSpPr>
        <p:spPr>
          <a:xfrm rot="16200000">
            <a:off x="6142590" y="5111921"/>
            <a:ext cx="1481337" cy="313649"/>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wrap="square" rtlCol="0" anchor="t">
            <a:noAutofit/>
          </a:bodyP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algn="ctr"/>
            <a:r>
              <a:rPr lang="da-DK" sz="700" noProof="0" dirty="0"/>
              <a:t>Illustrativ model af GPT-NL </a:t>
            </a:r>
          </a:p>
          <a:p>
            <a:pPr algn="ctr"/>
            <a:endParaRPr lang="da-DK" sz="700" noProof="0" dirty="0"/>
          </a:p>
        </p:txBody>
      </p:sp>
      <p:grpSp>
        <p:nvGrpSpPr>
          <p:cNvPr id="15" name="Groep 21">
            <a:extLst>
              <a:ext uri="{FF2B5EF4-FFF2-40B4-BE49-F238E27FC236}">
                <a16:creationId xmlns:a16="http://schemas.microsoft.com/office/drawing/2014/main" id="{A6B436BD-3AF5-3599-9C43-EB7C282BAA4C}"/>
              </a:ext>
              <a:ext uri="{C183D7F6-B498-43B3-948B-1728B52AA6E4}">
                <adec:decorative xmlns:adec="http://schemas.microsoft.com/office/drawing/2017/decorative" val="1"/>
              </a:ext>
            </a:extLst>
          </p:cNvPr>
          <p:cNvGrpSpPr/>
          <p:nvPr/>
        </p:nvGrpSpPr>
        <p:grpSpPr>
          <a:xfrm>
            <a:off x="7132868" y="4586452"/>
            <a:ext cx="2492467" cy="1493384"/>
            <a:chOff x="4525108" y="2522142"/>
            <a:chExt cx="3141785" cy="3528351"/>
          </a:xfrm>
        </p:grpSpPr>
        <p:sp>
          <p:nvSpPr>
            <p:cNvPr id="27" name="Rounded Rectangle 6">
              <a:extLst>
                <a:ext uri="{FF2B5EF4-FFF2-40B4-BE49-F238E27FC236}">
                  <a16:creationId xmlns:a16="http://schemas.microsoft.com/office/drawing/2014/main" id="{A9C285A8-5B98-E390-CFB6-08D47C6A41E5}"/>
                </a:ext>
              </a:extLst>
            </p:cNvPr>
            <p:cNvSpPr/>
            <p:nvPr/>
          </p:nvSpPr>
          <p:spPr>
            <a:xfrm>
              <a:off x="4525108" y="2522142"/>
              <a:ext cx="3141785" cy="3528351"/>
            </a:xfrm>
            <a:prstGeom prst="roundRect">
              <a:avLst>
                <a:gd name="adj" fmla="val 9204"/>
              </a:avLst>
            </a:prstGeom>
            <a:solidFill>
              <a:srgbClr val="4AB9D3"/>
            </a:solidFill>
            <a:ln w="28575">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lIns="144000" tIns="72000" rIns="144000" bIns="144000" rtlCol="0" anchor="t"/>
            <a:lstStyle/>
            <a:p>
              <a:pPr marL="0" marR="0" lvl="0" indent="0" algn="ctr" defTabSz="914400" rtl="0" eaLnBrk="1" fontAlgn="auto" latinLnBrk="0" hangingPunct="1">
                <a:lnSpc>
                  <a:spcPct val="90000"/>
                </a:lnSpc>
                <a:spcBef>
                  <a:spcPts val="200"/>
                </a:spcBef>
                <a:spcAft>
                  <a:spcPts val="200"/>
                </a:spcAft>
                <a:buClrTx/>
                <a:buSzTx/>
                <a:buFontTx/>
                <a:buNone/>
                <a:tabLst/>
                <a:defRPr/>
              </a:pPr>
              <a:r>
                <a:rPr lang="da-DK" sz="1600" noProof="0" dirty="0">
                  <a:solidFill>
                    <a:schemeClr val="tx1">
                      <a:lumMod val="75000"/>
                      <a:lumOff val="25000"/>
                    </a:schemeClr>
                  </a:solidFill>
                  <a:latin typeface="+mj-lt"/>
                </a:rPr>
                <a:t>GPT-NL 26B</a:t>
              </a:r>
              <a:endParaRPr kumimoji="0" lang="da-DK" sz="1600" b="0" i="0" u="none" strike="noStrike" kern="1200" cap="none" spc="0" normalizeH="0" baseline="0" noProof="0" dirty="0">
                <a:ln>
                  <a:noFill/>
                </a:ln>
                <a:solidFill>
                  <a:schemeClr val="tx1">
                    <a:lumMod val="75000"/>
                    <a:lumOff val="25000"/>
                  </a:schemeClr>
                </a:solidFill>
                <a:effectLst/>
                <a:uLnTx/>
                <a:uFillTx/>
                <a:latin typeface="+mj-lt"/>
                <a:ea typeface="+mn-ea"/>
                <a:cs typeface="+mn-cs"/>
              </a:endParaRPr>
            </a:p>
          </p:txBody>
        </p:sp>
        <p:sp>
          <p:nvSpPr>
            <p:cNvPr id="28" name="Rounded Rectangle 7">
              <a:extLst>
                <a:ext uri="{FF2B5EF4-FFF2-40B4-BE49-F238E27FC236}">
                  <a16:creationId xmlns:a16="http://schemas.microsoft.com/office/drawing/2014/main" id="{086C5F99-8874-B036-03BA-43D3574FE5AE}"/>
                </a:ext>
              </a:extLst>
            </p:cNvPr>
            <p:cNvSpPr/>
            <p:nvPr/>
          </p:nvSpPr>
          <p:spPr>
            <a:xfrm>
              <a:off x="4848614" y="3272684"/>
              <a:ext cx="2494773" cy="2596366"/>
            </a:xfrm>
            <a:prstGeom prst="roundRect">
              <a:avLst>
                <a:gd name="adj" fmla="val 9204"/>
              </a:avLst>
            </a:prstGeom>
            <a:solidFill>
              <a:srgbClr val="6D4EF0"/>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marL="0" marR="0" lvl="0" indent="0" algn="ctr" defTabSz="914400" rtl="0" eaLnBrk="1" fontAlgn="auto" latinLnBrk="0" hangingPunct="1">
                <a:lnSpc>
                  <a:spcPct val="90000"/>
                </a:lnSpc>
                <a:spcBef>
                  <a:spcPts val="200"/>
                </a:spcBef>
                <a:spcAft>
                  <a:spcPts val="200"/>
                </a:spcAft>
                <a:buClrTx/>
                <a:buSzTx/>
                <a:buFontTx/>
                <a:buNone/>
                <a:tabLst/>
                <a:defRPr/>
              </a:pPr>
              <a:endParaRPr kumimoji="0" lang="da-DK" sz="2800" b="0" i="0" u="none" strike="noStrike" kern="1200" cap="none" spc="0" normalizeH="0" baseline="0" noProof="0" dirty="0">
                <a:ln>
                  <a:noFill/>
                </a:ln>
                <a:solidFill>
                  <a:srgbClr val="177ABF"/>
                </a:solidFill>
                <a:effectLst/>
                <a:uLnTx/>
                <a:uFillTx/>
                <a:latin typeface="Calibri"/>
                <a:ea typeface="+mn-ea"/>
                <a:cs typeface="+mn-cs"/>
              </a:endParaRPr>
            </a:p>
          </p:txBody>
        </p:sp>
      </p:grpSp>
      <p:sp>
        <p:nvSpPr>
          <p:cNvPr id="16" name="Round Same-side Corner of Rectangle 10">
            <a:extLst>
              <a:ext uri="{FF2B5EF4-FFF2-40B4-BE49-F238E27FC236}">
                <a16:creationId xmlns:a16="http://schemas.microsoft.com/office/drawing/2014/main" id="{0CDF4896-7FAB-1117-29C5-E75A751EC107}"/>
              </a:ext>
              <a:ext uri="{C183D7F6-B498-43B3-948B-1728B52AA6E4}">
                <adec:decorative xmlns:adec="http://schemas.microsoft.com/office/drawing/2017/decorative" val="1"/>
              </a:ext>
            </a:extLst>
          </p:cNvPr>
          <p:cNvSpPr/>
          <p:nvPr/>
        </p:nvSpPr>
        <p:spPr>
          <a:xfrm rot="10800000">
            <a:off x="7387411" y="5198543"/>
            <a:ext cx="1979174" cy="805985"/>
          </a:xfrm>
          <a:prstGeom prst="round2SameRect">
            <a:avLst>
              <a:gd name="adj1" fmla="val 8391"/>
              <a:gd name="adj2" fmla="val 0"/>
            </a:avLst>
          </a:prstGeom>
          <a:solidFill>
            <a:srgbClr val="CDECF2"/>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144000" tIns="144000" rIns="144000" bIns="144000" rtlCol="0" anchor="t"/>
          <a:lstStyle/>
          <a:p>
            <a:pPr marL="0" marR="0" lvl="0" indent="0" algn="ctr" defTabSz="914400" rtl="0" eaLnBrk="1" fontAlgn="auto" latinLnBrk="0" hangingPunct="1">
              <a:lnSpc>
                <a:spcPct val="90000"/>
              </a:lnSpc>
              <a:spcBef>
                <a:spcPts val="200"/>
              </a:spcBef>
              <a:spcAft>
                <a:spcPts val="200"/>
              </a:spcAft>
              <a:buClrTx/>
              <a:buSzTx/>
              <a:buFontTx/>
              <a:buNone/>
              <a:tabLst/>
              <a:defRPr/>
            </a:pPr>
            <a:endParaRPr kumimoji="0" lang="da-DK" sz="2800" b="0" i="0" u="none" strike="noStrike" kern="1200" cap="none" spc="0" normalizeH="0" baseline="0" noProof="0" dirty="0">
              <a:ln>
                <a:noFill/>
              </a:ln>
              <a:solidFill>
                <a:schemeClr val="tx1"/>
              </a:solidFill>
              <a:effectLst/>
              <a:uLnTx/>
              <a:uFillTx/>
              <a:latin typeface="Calibri"/>
              <a:ea typeface="+mn-ea"/>
              <a:cs typeface="+mn-cs"/>
            </a:endParaRPr>
          </a:p>
        </p:txBody>
      </p:sp>
      <p:cxnSp>
        <p:nvCxnSpPr>
          <p:cNvPr id="17" name="Straight Connector 9">
            <a:extLst>
              <a:ext uri="{FF2B5EF4-FFF2-40B4-BE49-F238E27FC236}">
                <a16:creationId xmlns:a16="http://schemas.microsoft.com/office/drawing/2014/main" id="{A57C46CD-4732-8281-89DB-BB16FF63C4A8}"/>
              </a:ext>
              <a:ext uri="{C183D7F6-B498-43B3-948B-1728B52AA6E4}">
                <adec:decorative xmlns:adec="http://schemas.microsoft.com/office/drawing/2017/decorative" val="1"/>
              </a:ext>
            </a:extLst>
          </p:cNvPr>
          <p:cNvCxnSpPr>
            <a:cxnSpLocks/>
          </p:cNvCxnSpPr>
          <p:nvPr/>
        </p:nvCxnSpPr>
        <p:spPr>
          <a:xfrm>
            <a:off x="7426829" y="5198543"/>
            <a:ext cx="1904545" cy="0"/>
          </a:xfrm>
          <a:prstGeom prst="line">
            <a:avLst/>
          </a:prstGeom>
          <a:ln w="12700" cap="rnd">
            <a:solidFill>
              <a:schemeClr val="accent3">
                <a:lumMod val="60000"/>
                <a:lumOff val="40000"/>
              </a:schemeClr>
            </a:solidFill>
            <a:round/>
          </a:ln>
        </p:spPr>
        <p:style>
          <a:lnRef idx="1">
            <a:schemeClr val="accent1"/>
          </a:lnRef>
          <a:fillRef idx="0">
            <a:schemeClr val="accent1"/>
          </a:fillRef>
          <a:effectRef idx="0">
            <a:schemeClr val="accent1"/>
          </a:effectRef>
          <a:fontRef idx="minor">
            <a:schemeClr val="tx1"/>
          </a:fontRef>
        </p:style>
      </p:cxnSp>
      <p:cxnSp>
        <p:nvCxnSpPr>
          <p:cNvPr id="19" name="Straight Connector 11">
            <a:extLst>
              <a:ext uri="{FF2B5EF4-FFF2-40B4-BE49-F238E27FC236}">
                <a16:creationId xmlns:a16="http://schemas.microsoft.com/office/drawing/2014/main" id="{99AAC90F-AF7E-0C20-2EDA-3AA13AD32354}"/>
              </a:ext>
              <a:ext uri="{C183D7F6-B498-43B3-948B-1728B52AA6E4}">
                <adec:decorative xmlns:adec="http://schemas.microsoft.com/office/drawing/2017/decorative" val="1"/>
              </a:ext>
            </a:extLst>
          </p:cNvPr>
          <p:cNvCxnSpPr>
            <a:cxnSpLocks/>
          </p:cNvCxnSpPr>
          <p:nvPr/>
        </p:nvCxnSpPr>
        <p:spPr>
          <a:xfrm>
            <a:off x="7426829" y="5453580"/>
            <a:ext cx="1904545" cy="0"/>
          </a:xfrm>
          <a:prstGeom prst="line">
            <a:avLst/>
          </a:prstGeom>
          <a:ln w="12700" cap="rnd">
            <a:solidFill>
              <a:schemeClr val="accent3">
                <a:lumMod val="60000"/>
                <a:lumOff val="40000"/>
              </a:schemeClr>
            </a:solidFill>
            <a:round/>
          </a:ln>
        </p:spPr>
        <p:style>
          <a:lnRef idx="1">
            <a:schemeClr val="accent1"/>
          </a:lnRef>
          <a:fillRef idx="0">
            <a:schemeClr val="accent1"/>
          </a:fillRef>
          <a:effectRef idx="0">
            <a:schemeClr val="accent1"/>
          </a:effectRef>
          <a:fontRef idx="minor">
            <a:schemeClr val="tx1"/>
          </a:fontRef>
        </p:style>
      </p:cxnSp>
      <p:sp>
        <p:nvSpPr>
          <p:cNvPr id="20" name="TextBox 12">
            <a:extLst>
              <a:ext uri="{FF2B5EF4-FFF2-40B4-BE49-F238E27FC236}">
                <a16:creationId xmlns:a16="http://schemas.microsoft.com/office/drawing/2014/main" id="{84E02C7F-AA0E-47A1-FF4D-555AD9DF60F3}"/>
              </a:ext>
            </a:extLst>
          </p:cNvPr>
          <p:cNvSpPr txBox="1"/>
          <p:nvPr/>
        </p:nvSpPr>
        <p:spPr>
          <a:xfrm>
            <a:off x="7772483" y="4931066"/>
            <a:ext cx="1209032" cy="267939"/>
          </a:xfrm>
          <a:prstGeom prst="rect">
            <a:avLst/>
          </a:prstGeom>
          <a:noFill/>
        </p:spPr>
        <p:txBody>
          <a:bodyPr vert="horz" wrap="none" lIns="91440" tIns="45720" rIns="91440" bIns="45720" rtlCol="0">
            <a:noAutofit/>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da-DK" sz="1100" b="1" i="0" u="none" strike="noStrike" kern="1200" cap="none" spc="0" normalizeH="0" baseline="0" noProof="0" dirty="0">
                <a:ln>
                  <a:noFill/>
                </a:ln>
                <a:solidFill>
                  <a:schemeClr val="bg1"/>
                </a:solidFill>
                <a:effectLst/>
                <a:uLnTx/>
                <a:uFillTx/>
                <a:latin typeface="+mj-lt"/>
                <a:ea typeface="+mn-ea"/>
                <a:cs typeface="+mn-cs"/>
              </a:rPr>
              <a:t>Fine-</a:t>
            </a:r>
            <a:r>
              <a:rPr kumimoji="0" lang="da-DK" sz="1100" b="1" i="0" u="none" strike="noStrike" kern="1200" cap="none" spc="0" normalizeH="0" baseline="0" noProof="0" dirty="0" err="1">
                <a:ln>
                  <a:noFill/>
                </a:ln>
                <a:solidFill>
                  <a:schemeClr val="bg1"/>
                </a:solidFill>
                <a:effectLst/>
                <a:uLnTx/>
                <a:uFillTx/>
                <a:latin typeface="+mj-lt"/>
                <a:ea typeface="+mn-ea"/>
                <a:cs typeface="+mn-cs"/>
              </a:rPr>
              <a:t>tuned</a:t>
            </a:r>
            <a:r>
              <a:rPr kumimoji="0" lang="da-DK" sz="1100" b="1" i="0" u="none" strike="noStrike" kern="1200" cap="none" spc="0" normalizeH="0" baseline="0" noProof="0" dirty="0">
                <a:ln>
                  <a:noFill/>
                </a:ln>
                <a:solidFill>
                  <a:schemeClr val="bg1"/>
                </a:solidFill>
                <a:effectLst/>
                <a:uLnTx/>
                <a:uFillTx/>
                <a:latin typeface="+mj-lt"/>
                <a:ea typeface="+mn-ea"/>
                <a:cs typeface="+mn-cs"/>
              </a:rPr>
              <a:t> model</a:t>
            </a:r>
          </a:p>
        </p:txBody>
      </p:sp>
      <p:sp>
        <p:nvSpPr>
          <p:cNvPr id="64" name="Rectangle: Rounded Corners 63">
            <a:extLst>
              <a:ext uri="{FF2B5EF4-FFF2-40B4-BE49-F238E27FC236}">
                <a16:creationId xmlns:a16="http://schemas.microsoft.com/office/drawing/2014/main" id="{D7A21076-F5D7-B1AE-FD57-607428CAD589}"/>
              </a:ext>
              <a:ext uri="{C183D7F6-B498-43B3-948B-1728B52AA6E4}">
                <adec:decorative xmlns:adec="http://schemas.microsoft.com/office/drawing/2017/decorative" val="0"/>
              </a:ext>
            </a:extLst>
          </p:cNvPr>
          <p:cNvSpPr/>
          <p:nvPr/>
        </p:nvSpPr>
        <p:spPr>
          <a:xfrm>
            <a:off x="9789207" y="4528077"/>
            <a:ext cx="2038571" cy="340890"/>
          </a:xfrm>
          <a:prstGeom prst="roundRect">
            <a:avLst>
              <a:gd name="adj" fmla="val 7530"/>
            </a:avLst>
          </a:prstGeom>
          <a:solidFill>
            <a:schemeClr val="bg1"/>
          </a:solidFill>
          <a:ln>
            <a:solidFill>
              <a:srgbClr val="2C8027"/>
            </a:solidFill>
          </a:ln>
        </p:spPr>
        <p:style>
          <a:lnRef idx="2">
            <a:schemeClr val="accent1">
              <a:shade val="50000"/>
            </a:schemeClr>
          </a:lnRef>
          <a:fillRef idx="1">
            <a:schemeClr val="accent1"/>
          </a:fillRef>
          <a:effectRef idx="0">
            <a:schemeClr val="accent1"/>
          </a:effectRef>
          <a:fontRef idx="minor">
            <a:schemeClr val="lt1"/>
          </a:fontRef>
        </p:style>
        <p:txBody>
          <a:bodyPr rIns="0" rtlCol="0" anchor="t"/>
          <a:lstStyle/>
          <a:p>
            <a:r>
              <a:rPr lang="da-DK" sz="800" noProof="0" dirty="0">
                <a:solidFill>
                  <a:srgbClr val="36465A"/>
                </a:solidFill>
              </a:rPr>
              <a:t>Fine-</a:t>
            </a:r>
            <a:r>
              <a:rPr lang="da-DK" sz="800" noProof="0" dirty="0" err="1">
                <a:solidFill>
                  <a:srgbClr val="36465A"/>
                </a:solidFill>
              </a:rPr>
              <a:t>tuned</a:t>
            </a:r>
            <a:r>
              <a:rPr lang="da-DK" sz="800" noProof="0" dirty="0">
                <a:solidFill>
                  <a:srgbClr val="36465A"/>
                </a:solidFill>
              </a:rPr>
              <a:t> til at udføre specifikke opgaver: </a:t>
            </a:r>
            <a:r>
              <a:rPr lang="da-DK" sz="800" noProof="0" dirty="0" err="1">
                <a:solidFill>
                  <a:srgbClr val="36465A"/>
                </a:solidFill>
              </a:rPr>
              <a:t>summarisation</a:t>
            </a:r>
            <a:r>
              <a:rPr lang="da-DK" sz="800" noProof="0" dirty="0">
                <a:solidFill>
                  <a:srgbClr val="36465A"/>
                </a:solidFill>
              </a:rPr>
              <a:t>, </a:t>
            </a:r>
            <a:r>
              <a:rPr lang="da-DK" sz="800" noProof="0" dirty="0" err="1">
                <a:solidFill>
                  <a:srgbClr val="36465A"/>
                </a:solidFill>
              </a:rPr>
              <a:t>simplification</a:t>
            </a:r>
            <a:r>
              <a:rPr lang="da-DK" sz="800" noProof="0" dirty="0">
                <a:solidFill>
                  <a:srgbClr val="36465A"/>
                </a:solidFill>
              </a:rPr>
              <a:t> og RAG</a:t>
            </a:r>
          </a:p>
        </p:txBody>
      </p:sp>
      <p:sp>
        <p:nvSpPr>
          <p:cNvPr id="21" name="TextBox 13">
            <a:extLst>
              <a:ext uri="{FF2B5EF4-FFF2-40B4-BE49-F238E27FC236}">
                <a16:creationId xmlns:a16="http://schemas.microsoft.com/office/drawing/2014/main" id="{E51EB040-B6E1-0BFE-0CFC-A5768D06AE62}"/>
              </a:ext>
            </a:extLst>
          </p:cNvPr>
          <p:cNvSpPr txBox="1"/>
          <p:nvPr/>
        </p:nvSpPr>
        <p:spPr>
          <a:xfrm>
            <a:off x="7772483" y="5199253"/>
            <a:ext cx="1209032" cy="267939"/>
          </a:xfrm>
          <a:prstGeom prst="rect">
            <a:avLst/>
          </a:prstGeom>
          <a:noFill/>
        </p:spPr>
        <p:txBody>
          <a:bodyPr vert="horz" wrap="none" lIns="91440" tIns="45720" rIns="91440" bIns="45720" rtlCol="0">
            <a:noAutofit/>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da-DK" sz="1100" b="0" i="0" u="none" strike="noStrike" kern="1200" cap="none" spc="0" normalizeH="0" baseline="0" noProof="0" dirty="0" err="1">
                <a:ln>
                  <a:noFill/>
                </a:ln>
                <a:effectLst/>
                <a:uLnTx/>
                <a:uFillTx/>
                <a:latin typeface="+mj-lt"/>
                <a:ea typeface="+mn-ea"/>
                <a:cs typeface="+mn-cs"/>
              </a:rPr>
              <a:t>Pre-trained</a:t>
            </a:r>
            <a:r>
              <a:rPr kumimoji="0" lang="da-DK" sz="1100" b="0" i="0" u="none" strike="noStrike" kern="1200" cap="none" spc="0" normalizeH="0" baseline="0" noProof="0" dirty="0">
                <a:ln>
                  <a:noFill/>
                </a:ln>
                <a:effectLst/>
                <a:uLnTx/>
                <a:uFillTx/>
                <a:latin typeface="+mj-lt"/>
                <a:ea typeface="+mn-ea"/>
                <a:cs typeface="+mn-cs"/>
              </a:rPr>
              <a:t> model</a:t>
            </a:r>
          </a:p>
        </p:txBody>
      </p:sp>
      <p:sp>
        <p:nvSpPr>
          <p:cNvPr id="67" name="Rectangle: Rounded Corners 66">
            <a:extLst>
              <a:ext uri="{FF2B5EF4-FFF2-40B4-BE49-F238E27FC236}">
                <a16:creationId xmlns:a16="http://schemas.microsoft.com/office/drawing/2014/main" id="{79CBA4F7-252E-CB17-BAC0-901CB19F7C44}"/>
              </a:ext>
              <a:ext uri="{C183D7F6-B498-43B3-948B-1728B52AA6E4}">
                <adec:decorative xmlns:adec="http://schemas.microsoft.com/office/drawing/2017/decorative" val="0"/>
              </a:ext>
            </a:extLst>
          </p:cNvPr>
          <p:cNvSpPr/>
          <p:nvPr/>
        </p:nvSpPr>
        <p:spPr>
          <a:xfrm>
            <a:off x="9789207" y="4960789"/>
            <a:ext cx="2038571" cy="340890"/>
          </a:xfrm>
          <a:prstGeom prst="roundRect">
            <a:avLst>
              <a:gd name="adj" fmla="val 7530"/>
            </a:avLst>
          </a:prstGeom>
          <a:solidFill>
            <a:schemeClr val="bg1"/>
          </a:solidFill>
          <a:ln>
            <a:solidFill>
              <a:srgbClr val="2C8027"/>
            </a:solidFill>
          </a:ln>
        </p:spPr>
        <p:style>
          <a:lnRef idx="2">
            <a:schemeClr val="accent1">
              <a:shade val="50000"/>
            </a:schemeClr>
          </a:lnRef>
          <a:fillRef idx="1">
            <a:schemeClr val="accent1"/>
          </a:fillRef>
          <a:effectRef idx="0">
            <a:schemeClr val="accent1"/>
          </a:effectRef>
          <a:fontRef idx="minor">
            <a:schemeClr val="lt1"/>
          </a:fontRef>
        </p:style>
        <p:txBody>
          <a:bodyPr rIns="0" rtlCol="0" anchor="t"/>
          <a:lstStyle/>
          <a:p>
            <a:r>
              <a:rPr lang="da-DK" sz="800" noProof="0" dirty="0">
                <a:solidFill>
                  <a:srgbClr val="36465A"/>
                </a:solidFill>
              </a:rPr>
              <a:t>Skal, som minimum, præstere på niveau med LLaMA2 7B eller GPT-3 175B</a:t>
            </a:r>
            <a:endParaRPr lang="da-DK" sz="800" noProof="0">
              <a:solidFill>
                <a:srgbClr val="36465A"/>
              </a:solidFill>
            </a:endParaRPr>
          </a:p>
        </p:txBody>
      </p:sp>
      <p:sp>
        <p:nvSpPr>
          <p:cNvPr id="22" name="TextBox 14">
            <a:extLst>
              <a:ext uri="{FF2B5EF4-FFF2-40B4-BE49-F238E27FC236}">
                <a16:creationId xmlns:a16="http://schemas.microsoft.com/office/drawing/2014/main" id="{11BFADAB-15F4-6057-AE66-106BD3FA7E4E}"/>
              </a:ext>
            </a:extLst>
          </p:cNvPr>
          <p:cNvSpPr txBox="1"/>
          <p:nvPr/>
        </p:nvSpPr>
        <p:spPr>
          <a:xfrm>
            <a:off x="7772483" y="5443919"/>
            <a:ext cx="1209032" cy="267939"/>
          </a:xfrm>
          <a:prstGeom prst="rect">
            <a:avLst/>
          </a:prstGeom>
          <a:noFill/>
        </p:spPr>
        <p:txBody>
          <a:bodyPr vert="horz" wrap="none" lIns="91440" tIns="45720" rIns="91440" bIns="45720" rtlCol="0">
            <a:noAutofit/>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da-DK" sz="1100" b="0" i="0" u="none" strike="noStrike" kern="1200" cap="none" spc="0" normalizeH="0" baseline="0" noProof="0" dirty="0" err="1">
                <a:ln>
                  <a:noFill/>
                </a:ln>
                <a:effectLst/>
                <a:uLnTx/>
                <a:uFillTx/>
                <a:latin typeface="+mj-lt"/>
                <a:ea typeface="+mn-ea"/>
                <a:cs typeface="+mn-cs"/>
              </a:rPr>
              <a:t>Infrastructure</a:t>
            </a:r>
            <a:endParaRPr kumimoji="0" lang="da-DK" sz="1100" b="0" i="0" u="none" strike="noStrike" kern="1200" cap="none" spc="0" normalizeH="0" baseline="0" noProof="0" dirty="0">
              <a:ln>
                <a:noFill/>
              </a:ln>
              <a:effectLst/>
              <a:uLnTx/>
              <a:uFillTx/>
              <a:latin typeface="+mj-lt"/>
              <a:ea typeface="+mn-ea"/>
              <a:cs typeface="+mn-cs"/>
            </a:endParaRPr>
          </a:p>
        </p:txBody>
      </p:sp>
      <p:sp>
        <p:nvSpPr>
          <p:cNvPr id="68" name="Rectangle: Rounded Corners 67">
            <a:extLst>
              <a:ext uri="{FF2B5EF4-FFF2-40B4-BE49-F238E27FC236}">
                <a16:creationId xmlns:a16="http://schemas.microsoft.com/office/drawing/2014/main" id="{3B98B648-E4C8-FE41-7A17-80AB4545AEDE}"/>
              </a:ext>
              <a:ext uri="{C183D7F6-B498-43B3-948B-1728B52AA6E4}">
                <adec:decorative xmlns:adec="http://schemas.microsoft.com/office/drawing/2017/decorative" val="0"/>
              </a:ext>
            </a:extLst>
          </p:cNvPr>
          <p:cNvSpPr/>
          <p:nvPr/>
        </p:nvSpPr>
        <p:spPr>
          <a:xfrm>
            <a:off x="9792348" y="5393501"/>
            <a:ext cx="2038571" cy="340890"/>
          </a:xfrm>
          <a:prstGeom prst="roundRect">
            <a:avLst>
              <a:gd name="adj" fmla="val 7530"/>
            </a:avLst>
          </a:prstGeom>
          <a:solidFill>
            <a:schemeClr val="bg1"/>
          </a:solidFill>
          <a:ln>
            <a:solidFill>
              <a:srgbClr val="2C8027"/>
            </a:solidFill>
          </a:ln>
        </p:spPr>
        <p:style>
          <a:lnRef idx="2">
            <a:schemeClr val="accent1">
              <a:shade val="50000"/>
            </a:schemeClr>
          </a:lnRef>
          <a:fillRef idx="1">
            <a:schemeClr val="accent1"/>
          </a:fillRef>
          <a:effectRef idx="0">
            <a:schemeClr val="accent1"/>
          </a:effectRef>
          <a:fontRef idx="minor">
            <a:schemeClr val="lt1"/>
          </a:fontRef>
        </p:style>
        <p:txBody>
          <a:bodyPr rIns="0" rtlCol="0" anchor="t"/>
          <a:lstStyle/>
          <a:p>
            <a:r>
              <a:rPr lang="da-DK" sz="800" noProof="0">
                <a:solidFill>
                  <a:srgbClr val="36465A"/>
                </a:solidFill>
              </a:rPr>
              <a:t>National supercomputer </a:t>
            </a:r>
            <a:r>
              <a:rPr lang="da-DK" sz="800" noProof="0" dirty="0" err="1">
                <a:solidFill>
                  <a:srgbClr val="36465A"/>
                </a:solidFill>
              </a:rPr>
              <a:t>Snellius</a:t>
            </a:r>
            <a:r>
              <a:rPr lang="da-DK" sz="800" noProof="0">
                <a:solidFill>
                  <a:srgbClr val="36465A"/>
                </a:solidFill>
              </a:rPr>
              <a:t> fra SURF</a:t>
            </a:r>
          </a:p>
        </p:txBody>
      </p:sp>
      <p:cxnSp>
        <p:nvCxnSpPr>
          <p:cNvPr id="23" name="Straight Connector 26">
            <a:extLst>
              <a:ext uri="{FF2B5EF4-FFF2-40B4-BE49-F238E27FC236}">
                <a16:creationId xmlns:a16="http://schemas.microsoft.com/office/drawing/2014/main" id="{C9117384-FA4A-48EC-D856-8C59019B496F}"/>
              </a:ext>
              <a:ext uri="{C183D7F6-B498-43B3-948B-1728B52AA6E4}">
                <adec:decorative xmlns:adec="http://schemas.microsoft.com/office/drawing/2017/decorative" val="1"/>
              </a:ext>
            </a:extLst>
          </p:cNvPr>
          <p:cNvCxnSpPr>
            <a:cxnSpLocks/>
          </p:cNvCxnSpPr>
          <p:nvPr/>
        </p:nvCxnSpPr>
        <p:spPr>
          <a:xfrm>
            <a:off x="7426829" y="5705321"/>
            <a:ext cx="1904545" cy="0"/>
          </a:xfrm>
          <a:prstGeom prst="line">
            <a:avLst/>
          </a:prstGeom>
          <a:ln w="12700" cap="rnd">
            <a:solidFill>
              <a:schemeClr val="accent3">
                <a:lumMod val="60000"/>
                <a:lumOff val="40000"/>
              </a:schemeClr>
            </a:solidFill>
            <a:round/>
          </a:ln>
        </p:spPr>
        <p:style>
          <a:lnRef idx="1">
            <a:schemeClr val="accent1"/>
          </a:lnRef>
          <a:fillRef idx="0">
            <a:schemeClr val="accent1"/>
          </a:fillRef>
          <a:effectRef idx="0">
            <a:schemeClr val="accent1"/>
          </a:effectRef>
          <a:fontRef idx="minor">
            <a:schemeClr val="tx1"/>
          </a:fontRef>
        </p:style>
      </p:cxnSp>
      <p:sp>
        <p:nvSpPr>
          <p:cNvPr id="26" name="TextBox 27">
            <a:extLst>
              <a:ext uri="{FF2B5EF4-FFF2-40B4-BE49-F238E27FC236}">
                <a16:creationId xmlns:a16="http://schemas.microsoft.com/office/drawing/2014/main" id="{557706B3-DA27-2A68-E5A8-5A3DFD74B4E1}"/>
              </a:ext>
            </a:extLst>
          </p:cNvPr>
          <p:cNvSpPr txBox="1"/>
          <p:nvPr/>
        </p:nvSpPr>
        <p:spPr>
          <a:xfrm>
            <a:off x="7772483" y="5738369"/>
            <a:ext cx="1209032" cy="267939"/>
          </a:xfrm>
          <a:prstGeom prst="rect">
            <a:avLst/>
          </a:prstGeom>
          <a:noFill/>
        </p:spPr>
        <p:txBody>
          <a:bodyPr vert="horz" wrap="none" lIns="91440" tIns="45720" rIns="91440" bIns="45720" rtlCol="0">
            <a:normAutofit/>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da-DK" sz="1100" b="0" i="0" u="none" strike="noStrike" kern="1200" cap="none" spc="0" normalizeH="0" baseline="0" noProof="0" dirty="0">
                <a:ln>
                  <a:noFill/>
                </a:ln>
                <a:effectLst/>
                <a:uLnTx/>
                <a:uFillTx/>
                <a:latin typeface="+mj-lt"/>
                <a:ea typeface="+mn-ea"/>
                <a:cs typeface="+mn-cs"/>
              </a:rPr>
              <a:t>Data</a:t>
            </a:r>
          </a:p>
        </p:txBody>
      </p:sp>
      <p:cxnSp>
        <p:nvCxnSpPr>
          <p:cNvPr id="70" name="Rechte verbindingslijn 34">
            <a:extLst>
              <a:ext uri="{FF2B5EF4-FFF2-40B4-BE49-F238E27FC236}">
                <a16:creationId xmlns:a16="http://schemas.microsoft.com/office/drawing/2014/main" id="{E3CBCA7E-E1C7-3718-0909-DAF1D8857225}"/>
              </a:ext>
              <a:ext uri="{C183D7F6-B498-43B3-948B-1728B52AA6E4}">
                <adec:decorative xmlns:adec="http://schemas.microsoft.com/office/drawing/2017/decorative" val="1"/>
              </a:ext>
            </a:extLst>
          </p:cNvPr>
          <p:cNvCxnSpPr>
            <a:cxnSpLocks/>
            <a:endCxn id="64" idx="1"/>
          </p:cNvCxnSpPr>
          <p:nvPr/>
        </p:nvCxnSpPr>
        <p:spPr>
          <a:xfrm flipV="1">
            <a:off x="9366585" y="4698522"/>
            <a:ext cx="422622" cy="340555"/>
          </a:xfrm>
          <a:prstGeom prst="line">
            <a:avLst/>
          </a:prstGeom>
          <a:ln w="12700" cap="rnd">
            <a:solidFill>
              <a:schemeClr val="accent1"/>
            </a:solidFill>
            <a:round/>
          </a:ln>
        </p:spPr>
        <p:style>
          <a:lnRef idx="1">
            <a:schemeClr val="accent1"/>
          </a:lnRef>
          <a:fillRef idx="0">
            <a:schemeClr val="accent1"/>
          </a:fillRef>
          <a:effectRef idx="0">
            <a:schemeClr val="accent1"/>
          </a:effectRef>
          <a:fontRef idx="minor">
            <a:schemeClr val="tx1"/>
          </a:fontRef>
        </p:style>
      </p:cxnSp>
      <p:sp>
        <p:nvSpPr>
          <p:cNvPr id="69" name="Rectangle: Rounded Corners 68">
            <a:extLst>
              <a:ext uri="{FF2B5EF4-FFF2-40B4-BE49-F238E27FC236}">
                <a16:creationId xmlns:a16="http://schemas.microsoft.com/office/drawing/2014/main" id="{5F49354E-8598-8312-9044-BC620EA3A7E5}"/>
              </a:ext>
              <a:ext uri="{C183D7F6-B498-43B3-948B-1728B52AA6E4}">
                <adec:decorative xmlns:adec="http://schemas.microsoft.com/office/drawing/2017/decorative" val="0"/>
              </a:ext>
            </a:extLst>
          </p:cNvPr>
          <p:cNvSpPr/>
          <p:nvPr/>
        </p:nvSpPr>
        <p:spPr>
          <a:xfrm>
            <a:off x="9798142" y="5826213"/>
            <a:ext cx="2038571" cy="340890"/>
          </a:xfrm>
          <a:prstGeom prst="roundRect">
            <a:avLst>
              <a:gd name="adj" fmla="val 7530"/>
            </a:avLst>
          </a:prstGeom>
          <a:solidFill>
            <a:schemeClr val="bg1"/>
          </a:solidFill>
          <a:ln>
            <a:solidFill>
              <a:srgbClr val="2C8027"/>
            </a:solidFill>
          </a:ln>
        </p:spPr>
        <p:style>
          <a:lnRef idx="2">
            <a:schemeClr val="accent1">
              <a:shade val="50000"/>
            </a:schemeClr>
          </a:lnRef>
          <a:fillRef idx="1">
            <a:schemeClr val="accent1"/>
          </a:fillRef>
          <a:effectRef idx="0">
            <a:schemeClr val="accent1"/>
          </a:effectRef>
          <a:fontRef idx="minor">
            <a:schemeClr val="lt1"/>
          </a:fontRef>
        </p:style>
        <p:txBody>
          <a:bodyPr rIns="0" rtlCol="0" anchor="t"/>
          <a:lstStyle/>
          <a:p>
            <a:r>
              <a:rPr lang="da-DK" sz="800" noProof="0" dirty="0" err="1">
                <a:solidFill>
                  <a:srgbClr val="36465A"/>
                </a:solidFill>
              </a:rPr>
              <a:t>Pre-training</a:t>
            </a:r>
            <a:r>
              <a:rPr lang="da-DK" sz="800" noProof="0">
                <a:solidFill>
                  <a:srgbClr val="36465A"/>
                </a:solidFill>
              </a:rPr>
              <a:t> på &gt;1T </a:t>
            </a:r>
            <a:r>
              <a:rPr lang="da-DK" sz="800" noProof="0" dirty="0" err="1">
                <a:solidFill>
                  <a:srgbClr val="36465A"/>
                </a:solidFill>
              </a:rPr>
              <a:t>tokens</a:t>
            </a:r>
            <a:r>
              <a:rPr lang="da-DK" sz="800" noProof="0">
                <a:solidFill>
                  <a:srgbClr val="36465A"/>
                </a:solidFill>
              </a:rPr>
              <a:t> af lovligt indsamlet data </a:t>
            </a:r>
          </a:p>
        </p:txBody>
      </p:sp>
      <p:cxnSp>
        <p:nvCxnSpPr>
          <p:cNvPr id="78" name="Rechte verbindingslijn 34">
            <a:extLst>
              <a:ext uri="{FF2B5EF4-FFF2-40B4-BE49-F238E27FC236}">
                <a16:creationId xmlns:a16="http://schemas.microsoft.com/office/drawing/2014/main" id="{CA4B45B8-CC2A-D0D1-AB28-C5990555AE7B}"/>
              </a:ext>
              <a:ext uri="{C183D7F6-B498-43B3-948B-1728B52AA6E4}">
                <adec:decorative xmlns:adec="http://schemas.microsoft.com/office/drawing/2017/decorative" val="1"/>
              </a:ext>
            </a:extLst>
          </p:cNvPr>
          <p:cNvCxnSpPr>
            <a:cxnSpLocks/>
          </p:cNvCxnSpPr>
          <p:nvPr/>
        </p:nvCxnSpPr>
        <p:spPr>
          <a:xfrm flipV="1">
            <a:off x="9363444" y="5111398"/>
            <a:ext cx="425763" cy="216189"/>
          </a:xfrm>
          <a:prstGeom prst="line">
            <a:avLst/>
          </a:prstGeom>
          <a:ln w="12700" cap="rnd">
            <a:solidFill>
              <a:schemeClr val="accent1"/>
            </a:solidFill>
            <a:round/>
          </a:ln>
        </p:spPr>
        <p:style>
          <a:lnRef idx="1">
            <a:schemeClr val="accent1"/>
          </a:lnRef>
          <a:fillRef idx="0">
            <a:schemeClr val="accent1"/>
          </a:fillRef>
          <a:effectRef idx="0">
            <a:schemeClr val="accent1"/>
          </a:effectRef>
          <a:fontRef idx="minor">
            <a:schemeClr val="tx1"/>
          </a:fontRef>
        </p:style>
      </p:cxnSp>
      <p:cxnSp>
        <p:nvCxnSpPr>
          <p:cNvPr id="80" name="Rechte verbindingslijn 34">
            <a:extLst>
              <a:ext uri="{FF2B5EF4-FFF2-40B4-BE49-F238E27FC236}">
                <a16:creationId xmlns:a16="http://schemas.microsoft.com/office/drawing/2014/main" id="{6D7B1481-9164-A74E-2655-846653C5A187}"/>
              </a:ext>
              <a:ext uri="{C183D7F6-B498-43B3-948B-1728B52AA6E4}">
                <adec:decorative xmlns:adec="http://schemas.microsoft.com/office/drawing/2017/decorative" val="1"/>
              </a:ext>
            </a:extLst>
          </p:cNvPr>
          <p:cNvCxnSpPr>
            <a:cxnSpLocks/>
          </p:cNvCxnSpPr>
          <p:nvPr/>
        </p:nvCxnSpPr>
        <p:spPr>
          <a:xfrm flipV="1">
            <a:off x="9360303" y="5570700"/>
            <a:ext cx="428904" cy="8540"/>
          </a:xfrm>
          <a:prstGeom prst="line">
            <a:avLst/>
          </a:prstGeom>
          <a:ln w="12700" cap="rnd">
            <a:solidFill>
              <a:schemeClr val="accent1"/>
            </a:solidFill>
            <a:round/>
          </a:ln>
        </p:spPr>
        <p:style>
          <a:lnRef idx="1">
            <a:schemeClr val="accent1"/>
          </a:lnRef>
          <a:fillRef idx="0">
            <a:schemeClr val="accent1"/>
          </a:fillRef>
          <a:effectRef idx="0">
            <a:schemeClr val="accent1"/>
          </a:effectRef>
          <a:fontRef idx="minor">
            <a:schemeClr val="tx1"/>
          </a:fontRef>
        </p:style>
      </p:cxnSp>
      <p:cxnSp>
        <p:nvCxnSpPr>
          <p:cNvPr id="129" name="Rechte verbindingslijn 34">
            <a:extLst>
              <a:ext uri="{FF2B5EF4-FFF2-40B4-BE49-F238E27FC236}">
                <a16:creationId xmlns:a16="http://schemas.microsoft.com/office/drawing/2014/main" id="{8F3ACD10-9F8C-FA01-C5B8-D38B5E95AFAE}"/>
              </a:ext>
              <a:ext uri="{C183D7F6-B498-43B3-948B-1728B52AA6E4}">
                <adec:decorative xmlns:adec="http://schemas.microsoft.com/office/drawing/2017/decorative" val="1"/>
              </a:ext>
            </a:extLst>
          </p:cNvPr>
          <p:cNvCxnSpPr>
            <a:cxnSpLocks/>
          </p:cNvCxnSpPr>
          <p:nvPr/>
        </p:nvCxnSpPr>
        <p:spPr>
          <a:xfrm>
            <a:off x="9360303" y="5848261"/>
            <a:ext cx="428904" cy="148397"/>
          </a:xfrm>
          <a:prstGeom prst="line">
            <a:avLst/>
          </a:prstGeom>
          <a:ln w="12700" cap="rnd">
            <a:solidFill>
              <a:schemeClr val="accent1"/>
            </a:solidFill>
            <a:roun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10449997"/>
      </p:ext>
    </p:extLst>
  </p:cSld>
  <p:clrMapOvr>
    <a:masterClrMapping/>
  </p:clrMapOvr>
  <p:transition>
    <p:fade/>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091A4A-20C8-A34E-02FB-75E77D5D2AC0}"/>
            </a:ext>
          </a:extLst>
        </p:cNvPr>
        <p:cNvGrpSpPr/>
        <p:nvPr/>
      </p:nvGrpSpPr>
      <p:grpSpPr>
        <a:xfrm>
          <a:off x="0" y="0"/>
          <a:ext cx="0" cy="0"/>
          <a:chOff x="0" y="0"/>
          <a:chExt cx="0" cy="0"/>
        </a:xfrm>
      </p:grpSpPr>
      <p:sp>
        <p:nvSpPr>
          <p:cNvPr id="25" name="Rectangle: Rounded Corners 24">
            <a:extLst>
              <a:ext uri="{FF2B5EF4-FFF2-40B4-BE49-F238E27FC236}">
                <a16:creationId xmlns:a16="http://schemas.microsoft.com/office/drawing/2014/main" id="{C9027066-CC91-F646-9930-F4DB111A4CEB}"/>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5 | </a:t>
            </a:r>
            <a:r>
              <a:rPr lang="da-DK" sz="1600" b="1" noProof="0" dirty="0">
                <a:solidFill>
                  <a:srgbClr val="36465A"/>
                </a:solidFill>
                <a:sym typeface="Wingdings" panose="05000000000000000000" pitchFamily="2" charset="2"/>
              </a:rPr>
              <a:t>National og suveræn AI-</a:t>
            </a:r>
            <a:r>
              <a:rPr lang="da-DK" sz="1600" b="1" noProof="0" dirty="0" err="1">
                <a:solidFill>
                  <a:srgbClr val="36465A"/>
                </a:solidFill>
                <a:sym typeface="Wingdings" panose="05000000000000000000" pitchFamily="2" charset="2"/>
              </a:rPr>
              <a:t>chatbot</a:t>
            </a:r>
            <a:r>
              <a:rPr lang="da-DK" sz="1600" b="1" noProof="0" dirty="0">
                <a:solidFill>
                  <a:srgbClr val="36465A"/>
                </a:solidFill>
                <a:sym typeface="Wingdings" panose="05000000000000000000" pitchFamily="2" charset="2"/>
              </a:rPr>
              <a:t> i Holland</a:t>
            </a:r>
            <a:endParaRPr lang="da-DK" sz="1600" b="1" noProof="0" dirty="0">
              <a:solidFill>
                <a:srgbClr val="36465A"/>
              </a:solidFill>
            </a:endParaRPr>
          </a:p>
        </p:txBody>
      </p:sp>
      <p:pic>
        <p:nvPicPr>
          <p:cNvPr id="115" name="Picture 2">
            <a:extLst>
              <a:ext uri="{FF2B5EF4-FFF2-40B4-BE49-F238E27FC236}">
                <a16:creationId xmlns:a16="http://schemas.microsoft.com/office/drawing/2014/main" id="{876793F3-A686-F350-84D3-0FC9BBBCC40F}"/>
              </a:ext>
              <a:ext uri="{C183D7F6-B498-43B3-948B-1728B52AA6E4}">
                <adec:decorative xmlns:adec="http://schemas.microsoft.com/office/drawing/2017/decorative" val="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181693" y="203234"/>
            <a:ext cx="1840770" cy="1092957"/>
          </a:xfrm>
          <a:prstGeom prst="rect">
            <a:avLst/>
          </a:prstGeom>
          <a:noFill/>
          <a:extLst>
            <a:ext uri="{909E8E84-426E-40DD-AFC4-6F175D3DCCD1}">
              <a14:hiddenFill xmlns:a14="http://schemas.microsoft.com/office/drawing/2010/main">
                <a:solidFill>
                  <a:srgbClr val="FFFFFF"/>
                </a:solidFill>
              </a14:hiddenFill>
            </a:ext>
          </a:extLst>
        </p:spPr>
      </p:pic>
      <p:sp>
        <p:nvSpPr>
          <p:cNvPr id="52" name="Rectangle: Rounded Corners 51">
            <a:extLst>
              <a:ext uri="{FF2B5EF4-FFF2-40B4-BE49-F238E27FC236}">
                <a16:creationId xmlns:a16="http://schemas.microsoft.com/office/drawing/2014/main" id="{E3F4ED8F-2195-1626-B18A-46502C93A4ED}"/>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 name="Title 1">
            <a:extLst>
              <a:ext uri="{FF2B5EF4-FFF2-40B4-BE49-F238E27FC236}">
                <a16:creationId xmlns:a16="http://schemas.microsoft.com/office/drawing/2014/main" id="{43F55272-9439-4746-C61E-ECA2553FAE0A}"/>
              </a:ext>
            </a:extLst>
          </p:cNvPr>
          <p:cNvSpPr>
            <a:spLocks noGrp="1"/>
          </p:cNvSpPr>
          <p:nvPr>
            <p:ph type="title"/>
          </p:nvPr>
        </p:nvSpPr>
        <p:spPr/>
        <p:txBody>
          <a:bodyPr/>
          <a:lstStyle/>
          <a:p>
            <a:r>
              <a:rPr lang="da-DK" sz="2200" noProof="0" dirty="0"/>
              <a:t>Side 3/3 | </a:t>
            </a:r>
            <a:r>
              <a:rPr lang="da-DK" sz="2200" b="1" noProof="0" dirty="0"/>
              <a:t>Teknologisk og organisatorisk transformation</a:t>
            </a:r>
            <a:endParaRPr lang="da-DK" sz="2200" noProof="0" dirty="0"/>
          </a:p>
        </p:txBody>
      </p:sp>
      <p:sp>
        <p:nvSpPr>
          <p:cNvPr id="10" name="Rectangle: Rounded Corners 9">
            <a:extLst>
              <a:ext uri="{FF2B5EF4-FFF2-40B4-BE49-F238E27FC236}">
                <a16:creationId xmlns:a16="http://schemas.microsoft.com/office/drawing/2014/main" id="{FEAB2305-AFDB-89BB-0E12-F6CCB74CB81E}"/>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Teknologisk transformation</a:t>
            </a:r>
          </a:p>
        </p:txBody>
      </p:sp>
      <p:sp>
        <p:nvSpPr>
          <p:cNvPr id="3" name="Rectangle 2">
            <a:extLst>
              <a:ext uri="{FF2B5EF4-FFF2-40B4-BE49-F238E27FC236}">
                <a16:creationId xmlns:a16="http://schemas.microsoft.com/office/drawing/2014/main" id="{4BCA37F0-E91D-C721-9F28-F74DAA7B50E7}"/>
              </a:ext>
            </a:extLst>
          </p:cNvPr>
          <p:cNvSpPr/>
          <p:nvPr/>
        </p:nvSpPr>
        <p:spPr>
          <a:xfrm>
            <a:off x="540228" y="2069024"/>
            <a:ext cx="3055310" cy="430386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rPr>
              <a:t>Teknologisk målbillede</a:t>
            </a:r>
          </a:p>
          <a:p>
            <a:r>
              <a:rPr lang="da-DK" sz="900" noProof="0" dirty="0">
                <a:solidFill>
                  <a:schemeClr val="tx1"/>
                </a:solidFill>
              </a:rPr>
              <a:t>Det teknologiske målbillede for GPT-NL er en nationalt kontrolleret AI-infrastruktur, hvor en open source-baseret sprogmodel kombineres med europæiske datasæt og </a:t>
            </a:r>
            <a:r>
              <a:rPr lang="da-DK" sz="900" noProof="0" dirty="0" err="1">
                <a:solidFill>
                  <a:schemeClr val="tx1"/>
                </a:solidFill>
              </a:rPr>
              <a:t>højtydende</a:t>
            </a:r>
            <a:r>
              <a:rPr lang="da-DK" sz="900" noProof="0" dirty="0">
                <a:solidFill>
                  <a:schemeClr val="tx1"/>
                </a:solidFill>
              </a:rPr>
              <a:t> beregningskapacitet. Projektet omfatter udviklingen af den første nationale LLM, GPT-NL, med ydeevne på niveau med internationale modeller som </a:t>
            </a:r>
            <a:r>
              <a:rPr lang="da-DK" sz="900" noProof="0" dirty="0" err="1">
                <a:solidFill>
                  <a:schemeClr val="tx1"/>
                </a:solidFill>
              </a:rPr>
              <a:t>LLaMA</a:t>
            </a:r>
            <a:r>
              <a:rPr lang="da-DK" sz="900" noProof="0" dirty="0">
                <a:solidFill>
                  <a:schemeClr val="tx1"/>
                </a:solidFill>
              </a:rPr>
              <a:t> 2 (7B) og GPT-3 (175B) opbygget på en modulær struktur med:</a:t>
            </a:r>
          </a:p>
          <a:p>
            <a:pPr marL="171450" indent="-171450">
              <a:buFont typeface="Arial" panose="020B0604020202020204" pitchFamily="34" charset="0"/>
              <a:buChar char="•"/>
            </a:pPr>
            <a:r>
              <a:rPr lang="da-DK" sz="900" b="1" noProof="0" dirty="0">
                <a:solidFill>
                  <a:schemeClr val="tx1"/>
                </a:solidFill>
              </a:rPr>
              <a:t>Træningsdata</a:t>
            </a:r>
            <a:r>
              <a:rPr lang="da-DK" sz="900" noProof="0" dirty="0">
                <a:solidFill>
                  <a:schemeClr val="tx1"/>
                </a:solidFill>
              </a:rPr>
              <a:t> (lovligt indsamlede og europæisk forankrede).</a:t>
            </a:r>
          </a:p>
          <a:p>
            <a:pPr marL="171450" indent="-171450">
              <a:buFont typeface="Arial" panose="020B0604020202020204" pitchFamily="34" charset="0"/>
              <a:buChar char="•"/>
            </a:pPr>
            <a:r>
              <a:rPr lang="da-DK" sz="900" b="1" noProof="0" dirty="0">
                <a:solidFill>
                  <a:schemeClr val="tx1"/>
                </a:solidFill>
              </a:rPr>
              <a:t>Kildekode</a:t>
            </a:r>
            <a:r>
              <a:rPr lang="da-DK" sz="900" noProof="0" dirty="0">
                <a:solidFill>
                  <a:schemeClr val="tx1"/>
                </a:solidFill>
              </a:rPr>
              <a:t> (open source for transparens).</a:t>
            </a:r>
          </a:p>
          <a:p>
            <a:pPr marL="171450" indent="-171450">
              <a:buFont typeface="Arial" panose="020B0604020202020204" pitchFamily="34" charset="0"/>
              <a:buChar char="•"/>
            </a:pPr>
            <a:r>
              <a:rPr lang="da-DK" sz="900" b="1" noProof="0" dirty="0">
                <a:solidFill>
                  <a:schemeClr val="tx1"/>
                </a:solidFill>
              </a:rPr>
              <a:t>Modelvægte</a:t>
            </a:r>
            <a:r>
              <a:rPr lang="da-DK" sz="900" noProof="0" dirty="0">
                <a:solidFill>
                  <a:schemeClr val="tx1"/>
                </a:solidFill>
              </a:rPr>
              <a:t> (tilgængelige under kontrollerede licensvilkår). </a:t>
            </a:r>
            <a:br>
              <a:rPr lang="da-DK" sz="900" noProof="0" dirty="0">
                <a:solidFill>
                  <a:schemeClr val="tx1"/>
                </a:solidFill>
              </a:rPr>
            </a:br>
            <a:endParaRPr lang="da-DK" sz="900" noProof="0" dirty="0">
              <a:solidFill>
                <a:schemeClr val="tx1"/>
              </a:solidFill>
            </a:endParaRPr>
          </a:p>
          <a:p>
            <a:r>
              <a:rPr lang="da-DK" sz="900" noProof="0" dirty="0">
                <a:solidFill>
                  <a:schemeClr val="tx1"/>
                </a:solidFill>
              </a:rPr>
              <a:t>Dette skal understøttes af et forskningsfællesskab, der styrker samarbejdet mellem akademia, industri og offentlige aktører.</a:t>
            </a:r>
          </a:p>
          <a:p>
            <a:endParaRPr lang="da-DK" sz="900" b="1" noProof="0" dirty="0">
              <a:solidFill>
                <a:schemeClr val="tx1"/>
              </a:solidFill>
            </a:endParaRPr>
          </a:p>
          <a:p>
            <a:r>
              <a:rPr lang="da-DK" sz="900" b="1" noProof="0" dirty="0">
                <a:solidFill>
                  <a:srgbClr val="36465A"/>
                </a:solidFill>
              </a:rPr>
              <a:t>Teknologisk omstilling </a:t>
            </a:r>
          </a:p>
          <a:p>
            <a:r>
              <a:rPr lang="da-DK" sz="900" noProof="0" dirty="0">
                <a:solidFill>
                  <a:schemeClr val="tx1"/>
                </a:solidFill>
              </a:rPr>
              <a:t>Omstillingen kræver en grundlæggende transformation af AI-økosystemet i Holland. Det indebærer investering i avanceret supercomputere (som </a:t>
            </a:r>
            <a:r>
              <a:rPr lang="da-DK" sz="900" noProof="0" dirty="0" err="1">
                <a:solidFill>
                  <a:schemeClr val="tx1"/>
                </a:solidFill>
              </a:rPr>
              <a:t>Snellius</a:t>
            </a:r>
            <a:r>
              <a:rPr lang="da-DK" sz="900" noProof="0" dirty="0">
                <a:solidFill>
                  <a:schemeClr val="tx1"/>
                </a:solidFill>
              </a:rPr>
              <a:t>, den hollandske supercomputer) og AI-fabrikker til at levere den nødvendige beregningskapacitet, opbygning af kompetencer til træning og vedligeholdelse af </a:t>
            </a:r>
            <a:r>
              <a:rPr lang="da-DK" sz="900" noProof="0" dirty="0" err="1">
                <a:solidFill>
                  <a:schemeClr val="tx1"/>
                </a:solidFill>
              </a:rPr>
              <a:t>LLM’ere</a:t>
            </a:r>
            <a:r>
              <a:rPr lang="da-DK" sz="900" noProof="0" dirty="0">
                <a:solidFill>
                  <a:schemeClr val="tx1"/>
                </a:solidFill>
              </a:rPr>
              <a:t> samt etablering af </a:t>
            </a:r>
            <a:r>
              <a:rPr lang="da-DK" sz="900" noProof="0" dirty="0" err="1">
                <a:solidFill>
                  <a:schemeClr val="tx1"/>
                </a:solidFill>
              </a:rPr>
              <a:t>governance</a:t>
            </a:r>
            <a:r>
              <a:rPr lang="da-DK" sz="900" noProof="0" dirty="0">
                <a:solidFill>
                  <a:schemeClr val="tx1"/>
                </a:solidFill>
              </a:rPr>
              <a:t>-modeller for ansvarlig brug. Samtidig skal der udvikles open source-rammer, der sikrer innovation uden at gå på kompromis med gennemsigtighed, etik og digital suverænitet. </a:t>
            </a:r>
          </a:p>
          <a:p>
            <a:endParaRPr lang="da-DK" sz="900" noProof="0" dirty="0">
              <a:solidFill>
                <a:schemeClr val="tx1"/>
              </a:solidFill>
              <a:sym typeface="Wingdings" panose="05000000000000000000" pitchFamily="2" charset="2"/>
            </a:endParaRPr>
          </a:p>
        </p:txBody>
      </p:sp>
      <p:sp>
        <p:nvSpPr>
          <p:cNvPr id="11" name="Rectangle: Rounded Corners 10">
            <a:extLst>
              <a:ext uri="{FF2B5EF4-FFF2-40B4-BE49-F238E27FC236}">
                <a16:creationId xmlns:a16="http://schemas.microsoft.com/office/drawing/2014/main" id="{0CEBAB55-69C3-BF44-9C9E-71DDD05B1C10}"/>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Organisatorisk transformation</a:t>
            </a:r>
          </a:p>
        </p:txBody>
      </p:sp>
      <p:sp>
        <p:nvSpPr>
          <p:cNvPr id="5" name="Rectangle 4">
            <a:extLst>
              <a:ext uri="{FF2B5EF4-FFF2-40B4-BE49-F238E27FC236}">
                <a16:creationId xmlns:a16="http://schemas.microsoft.com/office/drawing/2014/main" id="{0EFCCE92-D67A-AD01-F953-DB95E76CEFC1}"/>
              </a:ext>
            </a:extLst>
          </p:cNvPr>
          <p:cNvSpPr/>
          <p:nvPr/>
        </p:nvSpPr>
        <p:spPr>
          <a:xfrm>
            <a:off x="3550446" y="2069026"/>
            <a:ext cx="2946014" cy="448417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Ins="0"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sym typeface="Wingdings" panose="05000000000000000000" pitchFamily="2" charset="2"/>
              </a:rPr>
              <a:t>Projektorganisering </a:t>
            </a:r>
          </a:p>
          <a:p>
            <a:r>
              <a:rPr lang="da-DK" sz="900" noProof="0" dirty="0">
                <a:solidFill>
                  <a:schemeClr val="tx1"/>
                </a:solidFill>
              </a:rPr>
              <a:t>GPT-NL-projektet er organiseret som et fællesskabsdrevet konsortium, der samler centrale aktører:</a:t>
            </a:r>
          </a:p>
          <a:p>
            <a:pPr marL="171450" indent="-171450">
              <a:buFont typeface="Arial" panose="020B0604020202020204" pitchFamily="34" charset="0"/>
              <a:buChar char="•"/>
            </a:pPr>
            <a:r>
              <a:rPr lang="da-DK" sz="900" noProof="0" dirty="0">
                <a:solidFill>
                  <a:schemeClr val="tx1"/>
                </a:solidFill>
              </a:rPr>
              <a:t>Offentlige myndigheder via Økonomiministeriet, som finansierer projektet med €13,5 mio.</a:t>
            </a:r>
          </a:p>
          <a:p>
            <a:pPr marL="171450" indent="-171450">
              <a:buFont typeface="Arial" panose="020B0604020202020204" pitchFamily="34" charset="0"/>
              <a:buChar char="•"/>
            </a:pPr>
            <a:r>
              <a:rPr lang="da-DK" sz="900" noProof="0" dirty="0">
                <a:solidFill>
                  <a:schemeClr val="tx1"/>
                </a:solidFill>
              </a:rPr>
              <a:t>Non-profit-organisationer som TNO, SURF og NFI, der bidrager med forskning, datahåndtering og teknisk ekspertise.</a:t>
            </a:r>
          </a:p>
          <a:p>
            <a:pPr marL="171450" indent="-171450">
              <a:buFont typeface="Arial" panose="020B0604020202020204" pitchFamily="34" charset="0"/>
              <a:buChar char="•"/>
            </a:pPr>
            <a:r>
              <a:rPr lang="da-DK" sz="900" noProof="0" dirty="0">
                <a:solidFill>
                  <a:schemeClr val="tx1"/>
                </a:solidFill>
              </a:rPr>
              <a:t>Forskningsinstitutioner og universiteter samt Dutch AI </a:t>
            </a:r>
            <a:r>
              <a:rPr lang="da-DK" sz="900" noProof="0" dirty="0" err="1">
                <a:solidFill>
                  <a:schemeClr val="tx1"/>
                </a:solidFill>
              </a:rPr>
              <a:t>Coalition</a:t>
            </a:r>
            <a:r>
              <a:rPr lang="da-DK" sz="900" noProof="0" dirty="0">
                <a:solidFill>
                  <a:schemeClr val="tx1"/>
                </a:solidFill>
              </a:rPr>
              <a:t> (AIC4NL)*, der leverer kompetencer til modeltræning og evaluering.</a:t>
            </a:r>
          </a:p>
          <a:p>
            <a:r>
              <a:rPr lang="da-DK" sz="900" noProof="0" dirty="0">
                <a:solidFill>
                  <a:schemeClr val="tx1"/>
                </a:solidFill>
              </a:rPr>
              <a:t>Denne struktur sikrer bred forankring og et tæt samarbejde mellem offentlige og private aktører.</a:t>
            </a:r>
          </a:p>
          <a:p>
            <a:endParaRPr lang="da-DK" sz="900" b="1" noProof="0" dirty="0">
              <a:solidFill>
                <a:schemeClr val="tx1"/>
              </a:solidFill>
              <a:sym typeface="Wingdings" panose="05000000000000000000" pitchFamily="2" charset="2"/>
            </a:endParaRPr>
          </a:p>
          <a:p>
            <a:r>
              <a:rPr lang="da-DK" sz="900" b="1" noProof="0" dirty="0">
                <a:solidFill>
                  <a:srgbClr val="36465A"/>
                </a:solidFill>
                <a:sym typeface="Wingdings" panose="05000000000000000000" pitchFamily="2" charset="2"/>
              </a:rPr>
              <a:t>Forandringsledelse</a:t>
            </a:r>
          </a:p>
          <a:p>
            <a:r>
              <a:rPr lang="da-DK" sz="900" noProof="0" dirty="0">
                <a:solidFill>
                  <a:schemeClr val="tx1"/>
                </a:solidFill>
                <a:sym typeface="Wingdings" panose="05000000000000000000" pitchFamily="2" charset="2"/>
              </a:rPr>
              <a:t>Målgruppen omfatter offentlige myndigheder, forskningsinstitutioner og industrien, som skal tilpasse sig en ny måde at arbejde med AI på:</a:t>
            </a:r>
          </a:p>
          <a:p>
            <a:pPr marL="171450" indent="-171450">
              <a:buFont typeface="Arial" panose="020B0604020202020204" pitchFamily="34" charset="0"/>
              <a:buChar char="•"/>
            </a:pPr>
            <a:r>
              <a:rPr lang="da-DK" sz="900" b="1" noProof="0" dirty="0">
                <a:solidFill>
                  <a:schemeClr val="tx1"/>
                </a:solidFill>
                <a:sym typeface="Wingdings" panose="05000000000000000000" pitchFamily="2" charset="2"/>
              </a:rPr>
              <a:t>Offentlige myndigheder</a:t>
            </a:r>
            <a:r>
              <a:rPr lang="da-DK" sz="900" noProof="0" dirty="0">
                <a:solidFill>
                  <a:schemeClr val="tx1"/>
                </a:solidFill>
                <a:sym typeface="Wingdings" panose="05000000000000000000" pitchFamily="2" charset="2"/>
              </a:rPr>
              <a:t> kan fx bruge GPT-NL til politiske analyser, dokumenthåndtering og borgerservice.</a:t>
            </a:r>
          </a:p>
          <a:p>
            <a:pPr marL="171450" indent="-171450">
              <a:buFont typeface="Arial" panose="020B0604020202020204" pitchFamily="34" charset="0"/>
              <a:buChar char="•"/>
            </a:pPr>
            <a:r>
              <a:rPr lang="da-DK" sz="900" b="1" noProof="0" dirty="0">
                <a:solidFill>
                  <a:schemeClr val="tx1"/>
                </a:solidFill>
                <a:sym typeface="Wingdings" panose="05000000000000000000" pitchFamily="2" charset="2"/>
              </a:rPr>
              <a:t>Forskningsinstitutioner</a:t>
            </a:r>
            <a:r>
              <a:rPr lang="da-DK" sz="900" noProof="0" dirty="0">
                <a:solidFill>
                  <a:schemeClr val="tx1"/>
                </a:solidFill>
                <a:sym typeface="Wingdings" panose="05000000000000000000" pitchFamily="2" charset="2"/>
              </a:rPr>
              <a:t> får adgang til en national model til sprogforståelse og databehandling.</a:t>
            </a:r>
          </a:p>
          <a:p>
            <a:pPr marL="171450" indent="-171450">
              <a:buFont typeface="Arial" panose="020B0604020202020204" pitchFamily="34" charset="0"/>
              <a:buChar char="•"/>
            </a:pPr>
            <a:r>
              <a:rPr lang="da-DK" sz="900" b="1" noProof="0" dirty="0">
                <a:solidFill>
                  <a:schemeClr val="tx1"/>
                </a:solidFill>
                <a:sym typeface="Wingdings" panose="05000000000000000000" pitchFamily="2" charset="2"/>
              </a:rPr>
              <a:t>Industrien </a:t>
            </a:r>
            <a:r>
              <a:rPr lang="da-DK" sz="900" noProof="0" dirty="0">
                <a:solidFill>
                  <a:schemeClr val="tx1"/>
                </a:solidFill>
                <a:sym typeface="Wingdings" panose="05000000000000000000" pitchFamily="2" charset="2"/>
              </a:rPr>
              <a:t>kan anvende GPT-NL til kundeservice, automatisering og produktinnovation.</a:t>
            </a:r>
          </a:p>
          <a:p>
            <a:r>
              <a:rPr lang="da-DK" sz="900" noProof="0" dirty="0">
                <a:solidFill>
                  <a:schemeClr val="tx1"/>
                </a:solidFill>
                <a:sym typeface="Wingdings" panose="05000000000000000000" pitchFamily="2" charset="2"/>
              </a:rPr>
              <a:t>Overgangen fra kommercielle </a:t>
            </a:r>
            <a:r>
              <a:rPr lang="da-DK" sz="900" noProof="0" dirty="0" err="1">
                <a:solidFill>
                  <a:schemeClr val="tx1"/>
                </a:solidFill>
                <a:sym typeface="Wingdings" panose="05000000000000000000" pitchFamily="2" charset="2"/>
              </a:rPr>
              <a:t>API’er</a:t>
            </a:r>
            <a:r>
              <a:rPr lang="da-DK" sz="900" noProof="0" dirty="0">
                <a:solidFill>
                  <a:schemeClr val="tx1"/>
                </a:solidFill>
                <a:sym typeface="Wingdings" panose="05000000000000000000" pitchFamily="2" charset="2"/>
              </a:rPr>
              <a:t> hos </a:t>
            </a:r>
            <a:r>
              <a:rPr lang="da-DK" sz="900" noProof="0" dirty="0" err="1">
                <a:solidFill>
                  <a:schemeClr val="tx1"/>
                </a:solidFill>
                <a:sym typeface="Wingdings" panose="05000000000000000000" pitchFamily="2" charset="2"/>
              </a:rPr>
              <a:t>hyperscalers</a:t>
            </a:r>
            <a:r>
              <a:rPr lang="da-DK" sz="900" noProof="0" dirty="0">
                <a:solidFill>
                  <a:schemeClr val="tx1"/>
                </a:solidFill>
                <a:sym typeface="Wingdings" panose="05000000000000000000" pitchFamily="2" charset="2"/>
              </a:rPr>
              <a:t> til licensbaserede GPT-NL-tjenester betyder, at organisationer går fra en “plug-and-</a:t>
            </a:r>
            <a:r>
              <a:rPr lang="da-DK" sz="900" noProof="0" dirty="0" err="1">
                <a:solidFill>
                  <a:schemeClr val="tx1"/>
                </a:solidFill>
                <a:sym typeface="Wingdings" panose="05000000000000000000" pitchFamily="2" charset="2"/>
              </a:rPr>
              <a:t>play</a:t>
            </a:r>
            <a:r>
              <a:rPr lang="da-DK" sz="900" noProof="0" dirty="0">
                <a:solidFill>
                  <a:schemeClr val="tx1"/>
                </a:solidFill>
                <a:sym typeface="Wingdings" panose="05000000000000000000" pitchFamily="2" charset="2"/>
              </a:rPr>
              <a:t>”-model, hvor alt håndteres eksternt til en løsning, der kræver en mere lokal styring, </a:t>
            </a:r>
            <a:r>
              <a:rPr lang="da-DK" sz="900" noProof="0" dirty="0" err="1">
                <a:solidFill>
                  <a:schemeClr val="tx1"/>
                </a:solidFill>
                <a:sym typeface="Wingdings" panose="05000000000000000000" pitchFamily="2" charset="2"/>
              </a:rPr>
              <a:t>governance</a:t>
            </a:r>
            <a:r>
              <a:rPr lang="da-DK" sz="900" noProof="0" dirty="0">
                <a:solidFill>
                  <a:schemeClr val="tx1"/>
                </a:solidFill>
                <a:sym typeface="Wingdings" panose="05000000000000000000" pitchFamily="2" charset="2"/>
              </a:rPr>
              <a:t> og teknisk kompetence.</a:t>
            </a:r>
          </a:p>
          <a:p>
            <a:endParaRPr lang="da-DK" sz="900" noProof="0" dirty="0">
              <a:solidFill>
                <a:schemeClr val="tx1"/>
              </a:solidFill>
              <a:sym typeface="Wingdings" panose="05000000000000000000" pitchFamily="2" charset="2"/>
            </a:endParaRPr>
          </a:p>
          <a:p>
            <a:endParaRPr lang="da-DK" sz="900" b="1" noProof="0" dirty="0">
              <a:solidFill>
                <a:schemeClr val="tx1"/>
              </a:solidFill>
              <a:sym typeface="Wingdings" panose="05000000000000000000" pitchFamily="2" charset="2"/>
            </a:endParaRPr>
          </a:p>
          <a:p>
            <a:endParaRPr lang="da-DK" sz="900" noProof="0" dirty="0">
              <a:solidFill>
                <a:schemeClr val="tx1"/>
              </a:solidFill>
              <a:sym typeface="Wingdings" panose="05000000000000000000" pitchFamily="2" charset="2"/>
            </a:endParaRPr>
          </a:p>
          <a:p>
            <a:endParaRPr lang="da-DK" sz="900" b="1" noProof="0" dirty="0">
              <a:solidFill>
                <a:schemeClr val="tx1"/>
              </a:solidFill>
              <a:sym typeface="Wingdings" panose="05000000000000000000" pitchFamily="2" charset="2"/>
            </a:endParaRPr>
          </a:p>
          <a:p>
            <a:endParaRPr lang="da-DK" sz="900" b="1" noProof="0" dirty="0">
              <a:solidFill>
                <a:schemeClr val="tx1"/>
              </a:solidFill>
              <a:sym typeface="Wingdings" panose="05000000000000000000" pitchFamily="2" charset="2"/>
            </a:endParaRPr>
          </a:p>
          <a:p>
            <a:pPr>
              <a:spcAft>
                <a:spcPts val="350"/>
              </a:spcAft>
            </a:pPr>
            <a:endParaRPr lang="da-DK" sz="900" b="1" noProof="0" dirty="0">
              <a:solidFill>
                <a:schemeClr val="tx1"/>
              </a:solidFill>
            </a:endParaRPr>
          </a:p>
        </p:txBody>
      </p:sp>
      <p:sp>
        <p:nvSpPr>
          <p:cNvPr id="7" name="Rectangle 6">
            <a:extLst>
              <a:ext uri="{FF2B5EF4-FFF2-40B4-BE49-F238E27FC236}">
                <a16:creationId xmlns:a16="http://schemas.microsoft.com/office/drawing/2014/main" id="{46707068-1E8C-84EE-7250-9822818C448D}"/>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FF0B4A9C-F229-CBBF-FB71-37552C8723BA}"/>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252722E6-39DD-66FD-A9CA-3E16283BCFEB}"/>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FAA25100-3E09-ABDF-33DA-016E7C713C86}"/>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F500BB9B-E0DD-B2BC-7E3F-0BA4C8D9BA8B}"/>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 name="Freeform 29">
            <a:extLst>
              <a:ext uri="{FF2B5EF4-FFF2-40B4-BE49-F238E27FC236}">
                <a16:creationId xmlns:a16="http://schemas.microsoft.com/office/drawing/2014/main" id="{5D08C0AE-A73B-634D-54D9-6CC33CDBD033}"/>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21">
            <a:extLst>
              <a:ext uri="{FF2B5EF4-FFF2-40B4-BE49-F238E27FC236}">
                <a16:creationId xmlns:a16="http://schemas.microsoft.com/office/drawing/2014/main" id="{B4E9D3D0-63BC-A6DC-3D4F-2EDCD0894ABF}"/>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pic>
        <p:nvPicPr>
          <p:cNvPr id="219" name="Graphic 9">
            <a:extLst>
              <a:ext uri="{FF2B5EF4-FFF2-40B4-BE49-F238E27FC236}">
                <a16:creationId xmlns:a16="http://schemas.microsoft.com/office/drawing/2014/main" id="{70BDDEE1-7F6D-A531-0500-3F12ABDD77CD}"/>
              </a:ext>
              <a:ext uri="{C183D7F6-B498-43B3-948B-1728B52AA6E4}">
                <adec:decorative xmlns:adec="http://schemas.microsoft.com/office/drawing/2017/decorative" val="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473144" y="4350702"/>
            <a:ext cx="431800" cy="349250"/>
          </a:xfrm>
          <a:prstGeom prst="rect">
            <a:avLst/>
          </a:prstGeom>
        </p:spPr>
      </p:pic>
      <p:sp>
        <p:nvSpPr>
          <p:cNvPr id="226" name="Freeform 15">
            <a:extLst>
              <a:ext uri="{FF2B5EF4-FFF2-40B4-BE49-F238E27FC236}">
                <a16:creationId xmlns:a16="http://schemas.microsoft.com/office/drawing/2014/main" id="{122E1823-527C-1516-89FB-4A657EFA9B64}"/>
              </a:ext>
              <a:ext uri="{C183D7F6-B498-43B3-948B-1728B52AA6E4}">
                <adec:decorative xmlns:adec="http://schemas.microsoft.com/office/drawing/2017/decorative" val="1"/>
              </a:ext>
            </a:extLst>
          </p:cNvPr>
          <p:cNvSpPr>
            <a:spLocks noEditPoints="1"/>
          </p:cNvSpPr>
          <p:nvPr/>
        </p:nvSpPr>
        <p:spPr bwMode="auto">
          <a:xfrm>
            <a:off x="9700254" y="3733826"/>
            <a:ext cx="317603" cy="317603"/>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3 w 208"/>
              <a:gd name="T11" fmla="*/ 49 h 208"/>
              <a:gd name="T12" fmla="*/ 64 w 208"/>
              <a:gd name="T13" fmla="*/ 48 h 208"/>
              <a:gd name="T14" fmla="*/ 44 w 208"/>
              <a:gd name="T15" fmla="*/ 66 h 208"/>
              <a:gd name="T16" fmla="*/ 23 w 208"/>
              <a:gd name="T17" fmla="*/ 48 h 208"/>
              <a:gd name="T18" fmla="*/ 0 w 208"/>
              <a:gd name="T19" fmla="*/ 69 h 208"/>
              <a:gd name="T20" fmla="*/ 16 w 208"/>
              <a:gd name="T21" fmla="*/ 144 h 208"/>
              <a:gd name="T22" fmla="*/ 17 w 208"/>
              <a:gd name="T23" fmla="*/ 207 h 208"/>
              <a:gd name="T24" fmla="*/ 68 w 208"/>
              <a:gd name="T25" fmla="*/ 208 h 208"/>
              <a:gd name="T26" fmla="*/ 72 w 208"/>
              <a:gd name="T27" fmla="*/ 204 h 208"/>
              <a:gd name="T28" fmla="*/ 80 w 208"/>
              <a:gd name="T29" fmla="*/ 72 h 208"/>
              <a:gd name="T30" fmla="*/ 144 w 208"/>
              <a:gd name="T31" fmla="*/ 52 h 208"/>
              <a:gd name="T32" fmla="*/ 64 w 208"/>
              <a:gd name="T33" fmla="*/ 200 h 208"/>
              <a:gd name="T34" fmla="*/ 48 w 208"/>
              <a:gd name="T35" fmla="*/ 132 h 208"/>
              <a:gd name="T36" fmla="*/ 40 w 208"/>
              <a:gd name="T37" fmla="*/ 132 h 208"/>
              <a:gd name="T38" fmla="*/ 24 w 208"/>
              <a:gd name="T39" fmla="*/ 200 h 208"/>
              <a:gd name="T40" fmla="*/ 24 w 208"/>
              <a:gd name="T41" fmla="*/ 140 h 208"/>
              <a:gd name="T42" fmla="*/ 24 w 208"/>
              <a:gd name="T43" fmla="*/ 84 h 208"/>
              <a:gd name="T44" fmla="*/ 16 w 208"/>
              <a:gd name="T45" fmla="*/ 84 h 208"/>
              <a:gd name="T46" fmla="*/ 8 w 208"/>
              <a:gd name="T47" fmla="*/ 124 h 208"/>
              <a:gd name="T48" fmla="*/ 15 w 208"/>
              <a:gd name="T49" fmla="*/ 59 h 208"/>
              <a:gd name="T50" fmla="*/ 41 w 208"/>
              <a:gd name="T51" fmla="*/ 75 h 208"/>
              <a:gd name="T52" fmla="*/ 47 w 208"/>
              <a:gd name="T53" fmla="*/ 75 h 208"/>
              <a:gd name="T54" fmla="*/ 135 w 208"/>
              <a:gd name="T55" fmla="*/ 56 h 208"/>
              <a:gd name="T56" fmla="*/ 80 w 208"/>
              <a:gd name="T57" fmla="*/ 64 h 208"/>
              <a:gd name="T58" fmla="*/ 148 w 208"/>
              <a:gd name="T59" fmla="*/ 88 h 208"/>
              <a:gd name="T60" fmla="*/ 148 w 208"/>
              <a:gd name="T61" fmla="*/ 208 h 208"/>
              <a:gd name="T62" fmla="*/ 148 w 208"/>
              <a:gd name="T63" fmla="*/ 88 h 208"/>
              <a:gd name="T64" fmla="*/ 96 w 208"/>
              <a:gd name="T65" fmla="*/ 148 h 208"/>
              <a:gd name="T66" fmla="*/ 200 w 208"/>
              <a:gd name="T67" fmla="*/ 148 h 208"/>
              <a:gd name="T68" fmla="*/ 152 w 208"/>
              <a:gd name="T69" fmla="*/ 144 h 208"/>
              <a:gd name="T70" fmla="*/ 136 w 208"/>
              <a:gd name="T71" fmla="*/ 136 h 208"/>
              <a:gd name="T72" fmla="*/ 164 w 208"/>
              <a:gd name="T73" fmla="*/ 128 h 208"/>
              <a:gd name="T74" fmla="*/ 164 w 208"/>
              <a:gd name="T75" fmla="*/ 120 h 208"/>
              <a:gd name="T76" fmla="*/ 152 w 208"/>
              <a:gd name="T77" fmla="*/ 108 h 208"/>
              <a:gd name="T78" fmla="*/ 144 w 208"/>
              <a:gd name="T79" fmla="*/ 108 h 208"/>
              <a:gd name="T80" fmla="*/ 128 w 208"/>
              <a:gd name="T81" fmla="*/ 136 h 208"/>
              <a:gd name="T82" fmla="*/ 152 w 208"/>
              <a:gd name="T83" fmla="*/ 152 h 208"/>
              <a:gd name="T84" fmla="*/ 152 w 208"/>
              <a:gd name="T85" fmla="*/ 168 h 208"/>
              <a:gd name="T86" fmla="*/ 128 w 208"/>
              <a:gd name="T87" fmla="*/ 172 h 208"/>
              <a:gd name="T88" fmla="*/ 144 w 208"/>
              <a:gd name="T89" fmla="*/ 176 h 208"/>
              <a:gd name="T90" fmla="*/ 148 w 208"/>
              <a:gd name="T91" fmla="*/ 192 h 208"/>
              <a:gd name="T92" fmla="*/ 152 w 208"/>
              <a:gd name="T93" fmla="*/ 176 h 208"/>
              <a:gd name="T94" fmla="*/ 152 w 208"/>
              <a:gd name="T95" fmla="*/ 14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44" y="52"/>
                </a:move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cubicBezTo>
                  <a:pt x="124" y="72"/>
                  <a:pt x="124" y="72"/>
                  <a:pt x="124" y="72"/>
                </a:cubicBezTo>
                <a:cubicBezTo>
                  <a:pt x="135" y="72"/>
                  <a:pt x="144" y="63"/>
                  <a:pt x="144" y="52"/>
                </a:cubicBez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140"/>
                  <a:pt x="24" y="140"/>
                  <a:pt x="24" y="140"/>
                </a:cubicBezTo>
                <a:cubicBezTo>
                  <a:pt x="24" y="140"/>
                  <a:pt x="24" y="140"/>
                  <a:pt x="24" y="140"/>
                </a:cubicBezTo>
                <a:cubicBezTo>
                  <a:pt x="24" y="140"/>
                  <a:pt x="24" y="140"/>
                  <a:pt x="24" y="14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148" y="88"/>
                </a:moveTo>
                <a:cubicBezTo>
                  <a:pt x="115" y="88"/>
                  <a:pt x="88" y="115"/>
                  <a:pt x="88" y="148"/>
                </a:cubicBezTo>
                <a:cubicBezTo>
                  <a:pt x="88" y="181"/>
                  <a:pt x="115" y="208"/>
                  <a:pt x="148" y="208"/>
                </a:cubicBezTo>
                <a:cubicBezTo>
                  <a:pt x="181" y="208"/>
                  <a:pt x="208" y="181"/>
                  <a:pt x="208" y="148"/>
                </a:cubicBezTo>
                <a:cubicBezTo>
                  <a:pt x="208" y="115"/>
                  <a:pt x="181" y="88"/>
                  <a:pt x="148" y="88"/>
                </a:cubicBezTo>
                <a:close/>
                <a:moveTo>
                  <a:pt x="148" y="200"/>
                </a:moveTo>
                <a:cubicBezTo>
                  <a:pt x="119" y="200"/>
                  <a:pt x="96" y="177"/>
                  <a:pt x="96" y="148"/>
                </a:cubicBezTo>
                <a:cubicBezTo>
                  <a:pt x="96" y="119"/>
                  <a:pt x="119" y="96"/>
                  <a:pt x="148" y="96"/>
                </a:cubicBezTo>
                <a:cubicBezTo>
                  <a:pt x="177" y="96"/>
                  <a:pt x="200" y="119"/>
                  <a:pt x="200" y="148"/>
                </a:cubicBezTo>
                <a:cubicBezTo>
                  <a:pt x="200" y="177"/>
                  <a:pt x="177" y="200"/>
                  <a:pt x="148" y="200"/>
                </a:cubicBezTo>
                <a:close/>
                <a:moveTo>
                  <a:pt x="152" y="144"/>
                </a:moveTo>
                <a:cubicBezTo>
                  <a:pt x="144" y="144"/>
                  <a:pt x="144" y="144"/>
                  <a:pt x="144" y="144"/>
                </a:cubicBezTo>
                <a:cubicBezTo>
                  <a:pt x="140" y="144"/>
                  <a:pt x="136" y="140"/>
                  <a:pt x="136" y="136"/>
                </a:cubicBezTo>
                <a:cubicBezTo>
                  <a:pt x="136" y="132"/>
                  <a:pt x="140" y="128"/>
                  <a:pt x="144" y="128"/>
                </a:cubicBezTo>
                <a:cubicBezTo>
                  <a:pt x="164" y="128"/>
                  <a:pt x="164" y="128"/>
                  <a:pt x="164" y="128"/>
                </a:cubicBezTo>
                <a:cubicBezTo>
                  <a:pt x="166" y="128"/>
                  <a:pt x="168" y="126"/>
                  <a:pt x="168" y="124"/>
                </a:cubicBezTo>
                <a:cubicBezTo>
                  <a:pt x="168" y="122"/>
                  <a:pt x="166" y="120"/>
                  <a:pt x="164" y="120"/>
                </a:cubicBezTo>
                <a:cubicBezTo>
                  <a:pt x="152" y="120"/>
                  <a:pt x="152" y="120"/>
                  <a:pt x="152" y="120"/>
                </a:cubicBezTo>
                <a:cubicBezTo>
                  <a:pt x="152" y="108"/>
                  <a:pt x="152" y="108"/>
                  <a:pt x="152" y="108"/>
                </a:cubicBezTo>
                <a:cubicBezTo>
                  <a:pt x="152" y="106"/>
                  <a:pt x="150" y="104"/>
                  <a:pt x="148" y="104"/>
                </a:cubicBezTo>
                <a:cubicBezTo>
                  <a:pt x="146" y="104"/>
                  <a:pt x="144" y="106"/>
                  <a:pt x="144" y="108"/>
                </a:cubicBezTo>
                <a:cubicBezTo>
                  <a:pt x="144" y="120"/>
                  <a:pt x="144" y="120"/>
                  <a:pt x="144" y="120"/>
                </a:cubicBezTo>
                <a:cubicBezTo>
                  <a:pt x="135" y="120"/>
                  <a:pt x="128" y="127"/>
                  <a:pt x="128" y="136"/>
                </a:cubicBezTo>
                <a:cubicBezTo>
                  <a:pt x="128" y="145"/>
                  <a:pt x="135" y="152"/>
                  <a:pt x="144" y="152"/>
                </a:cubicBezTo>
                <a:cubicBezTo>
                  <a:pt x="152" y="152"/>
                  <a:pt x="152" y="152"/>
                  <a:pt x="152" y="152"/>
                </a:cubicBezTo>
                <a:cubicBezTo>
                  <a:pt x="156" y="152"/>
                  <a:pt x="160" y="156"/>
                  <a:pt x="160" y="160"/>
                </a:cubicBezTo>
                <a:cubicBezTo>
                  <a:pt x="160" y="164"/>
                  <a:pt x="156" y="168"/>
                  <a:pt x="152" y="168"/>
                </a:cubicBezTo>
                <a:cubicBezTo>
                  <a:pt x="132" y="168"/>
                  <a:pt x="132" y="168"/>
                  <a:pt x="132" y="168"/>
                </a:cubicBezTo>
                <a:cubicBezTo>
                  <a:pt x="130" y="168"/>
                  <a:pt x="128" y="170"/>
                  <a:pt x="128" y="172"/>
                </a:cubicBezTo>
                <a:cubicBezTo>
                  <a:pt x="128" y="174"/>
                  <a:pt x="130" y="176"/>
                  <a:pt x="132" y="176"/>
                </a:cubicBezTo>
                <a:cubicBezTo>
                  <a:pt x="144" y="176"/>
                  <a:pt x="144" y="176"/>
                  <a:pt x="144" y="176"/>
                </a:cubicBezTo>
                <a:cubicBezTo>
                  <a:pt x="144" y="188"/>
                  <a:pt x="144" y="188"/>
                  <a:pt x="144" y="188"/>
                </a:cubicBezTo>
                <a:cubicBezTo>
                  <a:pt x="144" y="190"/>
                  <a:pt x="146" y="192"/>
                  <a:pt x="148" y="192"/>
                </a:cubicBezTo>
                <a:cubicBezTo>
                  <a:pt x="150" y="192"/>
                  <a:pt x="152" y="190"/>
                  <a:pt x="152" y="188"/>
                </a:cubicBezTo>
                <a:cubicBezTo>
                  <a:pt x="152" y="176"/>
                  <a:pt x="152" y="176"/>
                  <a:pt x="152" y="176"/>
                </a:cubicBezTo>
                <a:cubicBezTo>
                  <a:pt x="161" y="176"/>
                  <a:pt x="168" y="169"/>
                  <a:pt x="168" y="160"/>
                </a:cubicBezTo>
                <a:cubicBezTo>
                  <a:pt x="168" y="151"/>
                  <a:pt x="161" y="144"/>
                  <a:pt x="152" y="14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nvGrpSpPr>
          <p:cNvPr id="13" name="Group 12">
            <a:extLst>
              <a:ext uri="{FF2B5EF4-FFF2-40B4-BE49-F238E27FC236}">
                <a16:creationId xmlns:a16="http://schemas.microsoft.com/office/drawing/2014/main" id="{755607D9-F6AB-D6B9-46B7-7C088F837242}"/>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4" name="Rectangle 13">
              <a:extLst>
                <a:ext uri="{FF2B5EF4-FFF2-40B4-BE49-F238E27FC236}">
                  <a16:creationId xmlns:a16="http://schemas.microsoft.com/office/drawing/2014/main" id="{1526C381-26FC-B3B6-18F2-17A9EB5D599C}"/>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5" name="Rectangle 14">
              <a:extLst>
                <a:ext uri="{FF2B5EF4-FFF2-40B4-BE49-F238E27FC236}">
                  <a16:creationId xmlns:a16="http://schemas.microsoft.com/office/drawing/2014/main" id="{5C57B17F-C975-BD2B-B382-6E0C98FD7368}"/>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26" name="Rectangle: Rounded Corners 25">
            <a:extLst>
              <a:ext uri="{FF2B5EF4-FFF2-40B4-BE49-F238E27FC236}">
                <a16:creationId xmlns:a16="http://schemas.microsoft.com/office/drawing/2014/main" id="{69D74762-6AB1-334F-45BE-77F7B4475A74}"/>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7" name="TextBox 26">
            <a:extLst>
              <a:ext uri="{FF2B5EF4-FFF2-40B4-BE49-F238E27FC236}">
                <a16:creationId xmlns:a16="http://schemas.microsoft.com/office/drawing/2014/main" id="{E5DC8C91-F951-BD73-8A8C-9E23A8FF8792}"/>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Omkostningsdrivere</a:t>
            </a:r>
          </a:p>
        </p:txBody>
      </p:sp>
      <p:sp>
        <p:nvSpPr>
          <p:cNvPr id="114" name="Content Placeholder 5">
            <a:extLst>
              <a:ext uri="{FF2B5EF4-FFF2-40B4-BE49-F238E27FC236}">
                <a16:creationId xmlns:a16="http://schemas.microsoft.com/office/drawing/2014/main" id="{E4FFBDED-8EEC-FC53-5A23-DC4818B8B174}"/>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dirty="0">
                <a:solidFill>
                  <a:schemeClr val="tx1"/>
                </a:solidFill>
              </a:rPr>
              <a:t>Omkostningsniveauer er udtryk for en relativ vurdering på tværs af cases foretaget af PA.</a:t>
            </a:r>
          </a:p>
        </p:txBody>
      </p:sp>
      <p:sp>
        <p:nvSpPr>
          <p:cNvPr id="28" name="TextBox 27">
            <a:extLst>
              <a:ext uri="{FF2B5EF4-FFF2-40B4-BE49-F238E27FC236}">
                <a16:creationId xmlns:a16="http://schemas.microsoft.com/office/drawing/2014/main" id="{0529E423-5E49-1591-7E62-4F9D439A0ADD}"/>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a:t>Midlertidige omkostninger</a:t>
            </a:r>
            <a:endParaRPr lang="da-DK" sz="900" noProof="0"/>
          </a:p>
          <a:p>
            <a:pPr>
              <a:lnSpc>
                <a:spcPct val="200000"/>
              </a:lnSpc>
            </a:pPr>
            <a:r>
              <a:rPr lang="da-DK" sz="900" noProof="0"/>
              <a:t>  Projektledelse </a:t>
            </a:r>
          </a:p>
          <a:p>
            <a:pPr>
              <a:lnSpc>
                <a:spcPct val="200000"/>
              </a:lnSpc>
            </a:pPr>
            <a:endParaRPr lang="da-DK" sz="900" noProof="0"/>
          </a:p>
          <a:p>
            <a:pPr>
              <a:lnSpc>
                <a:spcPct val="200000"/>
              </a:lnSpc>
            </a:pPr>
            <a:r>
              <a:rPr lang="da-DK" sz="900" noProof="0"/>
              <a:t>  Organisatorisk implementering</a:t>
            </a:r>
          </a:p>
          <a:p>
            <a:pPr>
              <a:lnSpc>
                <a:spcPct val="200000"/>
              </a:lnSpc>
            </a:pPr>
            <a:r>
              <a:rPr lang="da-DK" sz="900" noProof="0"/>
              <a:t> </a:t>
            </a:r>
          </a:p>
          <a:p>
            <a:pPr>
              <a:lnSpc>
                <a:spcPct val="200000"/>
              </a:lnSpc>
            </a:pPr>
            <a:r>
              <a:rPr lang="da-DK" sz="900" noProof="0"/>
              <a:t>  Teknisk implementering</a:t>
            </a:r>
          </a:p>
          <a:p>
            <a:pPr>
              <a:lnSpc>
                <a:spcPct val="150000"/>
              </a:lnSpc>
            </a:pPr>
            <a:endParaRPr lang="da-DK" sz="900" noProof="0"/>
          </a:p>
          <a:p>
            <a:pPr>
              <a:lnSpc>
                <a:spcPct val="150000"/>
              </a:lnSpc>
            </a:pPr>
            <a:endParaRPr lang="da-DK" sz="900" b="1" noProof="0">
              <a:solidFill>
                <a:srgbClr val="36465A"/>
              </a:solidFill>
            </a:endParaRPr>
          </a:p>
          <a:p>
            <a:pPr>
              <a:lnSpc>
                <a:spcPct val="150000"/>
              </a:lnSpc>
            </a:pPr>
            <a:r>
              <a:rPr lang="da-DK" sz="900" b="1" noProof="0">
                <a:solidFill>
                  <a:srgbClr val="36465A"/>
                </a:solidFill>
              </a:rPr>
              <a:t>Driftsomkostninger</a:t>
            </a:r>
          </a:p>
          <a:p>
            <a:pPr>
              <a:lnSpc>
                <a:spcPct val="200000"/>
              </a:lnSpc>
            </a:pPr>
            <a:r>
              <a:rPr lang="da-DK" sz="900" noProof="0">
                <a:solidFill>
                  <a:schemeClr val="accent4">
                    <a:lumMod val="50000"/>
                  </a:schemeClr>
                </a:solidFill>
              </a:rPr>
              <a:t>  Teknologi</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Nye kompetencer </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Drift og support</a:t>
            </a:r>
          </a:p>
        </p:txBody>
      </p:sp>
      <p:grpSp>
        <p:nvGrpSpPr>
          <p:cNvPr id="32" name="Group 31" descr="Projektledelse er en mellem til stor midlertidig omkostningsdriver">
            <a:extLst>
              <a:ext uri="{FF2B5EF4-FFF2-40B4-BE49-F238E27FC236}">
                <a16:creationId xmlns:a16="http://schemas.microsoft.com/office/drawing/2014/main" id="{4F621E54-C79A-A678-58EC-4641E4BDAF26}"/>
              </a:ext>
              <a:ext uri="{C183D7F6-B498-43B3-948B-1728B52AA6E4}">
                <adec:decorative xmlns:adec="http://schemas.microsoft.com/office/drawing/2017/decorative" val="0"/>
              </a:ext>
            </a:extLst>
          </p:cNvPr>
          <p:cNvGrpSpPr/>
          <p:nvPr/>
        </p:nvGrpSpPr>
        <p:grpSpPr>
          <a:xfrm>
            <a:off x="7290762" y="2788420"/>
            <a:ext cx="1577742" cy="265864"/>
            <a:chOff x="860772" y="4884291"/>
            <a:chExt cx="1487909" cy="250726"/>
          </a:xfrm>
        </p:grpSpPr>
        <p:grpSp>
          <p:nvGrpSpPr>
            <p:cNvPr id="34" name="Group 33">
              <a:extLst>
                <a:ext uri="{FF2B5EF4-FFF2-40B4-BE49-F238E27FC236}">
                  <a16:creationId xmlns:a16="http://schemas.microsoft.com/office/drawing/2014/main" id="{DBA7F4EE-3F24-A864-9E88-628BDDA22BA9}"/>
                </a:ext>
              </a:extLst>
            </p:cNvPr>
            <p:cNvGrpSpPr/>
            <p:nvPr/>
          </p:nvGrpSpPr>
          <p:grpSpPr>
            <a:xfrm>
              <a:off x="860772" y="4884291"/>
              <a:ext cx="1487909" cy="212473"/>
              <a:chOff x="5354949" y="3009711"/>
              <a:chExt cx="1645739" cy="202758"/>
            </a:xfrm>
          </p:grpSpPr>
          <p:grpSp>
            <p:nvGrpSpPr>
              <p:cNvPr id="36" name="Group 35">
                <a:extLst>
                  <a:ext uri="{FF2B5EF4-FFF2-40B4-BE49-F238E27FC236}">
                    <a16:creationId xmlns:a16="http://schemas.microsoft.com/office/drawing/2014/main" id="{A422FAD8-2271-72C6-62A6-62C8F135BC48}"/>
                  </a:ext>
                </a:extLst>
              </p:cNvPr>
              <p:cNvGrpSpPr/>
              <p:nvPr/>
            </p:nvGrpSpPr>
            <p:grpSpPr>
              <a:xfrm>
                <a:off x="5458296" y="3153610"/>
                <a:ext cx="1445092" cy="45719"/>
                <a:chOff x="5458296" y="3153610"/>
                <a:chExt cx="1445092" cy="45719"/>
              </a:xfrm>
            </p:grpSpPr>
            <p:cxnSp>
              <p:nvCxnSpPr>
                <p:cNvPr id="44" name="Straight Connector 43">
                  <a:extLst>
                    <a:ext uri="{FF2B5EF4-FFF2-40B4-BE49-F238E27FC236}">
                      <a16:creationId xmlns:a16="http://schemas.microsoft.com/office/drawing/2014/main" id="{9F93FBB7-E90B-7CB5-6598-A80C29C4E076}"/>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45" name="Oval 44">
                  <a:extLst>
                    <a:ext uri="{FF2B5EF4-FFF2-40B4-BE49-F238E27FC236}">
                      <a16:creationId xmlns:a16="http://schemas.microsoft.com/office/drawing/2014/main" id="{B65F33C0-509A-74C5-A4C0-723DAB5C8A35}"/>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46" name="Oval 45">
                  <a:extLst>
                    <a:ext uri="{FF2B5EF4-FFF2-40B4-BE49-F238E27FC236}">
                      <a16:creationId xmlns:a16="http://schemas.microsoft.com/office/drawing/2014/main" id="{3F1901CA-775D-E3D2-5A06-0D6A04A47755}"/>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37" name="Straight Connector 36">
                <a:extLst>
                  <a:ext uri="{FF2B5EF4-FFF2-40B4-BE49-F238E27FC236}">
                    <a16:creationId xmlns:a16="http://schemas.microsoft.com/office/drawing/2014/main" id="{CEB929F7-99DD-CA9A-14C1-E95BF59FA8B8}"/>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38" name="TextBox 37">
                <a:extLst>
                  <a:ext uri="{FF2B5EF4-FFF2-40B4-BE49-F238E27FC236}">
                    <a16:creationId xmlns:a16="http://schemas.microsoft.com/office/drawing/2014/main" id="{CC35D4C8-A277-05FC-6DAD-3C231CB21B66}"/>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39" name="TextBox 38">
                <a:extLst>
                  <a:ext uri="{FF2B5EF4-FFF2-40B4-BE49-F238E27FC236}">
                    <a16:creationId xmlns:a16="http://schemas.microsoft.com/office/drawing/2014/main" id="{2BEB67A3-ADB9-8733-E9D4-4E6966CCD9B7}"/>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35" name="Oval 34">
              <a:extLst>
                <a:ext uri="{FF2B5EF4-FFF2-40B4-BE49-F238E27FC236}">
                  <a16:creationId xmlns:a16="http://schemas.microsoft.com/office/drawing/2014/main" id="{98534ABF-FC96-3C03-507B-56BD363E49E7}"/>
                </a:ext>
              </a:extLst>
            </p:cNvPr>
            <p:cNvSpPr/>
            <p:nvPr/>
          </p:nvSpPr>
          <p:spPr>
            <a:xfrm>
              <a:off x="1830798"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50" name="Group 49" descr="Organisatorisk implementering er en lille midlertidig omkostningsdriver">
            <a:extLst>
              <a:ext uri="{FF2B5EF4-FFF2-40B4-BE49-F238E27FC236}">
                <a16:creationId xmlns:a16="http://schemas.microsoft.com/office/drawing/2014/main" id="{9586502D-F56A-7383-C890-D141BAA9A1E8}"/>
              </a:ext>
              <a:ext uri="{C183D7F6-B498-43B3-948B-1728B52AA6E4}">
                <adec:decorative xmlns:adec="http://schemas.microsoft.com/office/drawing/2017/decorative" val="0"/>
              </a:ext>
            </a:extLst>
          </p:cNvPr>
          <p:cNvGrpSpPr/>
          <p:nvPr/>
        </p:nvGrpSpPr>
        <p:grpSpPr>
          <a:xfrm>
            <a:off x="7290762" y="3344608"/>
            <a:ext cx="1577742" cy="265864"/>
            <a:chOff x="860772" y="4884291"/>
            <a:chExt cx="1487909" cy="250726"/>
          </a:xfrm>
        </p:grpSpPr>
        <p:grpSp>
          <p:nvGrpSpPr>
            <p:cNvPr id="51" name="Group 50">
              <a:extLst>
                <a:ext uri="{FF2B5EF4-FFF2-40B4-BE49-F238E27FC236}">
                  <a16:creationId xmlns:a16="http://schemas.microsoft.com/office/drawing/2014/main" id="{E7693F36-A084-5AD6-A53A-B9ABFDEA1D53}"/>
                </a:ext>
              </a:extLst>
            </p:cNvPr>
            <p:cNvGrpSpPr/>
            <p:nvPr/>
          </p:nvGrpSpPr>
          <p:grpSpPr>
            <a:xfrm>
              <a:off x="860772" y="4884291"/>
              <a:ext cx="1487909" cy="212473"/>
              <a:chOff x="5354949" y="3009711"/>
              <a:chExt cx="1645739" cy="202758"/>
            </a:xfrm>
          </p:grpSpPr>
          <p:grpSp>
            <p:nvGrpSpPr>
              <p:cNvPr id="54" name="Group 53">
                <a:extLst>
                  <a:ext uri="{FF2B5EF4-FFF2-40B4-BE49-F238E27FC236}">
                    <a16:creationId xmlns:a16="http://schemas.microsoft.com/office/drawing/2014/main" id="{0F5B5EFA-9219-1644-0B41-41871F02F91A}"/>
                  </a:ext>
                </a:extLst>
              </p:cNvPr>
              <p:cNvGrpSpPr/>
              <p:nvPr/>
            </p:nvGrpSpPr>
            <p:grpSpPr>
              <a:xfrm>
                <a:off x="5458296" y="3153610"/>
                <a:ext cx="1445092" cy="45719"/>
                <a:chOff x="5458296" y="3153610"/>
                <a:chExt cx="1445092" cy="45719"/>
              </a:xfrm>
            </p:grpSpPr>
            <p:cxnSp>
              <p:nvCxnSpPr>
                <p:cNvPr id="70" name="Straight Connector 69">
                  <a:extLst>
                    <a:ext uri="{FF2B5EF4-FFF2-40B4-BE49-F238E27FC236}">
                      <a16:creationId xmlns:a16="http://schemas.microsoft.com/office/drawing/2014/main" id="{E34EFC5D-EF46-2E80-59C5-9C5DB3F0DC2C}"/>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71" name="Oval 70">
                  <a:extLst>
                    <a:ext uri="{FF2B5EF4-FFF2-40B4-BE49-F238E27FC236}">
                      <a16:creationId xmlns:a16="http://schemas.microsoft.com/office/drawing/2014/main" id="{96615B08-FD45-3C5F-BF5F-8964C3FCFF54}"/>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72" name="Oval 71">
                  <a:extLst>
                    <a:ext uri="{FF2B5EF4-FFF2-40B4-BE49-F238E27FC236}">
                      <a16:creationId xmlns:a16="http://schemas.microsoft.com/office/drawing/2014/main" id="{30110F79-40DA-5CD9-FE93-4FDA13A38E7F}"/>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67" name="Straight Connector 66">
                <a:extLst>
                  <a:ext uri="{FF2B5EF4-FFF2-40B4-BE49-F238E27FC236}">
                    <a16:creationId xmlns:a16="http://schemas.microsoft.com/office/drawing/2014/main" id="{B648F77F-7A4E-A1C3-1C11-DB0BCB7DAE1C}"/>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8" name="TextBox 67">
                <a:extLst>
                  <a:ext uri="{FF2B5EF4-FFF2-40B4-BE49-F238E27FC236}">
                    <a16:creationId xmlns:a16="http://schemas.microsoft.com/office/drawing/2014/main" id="{6B9BD75B-8DEB-D0D7-396A-908811467BC1}"/>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69" name="TextBox 68">
                <a:extLst>
                  <a:ext uri="{FF2B5EF4-FFF2-40B4-BE49-F238E27FC236}">
                    <a16:creationId xmlns:a16="http://schemas.microsoft.com/office/drawing/2014/main" id="{19888B14-025C-814F-8A6F-739B01654D90}"/>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53" name="Oval 52">
              <a:extLst>
                <a:ext uri="{FF2B5EF4-FFF2-40B4-BE49-F238E27FC236}">
                  <a16:creationId xmlns:a16="http://schemas.microsoft.com/office/drawing/2014/main" id="{1A503C32-5961-7C7E-4754-3B883C299305}"/>
                </a:ext>
              </a:extLst>
            </p:cNvPr>
            <p:cNvSpPr/>
            <p:nvPr/>
          </p:nvSpPr>
          <p:spPr>
            <a:xfrm>
              <a:off x="902874"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04" name="Group 103" descr="Teknisk implementering er en lille til mellem midlertidig omkostningsdriver">
            <a:extLst>
              <a:ext uri="{FF2B5EF4-FFF2-40B4-BE49-F238E27FC236}">
                <a16:creationId xmlns:a16="http://schemas.microsoft.com/office/drawing/2014/main" id="{6386E5A9-2362-2E7A-68CE-2DA2B4524205}"/>
              </a:ext>
              <a:ext uri="{C183D7F6-B498-43B3-948B-1728B52AA6E4}">
                <adec:decorative xmlns:adec="http://schemas.microsoft.com/office/drawing/2017/decorative" val="0"/>
              </a:ext>
            </a:extLst>
          </p:cNvPr>
          <p:cNvGrpSpPr/>
          <p:nvPr/>
        </p:nvGrpSpPr>
        <p:grpSpPr>
          <a:xfrm>
            <a:off x="7290762" y="3922767"/>
            <a:ext cx="1577741" cy="265864"/>
            <a:chOff x="860772" y="4884291"/>
            <a:chExt cx="1487909" cy="250726"/>
          </a:xfrm>
        </p:grpSpPr>
        <p:grpSp>
          <p:nvGrpSpPr>
            <p:cNvPr id="105" name="Group 104">
              <a:extLst>
                <a:ext uri="{FF2B5EF4-FFF2-40B4-BE49-F238E27FC236}">
                  <a16:creationId xmlns:a16="http://schemas.microsoft.com/office/drawing/2014/main" id="{193B73D4-D016-1578-DD2C-CBC18D1C425A}"/>
                </a:ext>
              </a:extLst>
            </p:cNvPr>
            <p:cNvGrpSpPr/>
            <p:nvPr/>
          </p:nvGrpSpPr>
          <p:grpSpPr>
            <a:xfrm>
              <a:off x="860772" y="4884291"/>
              <a:ext cx="1487909" cy="212473"/>
              <a:chOff x="5354949" y="3009711"/>
              <a:chExt cx="1645739" cy="202758"/>
            </a:xfrm>
          </p:grpSpPr>
          <p:grpSp>
            <p:nvGrpSpPr>
              <p:cNvPr id="107" name="Group 106">
                <a:extLst>
                  <a:ext uri="{FF2B5EF4-FFF2-40B4-BE49-F238E27FC236}">
                    <a16:creationId xmlns:a16="http://schemas.microsoft.com/office/drawing/2014/main" id="{D7D569CC-FA7B-3C0F-0929-C38E053058C5}"/>
                  </a:ext>
                </a:extLst>
              </p:cNvPr>
              <p:cNvGrpSpPr/>
              <p:nvPr/>
            </p:nvGrpSpPr>
            <p:grpSpPr>
              <a:xfrm>
                <a:off x="5458296" y="3153610"/>
                <a:ext cx="1445092" cy="45719"/>
                <a:chOff x="5458296" y="3153610"/>
                <a:chExt cx="1445092" cy="45719"/>
              </a:xfrm>
            </p:grpSpPr>
            <p:cxnSp>
              <p:nvCxnSpPr>
                <p:cNvPr id="111" name="Straight Connector 110">
                  <a:extLst>
                    <a:ext uri="{FF2B5EF4-FFF2-40B4-BE49-F238E27FC236}">
                      <a16:creationId xmlns:a16="http://schemas.microsoft.com/office/drawing/2014/main" id="{A88885EC-B339-6647-DF9F-B5C124ED54F8}"/>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12" name="Oval 111">
                  <a:extLst>
                    <a:ext uri="{FF2B5EF4-FFF2-40B4-BE49-F238E27FC236}">
                      <a16:creationId xmlns:a16="http://schemas.microsoft.com/office/drawing/2014/main" id="{73A3F46B-5DA8-5340-E16E-10913EDA9766}"/>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13" name="Oval 112">
                  <a:extLst>
                    <a:ext uri="{FF2B5EF4-FFF2-40B4-BE49-F238E27FC236}">
                      <a16:creationId xmlns:a16="http://schemas.microsoft.com/office/drawing/2014/main" id="{69878E22-56AB-6D2A-90B0-311C8ABDE260}"/>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08" name="Straight Connector 107">
                <a:extLst>
                  <a:ext uri="{FF2B5EF4-FFF2-40B4-BE49-F238E27FC236}">
                    <a16:creationId xmlns:a16="http://schemas.microsoft.com/office/drawing/2014/main" id="{81D90DFC-74BB-3FE8-6DC9-721F07AC0E6C}"/>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09" name="TextBox 108">
                <a:extLst>
                  <a:ext uri="{FF2B5EF4-FFF2-40B4-BE49-F238E27FC236}">
                    <a16:creationId xmlns:a16="http://schemas.microsoft.com/office/drawing/2014/main" id="{E8A3BCF7-70A7-C880-EE0A-F81B93EE923F}"/>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10" name="TextBox 109">
                <a:extLst>
                  <a:ext uri="{FF2B5EF4-FFF2-40B4-BE49-F238E27FC236}">
                    <a16:creationId xmlns:a16="http://schemas.microsoft.com/office/drawing/2014/main" id="{A7947BAA-7464-3C10-2F78-D220E784260A}"/>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06" name="Oval 105">
              <a:extLst>
                <a:ext uri="{FF2B5EF4-FFF2-40B4-BE49-F238E27FC236}">
                  <a16:creationId xmlns:a16="http://schemas.microsoft.com/office/drawing/2014/main" id="{2638EEC0-4698-2834-526F-25244AEC1892}"/>
                </a:ext>
              </a:extLst>
            </p:cNvPr>
            <p:cNvSpPr/>
            <p:nvPr/>
          </p:nvSpPr>
          <p:spPr>
            <a:xfrm>
              <a:off x="125028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73" name="Group 72" descr="Teknologi er en mellem driftsomkostning">
            <a:extLst>
              <a:ext uri="{FF2B5EF4-FFF2-40B4-BE49-F238E27FC236}">
                <a16:creationId xmlns:a16="http://schemas.microsoft.com/office/drawing/2014/main" id="{FD42EC5E-28F8-850B-B5D4-426A0A1C01D6}"/>
              </a:ext>
              <a:ext uri="{C183D7F6-B498-43B3-948B-1728B52AA6E4}">
                <adec:decorative xmlns:adec="http://schemas.microsoft.com/office/drawing/2017/decorative" val="0"/>
              </a:ext>
            </a:extLst>
          </p:cNvPr>
          <p:cNvGrpSpPr/>
          <p:nvPr/>
        </p:nvGrpSpPr>
        <p:grpSpPr>
          <a:xfrm>
            <a:off x="7290762" y="4818452"/>
            <a:ext cx="1577741" cy="265864"/>
            <a:chOff x="860772" y="4884291"/>
            <a:chExt cx="1487909" cy="250726"/>
          </a:xfrm>
        </p:grpSpPr>
        <p:grpSp>
          <p:nvGrpSpPr>
            <p:cNvPr id="74" name="Group 73">
              <a:extLst>
                <a:ext uri="{FF2B5EF4-FFF2-40B4-BE49-F238E27FC236}">
                  <a16:creationId xmlns:a16="http://schemas.microsoft.com/office/drawing/2014/main" id="{C03A7724-1BEE-23F5-142E-9BDE2A2F34E6}"/>
                </a:ext>
              </a:extLst>
            </p:cNvPr>
            <p:cNvGrpSpPr/>
            <p:nvPr/>
          </p:nvGrpSpPr>
          <p:grpSpPr>
            <a:xfrm>
              <a:off x="860772" y="4884291"/>
              <a:ext cx="1487909" cy="212473"/>
              <a:chOff x="5354949" y="3009711"/>
              <a:chExt cx="1645739" cy="202758"/>
            </a:xfrm>
          </p:grpSpPr>
          <p:grpSp>
            <p:nvGrpSpPr>
              <p:cNvPr id="76" name="Group 75">
                <a:extLst>
                  <a:ext uri="{FF2B5EF4-FFF2-40B4-BE49-F238E27FC236}">
                    <a16:creationId xmlns:a16="http://schemas.microsoft.com/office/drawing/2014/main" id="{6D8D712D-ED6B-0B31-515F-DC1C4DE32BD5}"/>
                  </a:ext>
                </a:extLst>
              </p:cNvPr>
              <p:cNvGrpSpPr/>
              <p:nvPr/>
            </p:nvGrpSpPr>
            <p:grpSpPr>
              <a:xfrm>
                <a:off x="5458296" y="3153610"/>
                <a:ext cx="1445092" cy="45719"/>
                <a:chOff x="5458296" y="3153610"/>
                <a:chExt cx="1445092" cy="45719"/>
              </a:xfrm>
            </p:grpSpPr>
            <p:cxnSp>
              <p:nvCxnSpPr>
                <p:cNvPr id="81" name="Straight Connector 80">
                  <a:extLst>
                    <a:ext uri="{FF2B5EF4-FFF2-40B4-BE49-F238E27FC236}">
                      <a16:creationId xmlns:a16="http://schemas.microsoft.com/office/drawing/2014/main" id="{1B5525D5-ED8E-44B9-6D65-612B41383BB9}"/>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82" name="Oval 81">
                  <a:extLst>
                    <a:ext uri="{FF2B5EF4-FFF2-40B4-BE49-F238E27FC236}">
                      <a16:creationId xmlns:a16="http://schemas.microsoft.com/office/drawing/2014/main" id="{04FC5127-32DE-A94A-24DA-96B2FD67618B}"/>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3" name="Oval 82">
                  <a:extLst>
                    <a:ext uri="{FF2B5EF4-FFF2-40B4-BE49-F238E27FC236}">
                      <a16:creationId xmlns:a16="http://schemas.microsoft.com/office/drawing/2014/main" id="{E1E3AD9A-5820-9BA4-3577-D7F0F92EA055}"/>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77" name="Straight Connector 76">
                <a:extLst>
                  <a:ext uri="{FF2B5EF4-FFF2-40B4-BE49-F238E27FC236}">
                    <a16:creationId xmlns:a16="http://schemas.microsoft.com/office/drawing/2014/main" id="{2408C423-C8D3-0B05-CB34-3C5BE01C793A}"/>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8" name="TextBox 77">
                <a:extLst>
                  <a:ext uri="{FF2B5EF4-FFF2-40B4-BE49-F238E27FC236}">
                    <a16:creationId xmlns:a16="http://schemas.microsoft.com/office/drawing/2014/main" id="{D3A007FF-5347-3BCE-887A-5DD73B8C0750}"/>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79" name="TextBox 78">
                <a:extLst>
                  <a:ext uri="{FF2B5EF4-FFF2-40B4-BE49-F238E27FC236}">
                    <a16:creationId xmlns:a16="http://schemas.microsoft.com/office/drawing/2014/main" id="{8870DADD-FB50-0728-B060-F28FE598D5E9}"/>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75" name="Oval 74">
              <a:extLst>
                <a:ext uri="{FF2B5EF4-FFF2-40B4-BE49-F238E27FC236}">
                  <a16:creationId xmlns:a16="http://schemas.microsoft.com/office/drawing/2014/main" id="{16D59BE5-92A9-B7DD-A6F9-BC878D4AD457}"/>
                </a:ext>
              </a:extLst>
            </p:cNvPr>
            <p:cNvSpPr/>
            <p:nvPr/>
          </p:nvSpPr>
          <p:spPr>
            <a:xfrm>
              <a:off x="1550705"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84" name="Group 83" descr="Nye kompetencer er en mellem til stor omkostningsdriver">
            <a:extLst>
              <a:ext uri="{FF2B5EF4-FFF2-40B4-BE49-F238E27FC236}">
                <a16:creationId xmlns:a16="http://schemas.microsoft.com/office/drawing/2014/main" id="{39ED9E2A-C0D8-1BD7-AE20-FDB2E788A064}"/>
              </a:ext>
              <a:ext uri="{C183D7F6-B498-43B3-948B-1728B52AA6E4}">
                <adec:decorative xmlns:adec="http://schemas.microsoft.com/office/drawing/2017/decorative" val="0"/>
              </a:ext>
            </a:extLst>
          </p:cNvPr>
          <p:cNvGrpSpPr/>
          <p:nvPr/>
        </p:nvGrpSpPr>
        <p:grpSpPr>
          <a:xfrm>
            <a:off x="7290762" y="5350882"/>
            <a:ext cx="1577742" cy="265864"/>
            <a:chOff x="860772" y="4884291"/>
            <a:chExt cx="1487909" cy="250726"/>
          </a:xfrm>
        </p:grpSpPr>
        <p:grpSp>
          <p:nvGrpSpPr>
            <p:cNvPr id="85" name="Group 84">
              <a:extLst>
                <a:ext uri="{FF2B5EF4-FFF2-40B4-BE49-F238E27FC236}">
                  <a16:creationId xmlns:a16="http://schemas.microsoft.com/office/drawing/2014/main" id="{57E356C4-86D3-88B4-C850-F9C7A51F8958}"/>
                </a:ext>
              </a:extLst>
            </p:cNvPr>
            <p:cNvGrpSpPr/>
            <p:nvPr/>
          </p:nvGrpSpPr>
          <p:grpSpPr>
            <a:xfrm>
              <a:off x="860772" y="4884291"/>
              <a:ext cx="1487909" cy="212473"/>
              <a:chOff x="5354949" y="3009711"/>
              <a:chExt cx="1645739" cy="202758"/>
            </a:xfrm>
          </p:grpSpPr>
          <p:grpSp>
            <p:nvGrpSpPr>
              <p:cNvPr id="87" name="Group 86">
                <a:extLst>
                  <a:ext uri="{FF2B5EF4-FFF2-40B4-BE49-F238E27FC236}">
                    <a16:creationId xmlns:a16="http://schemas.microsoft.com/office/drawing/2014/main" id="{2BF7381A-9CEF-467F-811D-D1D9E509A8C2}"/>
                  </a:ext>
                </a:extLst>
              </p:cNvPr>
              <p:cNvGrpSpPr/>
              <p:nvPr/>
            </p:nvGrpSpPr>
            <p:grpSpPr>
              <a:xfrm>
                <a:off x="5458296" y="3153610"/>
                <a:ext cx="1445092" cy="45719"/>
                <a:chOff x="5458296" y="3153610"/>
                <a:chExt cx="1445092" cy="45719"/>
              </a:xfrm>
            </p:grpSpPr>
            <p:cxnSp>
              <p:nvCxnSpPr>
                <p:cNvPr id="91" name="Straight Connector 90">
                  <a:extLst>
                    <a:ext uri="{FF2B5EF4-FFF2-40B4-BE49-F238E27FC236}">
                      <a16:creationId xmlns:a16="http://schemas.microsoft.com/office/drawing/2014/main" id="{07FB0782-94E5-E8E0-92F3-8AA3621AB9FD}"/>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92" name="Oval 91">
                  <a:extLst>
                    <a:ext uri="{FF2B5EF4-FFF2-40B4-BE49-F238E27FC236}">
                      <a16:creationId xmlns:a16="http://schemas.microsoft.com/office/drawing/2014/main" id="{8FCD0194-54D1-AD18-CF53-33C49E92B3A3}"/>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93" name="Oval 92">
                  <a:extLst>
                    <a:ext uri="{FF2B5EF4-FFF2-40B4-BE49-F238E27FC236}">
                      <a16:creationId xmlns:a16="http://schemas.microsoft.com/office/drawing/2014/main" id="{219E0D60-149E-7B1F-CF37-5BCE761883B9}"/>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88" name="Straight Connector 87">
                <a:extLst>
                  <a:ext uri="{FF2B5EF4-FFF2-40B4-BE49-F238E27FC236}">
                    <a16:creationId xmlns:a16="http://schemas.microsoft.com/office/drawing/2014/main" id="{F88D8937-E525-2438-D459-2EAB75BF310C}"/>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9" name="TextBox 88">
                <a:extLst>
                  <a:ext uri="{FF2B5EF4-FFF2-40B4-BE49-F238E27FC236}">
                    <a16:creationId xmlns:a16="http://schemas.microsoft.com/office/drawing/2014/main" id="{B5B57B2C-C3AB-3974-1161-D819F1259A20}"/>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90" name="TextBox 89">
                <a:extLst>
                  <a:ext uri="{FF2B5EF4-FFF2-40B4-BE49-F238E27FC236}">
                    <a16:creationId xmlns:a16="http://schemas.microsoft.com/office/drawing/2014/main" id="{66B0ABD6-093B-C64C-0F86-E91417A14CD1}"/>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86" name="Oval 85">
              <a:extLst>
                <a:ext uri="{FF2B5EF4-FFF2-40B4-BE49-F238E27FC236}">
                  <a16:creationId xmlns:a16="http://schemas.microsoft.com/office/drawing/2014/main" id="{BD099FB5-894F-6F36-CF1C-844454E42272}"/>
                </a:ext>
              </a:extLst>
            </p:cNvPr>
            <p:cNvSpPr/>
            <p:nvPr/>
          </p:nvSpPr>
          <p:spPr>
            <a:xfrm>
              <a:off x="1558115"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94" name="Group 93" descr="Drift og support er en mellem til stor omkostningsdriver">
            <a:extLst>
              <a:ext uri="{FF2B5EF4-FFF2-40B4-BE49-F238E27FC236}">
                <a16:creationId xmlns:a16="http://schemas.microsoft.com/office/drawing/2014/main" id="{17F4CB59-CB7A-F0D4-2DA0-AA927DF6AFD8}"/>
              </a:ext>
              <a:ext uri="{C183D7F6-B498-43B3-948B-1728B52AA6E4}">
                <adec:decorative xmlns:adec="http://schemas.microsoft.com/office/drawing/2017/decorative" val="0"/>
              </a:ext>
            </a:extLst>
          </p:cNvPr>
          <p:cNvGrpSpPr/>
          <p:nvPr/>
        </p:nvGrpSpPr>
        <p:grpSpPr>
          <a:xfrm>
            <a:off x="7290762" y="5883313"/>
            <a:ext cx="1577742" cy="265864"/>
            <a:chOff x="860772" y="4884291"/>
            <a:chExt cx="1487909" cy="250726"/>
          </a:xfrm>
        </p:grpSpPr>
        <p:grpSp>
          <p:nvGrpSpPr>
            <p:cNvPr id="95" name="Group 94">
              <a:extLst>
                <a:ext uri="{FF2B5EF4-FFF2-40B4-BE49-F238E27FC236}">
                  <a16:creationId xmlns:a16="http://schemas.microsoft.com/office/drawing/2014/main" id="{22DBE1BA-A7D5-7B42-5E4B-096F205F2F21}"/>
                </a:ext>
              </a:extLst>
            </p:cNvPr>
            <p:cNvGrpSpPr/>
            <p:nvPr/>
          </p:nvGrpSpPr>
          <p:grpSpPr>
            <a:xfrm>
              <a:off x="860772" y="4884291"/>
              <a:ext cx="1487909" cy="212473"/>
              <a:chOff x="5354949" y="3009711"/>
              <a:chExt cx="1645739" cy="202758"/>
            </a:xfrm>
          </p:grpSpPr>
          <p:grpSp>
            <p:nvGrpSpPr>
              <p:cNvPr id="97" name="Group 96">
                <a:extLst>
                  <a:ext uri="{FF2B5EF4-FFF2-40B4-BE49-F238E27FC236}">
                    <a16:creationId xmlns:a16="http://schemas.microsoft.com/office/drawing/2014/main" id="{7CC8047A-2BA2-6236-1EDB-32BFE1EF6681}"/>
                  </a:ext>
                </a:extLst>
              </p:cNvPr>
              <p:cNvGrpSpPr/>
              <p:nvPr/>
            </p:nvGrpSpPr>
            <p:grpSpPr>
              <a:xfrm>
                <a:off x="5458296" y="3153610"/>
                <a:ext cx="1445092" cy="45719"/>
                <a:chOff x="5458296" y="3153610"/>
                <a:chExt cx="1445092" cy="45719"/>
              </a:xfrm>
            </p:grpSpPr>
            <p:cxnSp>
              <p:nvCxnSpPr>
                <p:cNvPr id="101" name="Straight Connector 100">
                  <a:extLst>
                    <a:ext uri="{FF2B5EF4-FFF2-40B4-BE49-F238E27FC236}">
                      <a16:creationId xmlns:a16="http://schemas.microsoft.com/office/drawing/2014/main" id="{2B483B15-8075-C4B2-15CA-3CF20149A4D5}"/>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02" name="Oval 101">
                  <a:extLst>
                    <a:ext uri="{FF2B5EF4-FFF2-40B4-BE49-F238E27FC236}">
                      <a16:creationId xmlns:a16="http://schemas.microsoft.com/office/drawing/2014/main" id="{2315DDCA-3872-CCDF-8976-397602889932}"/>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3" name="Oval 102">
                  <a:extLst>
                    <a:ext uri="{FF2B5EF4-FFF2-40B4-BE49-F238E27FC236}">
                      <a16:creationId xmlns:a16="http://schemas.microsoft.com/office/drawing/2014/main" id="{FB1D47B0-6FCA-7CDD-9556-34E09F0F063E}"/>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98" name="Straight Connector 97">
                <a:extLst>
                  <a:ext uri="{FF2B5EF4-FFF2-40B4-BE49-F238E27FC236}">
                    <a16:creationId xmlns:a16="http://schemas.microsoft.com/office/drawing/2014/main" id="{D4478E3C-F7E5-E176-E6C4-5F3505B84B6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9" name="TextBox 98">
                <a:extLst>
                  <a:ext uri="{FF2B5EF4-FFF2-40B4-BE49-F238E27FC236}">
                    <a16:creationId xmlns:a16="http://schemas.microsoft.com/office/drawing/2014/main" id="{CB80883B-BAE7-7379-4883-061FA4FFC55C}"/>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00" name="TextBox 99">
                <a:extLst>
                  <a:ext uri="{FF2B5EF4-FFF2-40B4-BE49-F238E27FC236}">
                    <a16:creationId xmlns:a16="http://schemas.microsoft.com/office/drawing/2014/main" id="{BBC2C864-AA73-876A-406E-53A3E374A00B}"/>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96" name="Oval 95">
              <a:extLst>
                <a:ext uri="{FF2B5EF4-FFF2-40B4-BE49-F238E27FC236}">
                  <a16:creationId xmlns:a16="http://schemas.microsoft.com/office/drawing/2014/main" id="{DDFD9548-4FC4-FBFE-84A1-44AE3B3C0E16}"/>
                </a:ext>
              </a:extLst>
            </p:cNvPr>
            <p:cNvSpPr/>
            <p:nvPr/>
          </p:nvSpPr>
          <p:spPr>
            <a:xfrm>
              <a:off x="1888075"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220" name="TextBox 219">
            <a:extLst>
              <a:ext uri="{FF2B5EF4-FFF2-40B4-BE49-F238E27FC236}">
                <a16:creationId xmlns:a16="http://schemas.microsoft.com/office/drawing/2014/main" id="{A74CCF97-B116-B2CB-38D4-400BC390FD44}"/>
              </a:ext>
            </a:extLst>
          </p:cNvPr>
          <p:cNvSpPr txBox="1"/>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Nøgletal</a:t>
            </a:r>
          </a:p>
        </p:txBody>
      </p:sp>
      <p:sp>
        <p:nvSpPr>
          <p:cNvPr id="222" name="TextBox 221">
            <a:extLst>
              <a:ext uri="{FF2B5EF4-FFF2-40B4-BE49-F238E27FC236}">
                <a16:creationId xmlns:a16="http://schemas.microsoft.com/office/drawing/2014/main" id="{E8814549-6090-2C35-0C57-4BDA1456AD0F}"/>
              </a:ext>
            </a:extLst>
          </p:cNvPr>
          <p:cNvSpPr txBox="1"/>
          <p:nvPr/>
        </p:nvSpPr>
        <p:spPr>
          <a:xfrm>
            <a:off x="10330124" y="2033118"/>
            <a:ext cx="1643908" cy="707886"/>
          </a:xfrm>
          <a:prstGeom prst="rect">
            <a:avLst/>
          </a:prstGeom>
          <a:noFill/>
        </p:spPr>
        <p:txBody>
          <a:bodyPr wrap="square">
            <a:spAutoFit/>
          </a:bodyPr>
          <a:lstStyle/>
          <a:p>
            <a:r>
              <a:rPr lang="da-DK" sz="1600" noProof="0">
                <a:solidFill>
                  <a:srgbClr val="EE2F66"/>
                </a:solidFill>
              </a:rPr>
              <a:t>350 mia. </a:t>
            </a:r>
            <a:r>
              <a:rPr lang="da-DK" sz="1600" noProof="0" dirty="0" err="1">
                <a:solidFill>
                  <a:srgbClr val="EE2F66"/>
                </a:solidFill>
              </a:rPr>
              <a:t>tokens</a:t>
            </a:r>
            <a:endParaRPr lang="da-DK" sz="1000" noProof="0">
              <a:solidFill>
                <a:srgbClr val="2C8027"/>
              </a:solidFill>
              <a:highlight>
                <a:srgbClr val="FFFF00"/>
              </a:highlight>
            </a:endParaRPr>
          </a:p>
          <a:p>
            <a:r>
              <a:rPr lang="da-DK" sz="800" noProof="0"/>
              <a:t>er indtil videre blevet brugt til træning af GPT-NL. </a:t>
            </a:r>
          </a:p>
          <a:p>
            <a:endParaRPr lang="da-DK" sz="800" noProof="0"/>
          </a:p>
        </p:txBody>
      </p:sp>
      <p:sp>
        <p:nvSpPr>
          <p:cNvPr id="228" name="TextBox 227">
            <a:extLst>
              <a:ext uri="{FF2B5EF4-FFF2-40B4-BE49-F238E27FC236}">
                <a16:creationId xmlns:a16="http://schemas.microsoft.com/office/drawing/2014/main" id="{76DC7696-399A-6C67-D050-70F3A26B4887}"/>
              </a:ext>
            </a:extLst>
          </p:cNvPr>
          <p:cNvSpPr txBox="1"/>
          <p:nvPr/>
        </p:nvSpPr>
        <p:spPr>
          <a:xfrm>
            <a:off x="10330124" y="2867243"/>
            <a:ext cx="1519861" cy="707886"/>
          </a:xfrm>
          <a:prstGeom prst="rect">
            <a:avLst/>
          </a:prstGeom>
          <a:noFill/>
        </p:spPr>
        <p:txBody>
          <a:bodyPr wrap="square">
            <a:spAutoFit/>
          </a:bodyPr>
          <a:lstStyle/>
          <a:p>
            <a:r>
              <a:rPr lang="da-DK" sz="1600" noProof="0">
                <a:solidFill>
                  <a:srgbClr val="EE2F66"/>
                </a:solidFill>
              </a:rPr>
              <a:t>4 år</a:t>
            </a:r>
            <a:endParaRPr lang="da-DK" sz="1600" noProof="0">
              <a:solidFill>
                <a:srgbClr val="2C8027"/>
              </a:solidFill>
            </a:endParaRPr>
          </a:p>
          <a:p>
            <a:r>
              <a:rPr lang="da-DK" sz="800" noProof="0"/>
              <a:t>er rammen for den foreløbige udviklingsplan.</a:t>
            </a:r>
          </a:p>
          <a:p>
            <a:endParaRPr lang="da-DK" sz="800" noProof="0"/>
          </a:p>
        </p:txBody>
      </p:sp>
      <p:sp>
        <p:nvSpPr>
          <p:cNvPr id="225" name="TextBox 224">
            <a:extLst>
              <a:ext uri="{FF2B5EF4-FFF2-40B4-BE49-F238E27FC236}">
                <a16:creationId xmlns:a16="http://schemas.microsoft.com/office/drawing/2014/main" id="{EE79975D-A7CD-7D43-B857-5F876D981769}"/>
              </a:ext>
            </a:extLst>
          </p:cNvPr>
          <p:cNvSpPr txBox="1"/>
          <p:nvPr/>
        </p:nvSpPr>
        <p:spPr>
          <a:xfrm>
            <a:off x="10330124" y="3670590"/>
            <a:ext cx="1519861" cy="707886"/>
          </a:xfrm>
          <a:prstGeom prst="rect">
            <a:avLst/>
          </a:prstGeom>
          <a:noFill/>
        </p:spPr>
        <p:txBody>
          <a:bodyPr wrap="square" lIns="91440" tIns="45720" rIns="91440" bIns="45720" anchor="t">
            <a:spAutoFit/>
          </a:bodyPr>
          <a:lstStyle/>
          <a:p>
            <a:r>
              <a:rPr lang="da-DK" sz="1600" noProof="0">
                <a:solidFill>
                  <a:srgbClr val="EE2F66"/>
                </a:solidFill>
              </a:rPr>
              <a:t>€13.5 mio.</a:t>
            </a:r>
            <a:endParaRPr lang="da-DK" sz="1600" noProof="0">
              <a:solidFill>
                <a:srgbClr val="2C8027"/>
              </a:solidFill>
              <a:highlight>
                <a:srgbClr val="FFFF00"/>
              </a:highlight>
            </a:endParaRPr>
          </a:p>
          <a:p>
            <a:r>
              <a:rPr lang="da-DK" sz="800" noProof="0"/>
              <a:t>til indledende investering i GPT-NL fra Økonomiministeriet.</a:t>
            </a:r>
            <a:endParaRPr lang="da-DK" sz="800" noProof="0">
              <a:cs typeface="Arial"/>
            </a:endParaRPr>
          </a:p>
        </p:txBody>
      </p:sp>
      <p:grpSp>
        <p:nvGrpSpPr>
          <p:cNvPr id="29" name="Group 28">
            <a:extLst>
              <a:ext uri="{FF2B5EF4-FFF2-40B4-BE49-F238E27FC236}">
                <a16:creationId xmlns:a16="http://schemas.microsoft.com/office/drawing/2014/main" id="{53169B53-901A-94F0-72E6-AE7110202AF4}"/>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30" name="Oval 29">
              <a:extLst>
                <a:ext uri="{FF2B5EF4-FFF2-40B4-BE49-F238E27FC236}">
                  <a16:creationId xmlns:a16="http://schemas.microsoft.com/office/drawing/2014/main" id="{CCFB8AF6-FF56-8612-FBDA-401E60F81B6F}"/>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Freeform 11">
              <a:extLst>
                <a:ext uri="{FF2B5EF4-FFF2-40B4-BE49-F238E27FC236}">
                  <a16:creationId xmlns:a16="http://schemas.microsoft.com/office/drawing/2014/main" id="{F4325FB2-B1B2-EDCB-40DB-C3F39FD66E67}"/>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47" name="Group 46">
            <a:extLst>
              <a:ext uri="{FF2B5EF4-FFF2-40B4-BE49-F238E27FC236}">
                <a16:creationId xmlns:a16="http://schemas.microsoft.com/office/drawing/2014/main" id="{F0FD384D-F5F9-D844-D1E1-182315288571}"/>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48" name="Oval 47">
              <a:extLst>
                <a:ext uri="{FF2B5EF4-FFF2-40B4-BE49-F238E27FC236}">
                  <a16:creationId xmlns:a16="http://schemas.microsoft.com/office/drawing/2014/main" id="{66B5A352-3DFD-7E0E-577D-D2EA1A06A9C1}"/>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9" name="Freeform 19">
              <a:extLst>
                <a:ext uri="{FF2B5EF4-FFF2-40B4-BE49-F238E27FC236}">
                  <a16:creationId xmlns:a16="http://schemas.microsoft.com/office/drawing/2014/main" id="{6C8C40E6-1F00-EB69-EF14-1DEA4D9C2D4C}"/>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116" name="Content Placeholder 5">
            <a:extLst>
              <a:ext uri="{FF2B5EF4-FFF2-40B4-BE49-F238E27FC236}">
                <a16:creationId xmlns:a16="http://schemas.microsoft.com/office/drawing/2014/main" id="{FAB40FA4-F76C-0339-269F-1354E9304066}"/>
              </a:ext>
            </a:extLst>
          </p:cNvPr>
          <p:cNvSpPr txBox="1">
            <a:spLocks/>
          </p:cNvSpPr>
          <p:nvPr/>
        </p:nvSpPr>
        <p:spPr>
          <a:xfrm>
            <a:off x="558228" y="6421931"/>
            <a:ext cx="11509488" cy="290179"/>
          </a:xfrm>
          <a:prstGeom prst="rect">
            <a:avLst/>
          </a:prstGeom>
        </p:spPr>
        <p:txBody>
          <a:bodyPr vert="horz" lIns="0" tIns="0" rIns="0" bIns="0" rtlCol="0" anchor="t">
            <a:noAutofit/>
          </a:bodyPr>
          <a:lstStyle>
            <a:defPPr>
              <a:defRPr lang="en-US"/>
            </a:defPPr>
            <a:lvl1pPr marL="87313" indent="-87313" defTabSz="203892">
              <a:lnSpc>
                <a:spcPct val="100000"/>
              </a:lnSpc>
              <a:spcBef>
                <a:spcPts val="0"/>
              </a:spcBef>
              <a:spcAft>
                <a:spcPts val="300"/>
              </a:spcAft>
              <a:buClrTx/>
              <a:buFont typeface="Arial" panose="020B0604020202020204" pitchFamily="34" charset="0"/>
              <a:buNone/>
              <a:defRPr sz="900" b="0" cap="none" baseline="30000"/>
            </a:lvl1pPr>
            <a:lvl2pPr marL="0" indent="0" defTabSz="203892">
              <a:lnSpc>
                <a:spcPct val="100000"/>
              </a:lnSpc>
              <a:spcBef>
                <a:spcPts val="0"/>
              </a:spcBef>
              <a:spcAft>
                <a:spcPts val="600"/>
              </a:spcAft>
              <a:buClrTx/>
              <a:buFont typeface="Arial" panose="020B0604020202020204" pitchFamily="34" charset="0"/>
              <a:buNone/>
              <a:defRPr sz="1200" b="1" cap="none" baseline="0">
                <a:solidFill>
                  <a:schemeClr val="accent1"/>
                </a:solidFill>
              </a:defRPr>
            </a:lvl2pPr>
            <a:lvl3pPr marL="0" indent="0" defTabSz="203892">
              <a:lnSpc>
                <a:spcPct val="100000"/>
              </a:lnSpc>
              <a:spcBef>
                <a:spcPts val="0"/>
              </a:spcBef>
              <a:spcAft>
                <a:spcPts val="600"/>
              </a:spcAft>
              <a:buFont typeface="Arial" panose="020B0604020202020204" pitchFamily="34" charset="0"/>
              <a:buNone/>
              <a:defRPr sz="1100">
                <a:solidFill>
                  <a:schemeClr val="accent3"/>
                </a:solidFill>
              </a:defRPr>
            </a:lvl3pPr>
            <a:lvl4pPr marL="180000" indent="-180000" defTabSz="203892">
              <a:lnSpc>
                <a:spcPct val="100000"/>
              </a:lnSpc>
              <a:spcBef>
                <a:spcPts val="0"/>
              </a:spcBef>
              <a:spcAft>
                <a:spcPts val="600"/>
              </a:spcAft>
              <a:buClr>
                <a:srgbClr val="F62B44"/>
              </a:buClr>
              <a:buFont typeface="Arial" panose="020B0604020202020204" pitchFamily="34" charset="0"/>
              <a:buChar char="•"/>
              <a:defRPr sz="1100">
                <a:solidFill>
                  <a:schemeClr val="accent3"/>
                </a:solidFill>
              </a:defRPr>
            </a:lvl4pPr>
            <a:lvl5pPr marL="36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5pPr>
            <a:lvl6pPr marL="54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6pPr>
            <a:lvl7pPr marL="225425" indent="-225425" defTabSz="203892">
              <a:lnSpc>
                <a:spcPct val="100000"/>
              </a:lnSpc>
              <a:spcBef>
                <a:spcPts val="0"/>
              </a:spcBef>
              <a:spcAft>
                <a:spcPts val="600"/>
              </a:spcAft>
              <a:buClr>
                <a:srgbClr val="F62B44"/>
              </a:buClr>
              <a:buFont typeface="+mj-lt"/>
              <a:buAutoNum type="arabicPeriod"/>
              <a:defRPr sz="1100">
                <a:solidFill>
                  <a:schemeClr val="accent3"/>
                </a:solidFill>
              </a:defRPr>
            </a:lvl7pPr>
            <a:lvl8pPr marL="449263" indent="-215900" defTabSz="203892">
              <a:lnSpc>
                <a:spcPct val="100000"/>
              </a:lnSpc>
              <a:spcBef>
                <a:spcPts val="0"/>
              </a:spcBef>
              <a:spcAft>
                <a:spcPts val="600"/>
              </a:spcAft>
              <a:buClr>
                <a:srgbClr val="F62B44"/>
              </a:buClr>
              <a:buFont typeface="+mj-lt"/>
              <a:buAutoNum type="alphaLcParenR"/>
              <a:defRPr sz="1100">
                <a:solidFill>
                  <a:schemeClr val="accent3"/>
                </a:solidFill>
              </a:defRPr>
            </a:lvl8pPr>
            <a:lvl9pPr marL="630238" indent="-180975" defTabSz="203892">
              <a:lnSpc>
                <a:spcPct val="100000"/>
              </a:lnSpc>
              <a:spcBef>
                <a:spcPts val="0"/>
              </a:spcBef>
              <a:spcAft>
                <a:spcPts val="600"/>
              </a:spcAft>
              <a:buClr>
                <a:srgbClr val="F62B44"/>
              </a:buClr>
              <a:buSzPct val="100000"/>
              <a:buFont typeface="+mj-lt"/>
              <a:buAutoNum type="romanLcPeriod"/>
              <a:defRPr sz="1100">
                <a:solidFill>
                  <a:schemeClr val="accent3"/>
                </a:solidFill>
              </a:defRPr>
            </a:lvl9pPr>
          </a:lstStyle>
          <a:p>
            <a:r>
              <a:rPr lang="da-DK" sz="700" i="1" baseline="0" noProof="0" dirty="0"/>
              <a:t>*Dutch AI </a:t>
            </a:r>
            <a:r>
              <a:rPr lang="da-DK" sz="700" i="1" baseline="0" noProof="0" dirty="0" err="1"/>
              <a:t>Coalition</a:t>
            </a:r>
            <a:r>
              <a:rPr lang="da-DK" sz="700" i="1" baseline="0" noProof="0" dirty="0"/>
              <a:t> (AIC4NL) består 262 medlemmer på tværs af 14 sektorer og 7 regionale AI Hubs – og er det største AI fællesskab i Nederlandene.</a:t>
            </a:r>
          </a:p>
        </p:txBody>
      </p:sp>
      <p:sp>
        <p:nvSpPr>
          <p:cNvPr id="117" name="Freeform 20">
            <a:extLst>
              <a:ext uri="{FF2B5EF4-FFF2-40B4-BE49-F238E27FC236}">
                <a16:creationId xmlns:a16="http://schemas.microsoft.com/office/drawing/2014/main" id="{6021CAD3-AC82-3C2F-E742-2F312EE2C944}"/>
              </a:ext>
              <a:ext uri="{C183D7F6-B498-43B3-948B-1728B52AA6E4}">
                <adec:decorative xmlns:adec="http://schemas.microsoft.com/office/drawing/2017/decorative" val="1"/>
              </a:ext>
            </a:extLst>
          </p:cNvPr>
          <p:cNvSpPr>
            <a:spLocks noEditPoints="1"/>
          </p:cNvSpPr>
          <p:nvPr/>
        </p:nvSpPr>
        <p:spPr bwMode="auto">
          <a:xfrm>
            <a:off x="9697746" y="2986804"/>
            <a:ext cx="322618" cy="300214"/>
          </a:xfrm>
          <a:custGeom>
            <a:avLst/>
            <a:gdLst>
              <a:gd name="T0" fmla="*/ 112 w 224"/>
              <a:gd name="T1" fmla="*/ 32 h 208"/>
              <a:gd name="T2" fmla="*/ 84 w 224"/>
              <a:gd name="T3" fmla="*/ 60 h 208"/>
              <a:gd name="T4" fmla="*/ 112 w 224"/>
              <a:gd name="T5" fmla="*/ 88 h 208"/>
              <a:gd name="T6" fmla="*/ 140 w 224"/>
              <a:gd name="T7" fmla="*/ 60 h 208"/>
              <a:gd name="T8" fmla="*/ 112 w 224"/>
              <a:gd name="T9" fmla="*/ 32 h 208"/>
              <a:gd name="T10" fmla="*/ 112 w 224"/>
              <a:gd name="T11" fmla="*/ 80 h 208"/>
              <a:gd name="T12" fmla="*/ 92 w 224"/>
              <a:gd name="T13" fmla="*/ 60 h 208"/>
              <a:gd name="T14" fmla="*/ 112 w 224"/>
              <a:gd name="T15" fmla="*/ 40 h 208"/>
              <a:gd name="T16" fmla="*/ 132 w 224"/>
              <a:gd name="T17" fmla="*/ 60 h 208"/>
              <a:gd name="T18" fmla="*/ 112 w 224"/>
              <a:gd name="T19" fmla="*/ 80 h 208"/>
              <a:gd name="T20" fmla="*/ 222 w 224"/>
              <a:gd name="T21" fmla="*/ 64 h 208"/>
              <a:gd name="T22" fmla="*/ 218 w 224"/>
              <a:gd name="T23" fmla="*/ 65 h 208"/>
              <a:gd name="T24" fmla="*/ 172 w 224"/>
              <a:gd name="T25" fmla="*/ 95 h 208"/>
              <a:gd name="T26" fmla="*/ 164 w 224"/>
              <a:gd name="T27" fmla="*/ 91 h 208"/>
              <a:gd name="T28" fmla="*/ 172 w 224"/>
              <a:gd name="T29" fmla="*/ 60 h 208"/>
              <a:gd name="T30" fmla="*/ 112 w 224"/>
              <a:gd name="T31" fmla="*/ 0 h 208"/>
              <a:gd name="T32" fmla="*/ 52 w 224"/>
              <a:gd name="T33" fmla="*/ 60 h 208"/>
              <a:gd name="T34" fmla="*/ 60 w 224"/>
              <a:gd name="T35" fmla="*/ 91 h 208"/>
              <a:gd name="T36" fmla="*/ 52 w 224"/>
              <a:gd name="T37" fmla="*/ 95 h 208"/>
              <a:gd name="T38" fmla="*/ 6 w 224"/>
              <a:gd name="T39" fmla="*/ 65 h 208"/>
              <a:gd name="T40" fmla="*/ 2 w 224"/>
              <a:gd name="T41" fmla="*/ 64 h 208"/>
              <a:gd name="T42" fmla="*/ 0 w 224"/>
              <a:gd name="T43" fmla="*/ 68 h 208"/>
              <a:gd name="T44" fmla="*/ 0 w 224"/>
              <a:gd name="T45" fmla="*/ 172 h 208"/>
              <a:gd name="T46" fmla="*/ 2 w 224"/>
              <a:gd name="T47" fmla="*/ 175 h 208"/>
              <a:gd name="T48" fmla="*/ 50 w 224"/>
              <a:gd name="T49" fmla="*/ 207 h 208"/>
              <a:gd name="T50" fmla="*/ 54 w 224"/>
              <a:gd name="T51" fmla="*/ 208 h 208"/>
              <a:gd name="T52" fmla="*/ 112 w 224"/>
              <a:gd name="T53" fmla="*/ 177 h 208"/>
              <a:gd name="T54" fmla="*/ 170 w 224"/>
              <a:gd name="T55" fmla="*/ 208 h 208"/>
              <a:gd name="T56" fmla="*/ 172 w 224"/>
              <a:gd name="T57" fmla="*/ 208 h 208"/>
              <a:gd name="T58" fmla="*/ 174 w 224"/>
              <a:gd name="T59" fmla="*/ 207 h 208"/>
              <a:gd name="T60" fmla="*/ 222 w 224"/>
              <a:gd name="T61" fmla="*/ 175 h 208"/>
              <a:gd name="T62" fmla="*/ 224 w 224"/>
              <a:gd name="T63" fmla="*/ 172 h 208"/>
              <a:gd name="T64" fmla="*/ 224 w 224"/>
              <a:gd name="T65" fmla="*/ 68 h 208"/>
              <a:gd name="T66" fmla="*/ 222 w 224"/>
              <a:gd name="T67" fmla="*/ 64 h 208"/>
              <a:gd name="T68" fmla="*/ 48 w 224"/>
              <a:gd name="T69" fmla="*/ 197 h 208"/>
              <a:gd name="T70" fmla="*/ 8 w 224"/>
              <a:gd name="T71" fmla="*/ 170 h 208"/>
              <a:gd name="T72" fmla="*/ 8 w 224"/>
              <a:gd name="T73" fmla="*/ 75 h 208"/>
              <a:gd name="T74" fmla="*/ 48 w 224"/>
              <a:gd name="T75" fmla="*/ 102 h 208"/>
              <a:gd name="T76" fmla="*/ 48 w 224"/>
              <a:gd name="T77" fmla="*/ 197 h 208"/>
              <a:gd name="T78" fmla="*/ 108 w 224"/>
              <a:gd name="T79" fmla="*/ 170 h 208"/>
              <a:gd name="T80" fmla="*/ 56 w 224"/>
              <a:gd name="T81" fmla="*/ 197 h 208"/>
              <a:gd name="T82" fmla="*/ 56 w 224"/>
              <a:gd name="T83" fmla="*/ 102 h 208"/>
              <a:gd name="T84" fmla="*/ 64 w 224"/>
              <a:gd name="T85" fmla="*/ 98 h 208"/>
              <a:gd name="T86" fmla="*/ 108 w 224"/>
              <a:gd name="T87" fmla="*/ 158 h 208"/>
              <a:gd name="T88" fmla="*/ 108 w 224"/>
              <a:gd name="T89" fmla="*/ 170 h 208"/>
              <a:gd name="T90" fmla="*/ 60 w 224"/>
              <a:gd name="T91" fmla="*/ 60 h 208"/>
              <a:gd name="T92" fmla="*/ 112 w 224"/>
              <a:gd name="T93" fmla="*/ 8 h 208"/>
              <a:gd name="T94" fmla="*/ 164 w 224"/>
              <a:gd name="T95" fmla="*/ 60 h 208"/>
              <a:gd name="T96" fmla="*/ 112 w 224"/>
              <a:gd name="T97" fmla="*/ 150 h 208"/>
              <a:gd name="T98" fmla="*/ 60 w 224"/>
              <a:gd name="T99" fmla="*/ 60 h 208"/>
              <a:gd name="T100" fmla="*/ 168 w 224"/>
              <a:gd name="T101" fmla="*/ 197 h 208"/>
              <a:gd name="T102" fmla="*/ 116 w 224"/>
              <a:gd name="T103" fmla="*/ 170 h 208"/>
              <a:gd name="T104" fmla="*/ 116 w 224"/>
              <a:gd name="T105" fmla="*/ 158 h 208"/>
              <a:gd name="T106" fmla="*/ 160 w 224"/>
              <a:gd name="T107" fmla="*/ 98 h 208"/>
              <a:gd name="T108" fmla="*/ 168 w 224"/>
              <a:gd name="T109" fmla="*/ 102 h 208"/>
              <a:gd name="T110" fmla="*/ 168 w 224"/>
              <a:gd name="T111" fmla="*/ 197 h 208"/>
              <a:gd name="T112" fmla="*/ 216 w 224"/>
              <a:gd name="T113" fmla="*/ 170 h 208"/>
              <a:gd name="T114" fmla="*/ 176 w 224"/>
              <a:gd name="T115" fmla="*/ 197 h 208"/>
              <a:gd name="T116" fmla="*/ 176 w 224"/>
              <a:gd name="T117" fmla="*/ 102 h 208"/>
              <a:gd name="T118" fmla="*/ 216 w 224"/>
              <a:gd name="T119" fmla="*/ 75 h 208"/>
              <a:gd name="T120" fmla="*/ 216 w 224"/>
              <a:gd name="T121" fmla="*/ 17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24" h="208">
                <a:moveTo>
                  <a:pt x="112" y="32"/>
                </a:moveTo>
                <a:cubicBezTo>
                  <a:pt x="97" y="32"/>
                  <a:pt x="84" y="45"/>
                  <a:pt x="84" y="60"/>
                </a:cubicBezTo>
                <a:cubicBezTo>
                  <a:pt x="84" y="75"/>
                  <a:pt x="97" y="88"/>
                  <a:pt x="112" y="88"/>
                </a:cubicBezTo>
                <a:cubicBezTo>
                  <a:pt x="127" y="88"/>
                  <a:pt x="140" y="75"/>
                  <a:pt x="140" y="60"/>
                </a:cubicBezTo>
                <a:cubicBezTo>
                  <a:pt x="140" y="45"/>
                  <a:pt x="127" y="32"/>
                  <a:pt x="112" y="32"/>
                </a:cubicBezTo>
                <a:close/>
                <a:moveTo>
                  <a:pt x="112" y="80"/>
                </a:moveTo>
                <a:cubicBezTo>
                  <a:pt x="101" y="80"/>
                  <a:pt x="92" y="71"/>
                  <a:pt x="92" y="60"/>
                </a:cubicBezTo>
                <a:cubicBezTo>
                  <a:pt x="92" y="49"/>
                  <a:pt x="101" y="40"/>
                  <a:pt x="112" y="40"/>
                </a:cubicBezTo>
                <a:cubicBezTo>
                  <a:pt x="123" y="40"/>
                  <a:pt x="132" y="49"/>
                  <a:pt x="132" y="60"/>
                </a:cubicBezTo>
                <a:cubicBezTo>
                  <a:pt x="132" y="71"/>
                  <a:pt x="123" y="80"/>
                  <a:pt x="112" y="80"/>
                </a:cubicBezTo>
                <a:close/>
                <a:moveTo>
                  <a:pt x="222" y="64"/>
                </a:moveTo>
                <a:cubicBezTo>
                  <a:pt x="221" y="64"/>
                  <a:pt x="219" y="64"/>
                  <a:pt x="218" y="65"/>
                </a:cubicBezTo>
                <a:cubicBezTo>
                  <a:pt x="172" y="95"/>
                  <a:pt x="172" y="95"/>
                  <a:pt x="172" y="95"/>
                </a:cubicBezTo>
                <a:cubicBezTo>
                  <a:pt x="164" y="91"/>
                  <a:pt x="164" y="91"/>
                  <a:pt x="164" y="91"/>
                </a:cubicBezTo>
                <a:cubicBezTo>
                  <a:pt x="169" y="80"/>
                  <a:pt x="172" y="70"/>
                  <a:pt x="172" y="60"/>
                </a:cubicBezTo>
                <a:cubicBezTo>
                  <a:pt x="172" y="27"/>
                  <a:pt x="145" y="0"/>
                  <a:pt x="112" y="0"/>
                </a:cubicBezTo>
                <a:cubicBezTo>
                  <a:pt x="79" y="0"/>
                  <a:pt x="52" y="27"/>
                  <a:pt x="52" y="60"/>
                </a:cubicBezTo>
                <a:cubicBezTo>
                  <a:pt x="52" y="70"/>
                  <a:pt x="55" y="80"/>
                  <a:pt x="60" y="91"/>
                </a:cubicBezTo>
                <a:cubicBezTo>
                  <a:pt x="52" y="95"/>
                  <a:pt x="52" y="95"/>
                  <a:pt x="52" y="95"/>
                </a:cubicBezTo>
                <a:cubicBezTo>
                  <a:pt x="6" y="65"/>
                  <a:pt x="6" y="65"/>
                  <a:pt x="6" y="65"/>
                </a:cubicBezTo>
                <a:cubicBezTo>
                  <a:pt x="5" y="64"/>
                  <a:pt x="3" y="64"/>
                  <a:pt x="2" y="64"/>
                </a:cubicBezTo>
                <a:cubicBezTo>
                  <a:pt x="1" y="65"/>
                  <a:pt x="0" y="67"/>
                  <a:pt x="0" y="68"/>
                </a:cubicBezTo>
                <a:cubicBezTo>
                  <a:pt x="0" y="172"/>
                  <a:pt x="0" y="172"/>
                  <a:pt x="0" y="172"/>
                </a:cubicBezTo>
                <a:cubicBezTo>
                  <a:pt x="0" y="173"/>
                  <a:pt x="1" y="175"/>
                  <a:pt x="2" y="175"/>
                </a:cubicBezTo>
                <a:cubicBezTo>
                  <a:pt x="50" y="207"/>
                  <a:pt x="50" y="207"/>
                  <a:pt x="50" y="207"/>
                </a:cubicBezTo>
                <a:cubicBezTo>
                  <a:pt x="51" y="208"/>
                  <a:pt x="53" y="208"/>
                  <a:pt x="54" y="208"/>
                </a:cubicBezTo>
                <a:cubicBezTo>
                  <a:pt x="112" y="177"/>
                  <a:pt x="112" y="177"/>
                  <a:pt x="112" y="177"/>
                </a:cubicBezTo>
                <a:cubicBezTo>
                  <a:pt x="170" y="208"/>
                  <a:pt x="170" y="208"/>
                  <a:pt x="170" y="208"/>
                </a:cubicBezTo>
                <a:cubicBezTo>
                  <a:pt x="171" y="208"/>
                  <a:pt x="171" y="208"/>
                  <a:pt x="172" y="208"/>
                </a:cubicBezTo>
                <a:cubicBezTo>
                  <a:pt x="173" y="208"/>
                  <a:pt x="174" y="208"/>
                  <a:pt x="174" y="207"/>
                </a:cubicBezTo>
                <a:cubicBezTo>
                  <a:pt x="222" y="175"/>
                  <a:pt x="222" y="175"/>
                  <a:pt x="222" y="175"/>
                </a:cubicBezTo>
                <a:cubicBezTo>
                  <a:pt x="223" y="175"/>
                  <a:pt x="224" y="173"/>
                  <a:pt x="224" y="172"/>
                </a:cubicBezTo>
                <a:cubicBezTo>
                  <a:pt x="224" y="68"/>
                  <a:pt x="224" y="68"/>
                  <a:pt x="224" y="68"/>
                </a:cubicBezTo>
                <a:cubicBezTo>
                  <a:pt x="224" y="67"/>
                  <a:pt x="223" y="65"/>
                  <a:pt x="222" y="64"/>
                </a:cubicBezTo>
                <a:close/>
                <a:moveTo>
                  <a:pt x="48" y="197"/>
                </a:moveTo>
                <a:cubicBezTo>
                  <a:pt x="8" y="170"/>
                  <a:pt x="8" y="170"/>
                  <a:pt x="8" y="170"/>
                </a:cubicBezTo>
                <a:cubicBezTo>
                  <a:pt x="8" y="75"/>
                  <a:pt x="8" y="75"/>
                  <a:pt x="8" y="75"/>
                </a:cubicBezTo>
                <a:cubicBezTo>
                  <a:pt x="48" y="102"/>
                  <a:pt x="48" y="102"/>
                  <a:pt x="48" y="102"/>
                </a:cubicBezTo>
                <a:lnTo>
                  <a:pt x="48" y="197"/>
                </a:lnTo>
                <a:close/>
                <a:moveTo>
                  <a:pt x="108" y="170"/>
                </a:moveTo>
                <a:cubicBezTo>
                  <a:pt x="56" y="197"/>
                  <a:pt x="56" y="197"/>
                  <a:pt x="56" y="197"/>
                </a:cubicBezTo>
                <a:cubicBezTo>
                  <a:pt x="56" y="102"/>
                  <a:pt x="56" y="102"/>
                  <a:pt x="56" y="102"/>
                </a:cubicBezTo>
                <a:cubicBezTo>
                  <a:pt x="64" y="98"/>
                  <a:pt x="64" y="98"/>
                  <a:pt x="64" y="98"/>
                </a:cubicBezTo>
                <a:cubicBezTo>
                  <a:pt x="79" y="126"/>
                  <a:pt x="102" y="152"/>
                  <a:pt x="108" y="158"/>
                </a:cubicBezTo>
                <a:lnTo>
                  <a:pt x="108" y="170"/>
                </a:lnTo>
                <a:close/>
                <a:moveTo>
                  <a:pt x="60" y="60"/>
                </a:moveTo>
                <a:cubicBezTo>
                  <a:pt x="60" y="31"/>
                  <a:pt x="83" y="8"/>
                  <a:pt x="112" y="8"/>
                </a:cubicBezTo>
                <a:cubicBezTo>
                  <a:pt x="141" y="8"/>
                  <a:pt x="164" y="31"/>
                  <a:pt x="164" y="60"/>
                </a:cubicBezTo>
                <a:cubicBezTo>
                  <a:pt x="164" y="91"/>
                  <a:pt x="123" y="138"/>
                  <a:pt x="112" y="150"/>
                </a:cubicBezTo>
                <a:cubicBezTo>
                  <a:pt x="101" y="138"/>
                  <a:pt x="60" y="91"/>
                  <a:pt x="60" y="60"/>
                </a:cubicBezTo>
                <a:close/>
                <a:moveTo>
                  <a:pt x="168" y="197"/>
                </a:moveTo>
                <a:cubicBezTo>
                  <a:pt x="116" y="170"/>
                  <a:pt x="116" y="170"/>
                  <a:pt x="116" y="170"/>
                </a:cubicBezTo>
                <a:cubicBezTo>
                  <a:pt x="116" y="158"/>
                  <a:pt x="116" y="158"/>
                  <a:pt x="116" y="158"/>
                </a:cubicBezTo>
                <a:cubicBezTo>
                  <a:pt x="122" y="152"/>
                  <a:pt x="145" y="126"/>
                  <a:pt x="160" y="98"/>
                </a:cubicBezTo>
                <a:cubicBezTo>
                  <a:pt x="168" y="102"/>
                  <a:pt x="168" y="102"/>
                  <a:pt x="168" y="102"/>
                </a:cubicBezTo>
                <a:lnTo>
                  <a:pt x="168" y="197"/>
                </a:lnTo>
                <a:close/>
                <a:moveTo>
                  <a:pt x="216" y="170"/>
                </a:moveTo>
                <a:cubicBezTo>
                  <a:pt x="176" y="197"/>
                  <a:pt x="176" y="197"/>
                  <a:pt x="176" y="197"/>
                </a:cubicBezTo>
                <a:cubicBezTo>
                  <a:pt x="176" y="102"/>
                  <a:pt x="176" y="102"/>
                  <a:pt x="176" y="102"/>
                </a:cubicBezTo>
                <a:cubicBezTo>
                  <a:pt x="216" y="75"/>
                  <a:pt x="216" y="75"/>
                  <a:pt x="216" y="75"/>
                </a:cubicBezTo>
                <a:lnTo>
                  <a:pt x="216" y="170"/>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9" tIns="45719" rIns="91439" bIns="45719" numCol="1" anchor="t" anchorCtr="0" compatLnSpc="1">
            <a:prstTxWarp prst="textNoShape">
              <a:avLst/>
            </a:prstTxWarp>
          </a:bodyPr>
          <a:lstStyle/>
          <a:p>
            <a:endParaRPr lang="da-DK" sz="508" noProof="0"/>
          </a:p>
        </p:txBody>
      </p:sp>
      <p:grpSp>
        <p:nvGrpSpPr>
          <p:cNvPr id="118" name="Group 117">
            <a:extLst>
              <a:ext uri="{FF2B5EF4-FFF2-40B4-BE49-F238E27FC236}">
                <a16:creationId xmlns:a16="http://schemas.microsoft.com/office/drawing/2014/main" id="{D6898CB6-99BB-7E73-7A72-AC403A40E540}"/>
              </a:ext>
              <a:ext uri="{C183D7F6-B498-43B3-948B-1728B52AA6E4}">
                <adec:decorative xmlns:adec="http://schemas.microsoft.com/office/drawing/2017/decorative" val="1"/>
              </a:ext>
            </a:extLst>
          </p:cNvPr>
          <p:cNvGrpSpPr/>
          <p:nvPr/>
        </p:nvGrpSpPr>
        <p:grpSpPr>
          <a:xfrm>
            <a:off x="9688691" y="2180925"/>
            <a:ext cx="340744" cy="359072"/>
            <a:chOff x="-5705475" y="4608513"/>
            <a:chExt cx="649287" cy="684213"/>
          </a:xfrm>
          <a:solidFill>
            <a:schemeClr val="tx1"/>
          </a:solidFill>
        </p:grpSpPr>
        <p:sp>
          <p:nvSpPr>
            <p:cNvPr id="119" name="Freeform 5">
              <a:extLst>
                <a:ext uri="{FF2B5EF4-FFF2-40B4-BE49-F238E27FC236}">
                  <a16:creationId xmlns:a16="http://schemas.microsoft.com/office/drawing/2014/main" id="{751C6C64-E1A7-94C0-4DF7-ED1C4998388C}"/>
                </a:ext>
              </a:extLst>
            </p:cNvPr>
            <p:cNvSpPr>
              <a:spLocks/>
            </p:cNvSpPr>
            <p:nvPr/>
          </p:nvSpPr>
          <p:spPr bwMode="auto">
            <a:xfrm>
              <a:off x="-5705475" y="4608513"/>
              <a:ext cx="363538" cy="684213"/>
            </a:xfrm>
            <a:custGeom>
              <a:avLst/>
              <a:gdLst>
                <a:gd name="T0" fmla="*/ 73 w 97"/>
                <a:gd name="T1" fmla="*/ 182 h 182"/>
                <a:gd name="T2" fmla="*/ 42 w 97"/>
                <a:gd name="T3" fmla="*/ 156 h 182"/>
                <a:gd name="T4" fmla="*/ 19 w 97"/>
                <a:gd name="T5" fmla="*/ 146 h 182"/>
                <a:gd name="T6" fmla="*/ 9 w 97"/>
                <a:gd name="T7" fmla="*/ 114 h 182"/>
                <a:gd name="T8" fmla="*/ 2 w 97"/>
                <a:gd name="T9" fmla="*/ 84 h 182"/>
                <a:gd name="T10" fmla="*/ 14 w 97"/>
                <a:gd name="T11" fmla="*/ 59 h 182"/>
                <a:gd name="T12" fmla="*/ 37 w 97"/>
                <a:gd name="T13" fmla="*/ 29 h 182"/>
                <a:gd name="T14" fmla="*/ 73 w 97"/>
                <a:gd name="T15" fmla="*/ 0 h 182"/>
                <a:gd name="T16" fmla="*/ 91 w 97"/>
                <a:gd name="T17" fmla="*/ 6 h 182"/>
                <a:gd name="T18" fmla="*/ 97 w 97"/>
                <a:gd name="T19" fmla="*/ 27 h 182"/>
                <a:gd name="T20" fmla="*/ 97 w 97"/>
                <a:gd name="T21" fmla="*/ 28 h 182"/>
                <a:gd name="T22" fmla="*/ 89 w 97"/>
                <a:gd name="T23" fmla="*/ 28 h 182"/>
                <a:gd name="T24" fmla="*/ 89 w 97"/>
                <a:gd name="T25" fmla="*/ 27 h 182"/>
                <a:gd name="T26" fmla="*/ 85 w 97"/>
                <a:gd name="T27" fmla="*/ 12 h 182"/>
                <a:gd name="T28" fmla="*/ 73 w 97"/>
                <a:gd name="T29" fmla="*/ 8 h 182"/>
                <a:gd name="T30" fmla="*/ 45 w 97"/>
                <a:gd name="T31" fmla="*/ 32 h 182"/>
                <a:gd name="T32" fmla="*/ 42 w 97"/>
                <a:gd name="T33" fmla="*/ 36 h 182"/>
                <a:gd name="T34" fmla="*/ 22 w 97"/>
                <a:gd name="T35" fmla="*/ 61 h 182"/>
                <a:gd name="T36" fmla="*/ 20 w 97"/>
                <a:gd name="T37" fmla="*/ 65 h 182"/>
                <a:gd name="T38" fmla="*/ 10 w 97"/>
                <a:gd name="T39" fmla="*/ 85 h 182"/>
                <a:gd name="T40" fmla="*/ 16 w 97"/>
                <a:gd name="T41" fmla="*/ 110 h 182"/>
                <a:gd name="T42" fmla="*/ 17 w 97"/>
                <a:gd name="T43" fmla="*/ 114 h 182"/>
                <a:gd name="T44" fmla="*/ 25 w 97"/>
                <a:gd name="T45" fmla="*/ 140 h 182"/>
                <a:gd name="T46" fmla="*/ 45 w 97"/>
                <a:gd name="T47" fmla="*/ 148 h 182"/>
                <a:gd name="T48" fmla="*/ 49 w 97"/>
                <a:gd name="T49" fmla="*/ 151 h 182"/>
                <a:gd name="T50" fmla="*/ 75 w 97"/>
                <a:gd name="T51" fmla="*/ 174 h 182"/>
                <a:gd name="T52" fmla="*/ 89 w 97"/>
                <a:gd name="T53" fmla="*/ 160 h 182"/>
                <a:gd name="T54" fmla="*/ 89 w 97"/>
                <a:gd name="T55" fmla="*/ 140 h 182"/>
                <a:gd name="T56" fmla="*/ 97 w 97"/>
                <a:gd name="T57" fmla="*/ 140 h 182"/>
                <a:gd name="T58" fmla="*/ 97 w 97"/>
                <a:gd name="T59" fmla="*/ 160 h 182"/>
                <a:gd name="T60" fmla="*/ 76 w 97"/>
                <a:gd name="T61" fmla="*/ 182 h 182"/>
                <a:gd name="T62" fmla="*/ 73 w 97"/>
                <a:gd name="T63" fmla="*/ 182 h 18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97" h="182">
                  <a:moveTo>
                    <a:pt x="73" y="182"/>
                  </a:moveTo>
                  <a:cubicBezTo>
                    <a:pt x="60" y="182"/>
                    <a:pt x="46" y="173"/>
                    <a:pt x="42" y="156"/>
                  </a:cubicBezTo>
                  <a:cubicBezTo>
                    <a:pt x="33" y="156"/>
                    <a:pt x="25" y="152"/>
                    <a:pt x="19" y="146"/>
                  </a:cubicBezTo>
                  <a:cubicBezTo>
                    <a:pt x="11" y="136"/>
                    <a:pt x="8" y="123"/>
                    <a:pt x="9" y="114"/>
                  </a:cubicBezTo>
                  <a:cubicBezTo>
                    <a:pt x="3" y="107"/>
                    <a:pt x="0" y="96"/>
                    <a:pt x="2" y="84"/>
                  </a:cubicBezTo>
                  <a:cubicBezTo>
                    <a:pt x="3" y="73"/>
                    <a:pt x="8" y="64"/>
                    <a:pt x="14" y="59"/>
                  </a:cubicBezTo>
                  <a:cubicBezTo>
                    <a:pt x="14" y="43"/>
                    <a:pt x="25" y="32"/>
                    <a:pt x="37" y="29"/>
                  </a:cubicBezTo>
                  <a:cubicBezTo>
                    <a:pt x="40" y="16"/>
                    <a:pt x="56" y="0"/>
                    <a:pt x="73" y="0"/>
                  </a:cubicBezTo>
                  <a:cubicBezTo>
                    <a:pt x="81" y="0"/>
                    <a:pt x="87" y="2"/>
                    <a:pt x="91" y="6"/>
                  </a:cubicBezTo>
                  <a:cubicBezTo>
                    <a:pt x="97" y="12"/>
                    <a:pt x="97" y="22"/>
                    <a:pt x="97" y="27"/>
                  </a:cubicBezTo>
                  <a:cubicBezTo>
                    <a:pt x="97" y="28"/>
                    <a:pt x="97" y="28"/>
                    <a:pt x="97" y="28"/>
                  </a:cubicBezTo>
                  <a:cubicBezTo>
                    <a:pt x="89" y="28"/>
                    <a:pt x="89" y="28"/>
                    <a:pt x="89" y="28"/>
                  </a:cubicBezTo>
                  <a:cubicBezTo>
                    <a:pt x="89" y="27"/>
                    <a:pt x="89" y="27"/>
                    <a:pt x="89" y="27"/>
                  </a:cubicBezTo>
                  <a:cubicBezTo>
                    <a:pt x="89" y="22"/>
                    <a:pt x="89" y="16"/>
                    <a:pt x="85" y="12"/>
                  </a:cubicBezTo>
                  <a:cubicBezTo>
                    <a:pt x="83" y="9"/>
                    <a:pt x="79" y="8"/>
                    <a:pt x="73" y="8"/>
                  </a:cubicBezTo>
                  <a:cubicBezTo>
                    <a:pt x="59" y="8"/>
                    <a:pt x="45" y="24"/>
                    <a:pt x="45" y="32"/>
                  </a:cubicBezTo>
                  <a:cubicBezTo>
                    <a:pt x="45" y="34"/>
                    <a:pt x="43" y="36"/>
                    <a:pt x="42" y="36"/>
                  </a:cubicBezTo>
                  <a:cubicBezTo>
                    <a:pt x="31" y="37"/>
                    <a:pt x="21" y="48"/>
                    <a:pt x="22" y="61"/>
                  </a:cubicBezTo>
                  <a:cubicBezTo>
                    <a:pt x="23" y="63"/>
                    <a:pt x="22" y="64"/>
                    <a:pt x="20" y="65"/>
                  </a:cubicBezTo>
                  <a:cubicBezTo>
                    <a:pt x="16" y="67"/>
                    <a:pt x="11" y="74"/>
                    <a:pt x="10" y="85"/>
                  </a:cubicBezTo>
                  <a:cubicBezTo>
                    <a:pt x="8" y="95"/>
                    <a:pt x="10" y="104"/>
                    <a:pt x="16" y="110"/>
                  </a:cubicBezTo>
                  <a:cubicBezTo>
                    <a:pt x="17" y="111"/>
                    <a:pt x="18" y="112"/>
                    <a:pt x="17" y="114"/>
                  </a:cubicBezTo>
                  <a:cubicBezTo>
                    <a:pt x="16" y="120"/>
                    <a:pt x="18" y="133"/>
                    <a:pt x="25" y="140"/>
                  </a:cubicBezTo>
                  <a:cubicBezTo>
                    <a:pt x="30" y="146"/>
                    <a:pt x="37" y="149"/>
                    <a:pt x="45" y="148"/>
                  </a:cubicBezTo>
                  <a:cubicBezTo>
                    <a:pt x="47" y="148"/>
                    <a:pt x="49" y="149"/>
                    <a:pt x="49" y="151"/>
                  </a:cubicBezTo>
                  <a:cubicBezTo>
                    <a:pt x="52" y="168"/>
                    <a:pt x="65" y="175"/>
                    <a:pt x="75" y="174"/>
                  </a:cubicBezTo>
                  <a:cubicBezTo>
                    <a:pt x="82" y="173"/>
                    <a:pt x="89" y="169"/>
                    <a:pt x="89" y="160"/>
                  </a:cubicBezTo>
                  <a:cubicBezTo>
                    <a:pt x="89" y="140"/>
                    <a:pt x="89" y="140"/>
                    <a:pt x="89" y="140"/>
                  </a:cubicBezTo>
                  <a:cubicBezTo>
                    <a:pt x="97" y="140"/>
                    <a:pt x="97" y="140"/>
                    <a:pt x="97" y="140"/>
                  </a:cubicBezTo>
                  <a:cubicBezTo>
                    <a:pt x="97" y="160"/>
                    <a:pt x="97" y="160"/>
                    <a:pt x="97" y="160"/>
                  </a:cubicBezTo>
                  <a:cubicBezTo>
                    <a:pt x="97" y="172"/>
                    <a:pt x="89" y="181"/>
                    <a:pt x="76" y="182"/>
                  </a:cubicBezTo>
                  <a:cubicBezTo>
                    <a:pt x="75" y="182"/>
                    <a:pt x="74" y="182"/>
                    <a:pt x="73" y="18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0" name="Freeform 6">
              <a:extLst>
                <a:ext uri="{FF2B5EF4-FFF2-40B4-BE49-F238E27FC236}">
                  <a16:creationId xmlns:a16="http://schemas.microsoft.com/office/drawing/2014/main" id="{B2D64155-36CB-9222-A080-B9F1A94FCB70}"/>
                </a:ext>
              </a:extLst>
            </p:cNvPr>
            <p:cNvSpPr>
              <a:spLocks/>
            </p:cNvSpPr>
            <p:nvPr/>
          </p:nvSpPr>
          <p:spPr bwMode="auto">
            <a:xfrm>
              <a:off x="-5567363" y="4729163"/>
              <a:ext cx="120650" cy="106363"/>
            </a:xfrm>
            <a:custGeom>
              <a:avLst/>
              <a:gdLst>
                <a:gd name="T0" fmla="*/ 32 w 32"/>
                <a:gd name="T1" fmla="*/ 28 h 28"/>
                <a:gd name="T2" fmla="*/ 0 w 32"/>
                <a:gd name="T3" fmla="*/ 0 h 28"/>
                <a:gd name="T4" fmla="*/ 8 w 32"/>
                <a:gd name="T5" fmla="*/ 0 h 28"/>
                <a:gd name="T6" fmla="*/ 32 w 32"/>
                <a:gd name="T7" fmla="*/ 20 h 28"/>
                <a:gd name="T8" fmla="*/ 32 w 32"/>
                <a:gd name="T9" fmla="*/ 28 h 28"/>
              </a:gdLst>
              <a:ahLst/>
              <a:cxnLst>
                <a:cxn ang="0">
                  <a:pos x="T0" y="T1"/>
                </a:cxn>
                <a:cxn ang="0">
                  <a:pos x="T2" y="T3"/>
                </a:cxn>
                <a:cxn ang="0">
                  <a:pos x="T4" y="T5"/>
                </a:cxn>
                <a:cxn ang="0">
                  <a:pos x="T6" y="T7"/>
                </a:cxn>
                <a:cxn ang="0">
                  <a:pos x="T8" y="T9"/>
                </a:cxn>
              </a:cxnLst>
              <a:rect l="0" t="0" r="r" b="b"/>
              <a:pathLst>
                <a:path w="32" h="28">
                  <a:moveTo>
                    <a:pt x="32" y="28"/>
                  </a:moveTo>
                  <a:cubicBezTo>
                    <a:pt x="22" y="28"/>
                    <a:pt x="0" y="28"/>
                    <a:pt x="0" y="0"/>
                  </a:cubicBezTo>
                  <a:cubicBezTo>
                    <a:pt x="8" y="0"/>
                    <a:pt x="8" y="0"/>
                    <a:pt x="8" y="0"/>
                  </a:cubicBezTo>
                  <a:cubicBezTo>
                    <a:pt x="8" y="17"/>
                    <a:pt x="16" y="20"/>
                    <a:pt x="32" y="20"/>
                  </a:cubicBezTo>
                  <a:lnTo>
                    <a:pt x="32" y="2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1" name="Freeform 7">
              <a:extLst>
                <a:ext uri="{FF2B5EF4-FFF2-40B4-BE49-F238E27FC236}">
                  <a16:creationId xmlns:a16="http://schemas.microsoft.com/office/drawing/2014/main" id="{A2807C3C-C331-D2DF-DB0D-266998372930}"/>
                </a:ext>
              </a:extLst>
            </p:cNvPr>
            <p:cNvSpPr>
              <a:spLocks/>
            </p:cNvSpPr>
            <p:nvPr/>
          </p:nvSpPr>
          <p:spPr bwMode="auto">
            <a:xfrm>
              <a:off x="-5556250" y="4849813"/>
              <a:ext cx="395288" cy="98425"/>
            </a:xfrm>
            <a:custGeom>
              <a:avLst/>
              <a:gdLst>
                <a:gd name="T0" fmla="*/ 11 w 105"/>
                <a:gd name="T1" fmla="*/ 26 h 26"/>
                <a:gd name="T2" fmla="*/ 0 w 105"/>
                <a:gd name="T3" fmla="*/ 23 h 26"/>
                <a:gd name="T4" fmla="*/ 5 w 105"/>
                <a:gd name="T5" fmla="*/ 16 h 26"/>
                <a:gd name="T6" fmla="*/ 24 w 105"/>
                <a:gd name="T7" fmla="*/ 13 h 26"/>
                <a:gd name="T8" fmla="*/ 27 w 105"/>
                <a:gd name="T9" fmla="*/ 10 h 26"/>
                <a:gd name="T10" fmla="*/ 41 w 105"/>
                <a:gd name="T11" fmla="*/ 0 h 26"/>
                <a:gd name="T12" fmla="*/ 105 w 105"/>
                <a:gd name="T13" fmla="*/ 0 h 26"/>
                <a:gd name="T14" fmla="*/ 105 w 105"/>
                <a:gd name="T15" fmla="*/ 8 h 26"/>
                <a:gd name="T16" fmla="*/ 41 w 105"/>
                <a:gd name="T17" fmla="*/ 8 h 26"/>
                <a:gd name="T18" fmla="*/ 41 w 105"/>
                <a:gd name="T19" fmla="*/ 8 h 26"/>
                <a:gd name="T20" fmla="*/ 33 w 105"/>
                <a:gd name="T21" fmla="*/ 15 h 26"/>
                <a:gd name="T22" fmla="*/ 30 w 105"/>
                <a:gd name="T23" fmla="*/ 18 h 26"/>
                <a:gd name="T24" fmla="*/ 11 w 105"/>
                <a:gd name="T25" fmla="*/ 26 h 2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105" h="26">
                  <a:moveTo>
                    <a:pt x="11" y="26"/>
                  </a:moveTo>
                  <a:cubicBezTo>
                    <a:pt x="7" y="26"/>
                    <a:pt x="3" y="25"/>
                    <a:pt x="0" y="23"/>
                  </a:cubicBezTo>
                  <a:cubicBezTo>
                    <a:pt x="5" y="16"/>
                    <a:pt x="5" y="16"/>
                    <a:pt x="5" y="16"/>
                  </a:cubicBezTo>
                  <a:cubicBezTo>
                    <a:pt x="10" y="20"/>
                    <a:pt x="19" y="18"/>
                    <a:pt x="24" y="13"/>
                  </a:cubicBezTo>
                  <a:cubicBezTo>
                    <a:pt x="25" y="12"/>
                    <a:pt x="26" y="11"/>
                    <a:pt x="27" y="10"/>
                  </a:cubicBezTo>
                  <a:cubicBezTo>
                    <a:pt x="31" y="5"/>
                    <a:pt x="35" y="0"/>
                    <a:pt x="41" y="0"/>
                  </a:cubicBezTo>
                  <a:cubicBezTo>
                    <a:pt x="105" y="0"/>
                    <a:pt x="105" y="0"/>
                    <a:pt x="105" y="0"/>
                  </a:cubicBezTo>
                  <a:cubicBezTo>
                    <a:pt x="105" y="8"/>
                    <a:pt x="105" y="8"/>
                    <a:pt x="105" y="8"/>
                  </a:cubicBezTo>
                  <a:cubicBezTo>
                    <a:pt x="41" y="8"/>
                    <a:pt x="41" y="8"/>
                    <a:pt x="41" y="8"/>
                  </a:cubicBezTo>
                  <a:cubicBezTo>
                    <a:pt x="41" y="8"/>
                    <a:pt x="41" y="8"/>
                    <a:pt x="41" y="8"/>
                  </a:cubicBezTo>
                  <a:cubicBezTo>
                    <a:pt x="39" y="8"/>
                    <a:pt x="35" y="12"/>
                    <a:pt x="33" y="15"/>
                  </a:cubicBezTo>
                  <a:cubicBezTo>
                    <a:pt x="32" y="16"/>
                    <a:pt x="31" y="17"/>
                    <a:pt x="30" y="18"/>
                  </a:cubicBezTo>
                  <a:cubicBezTo>
                    <a:pt x="25" y="23"/>
                    <a:pt x="18" y="26"/>
                    <a:pt x="11" y="2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2" name="Freeform 8">
              <a:extLst>
                <a:ext uri="{FF2B5EF4-FFF2-40B4-BE49-F238E27FC236}">
                  <a16:creationId xmlns:a16="http://schemas.microsoft.com/office/drawing/2014/main" id="{0B6C831B-A3A7-AAE7-0881-AE0522C40B47}"/>
                </a:ext>
              </a:extLst>
            </p:cNvPr>
            <p:cNvSpPr>
              <a:spLocks/>
            </p:cNvSpPr>
            <p:nvPr/>
          </p:nvSpPr>
          <p:spPr bwMode="auto">
            <a:xfrm>
              <a:off x="-5446713" y="5091113"/>
              <a:ext cx="285750" cy="52388"/>
            </a:xfrm>
            <a:custGeom>
              <a:avLst/>
              <a:gdLst>
                <a:gd name="T0" fmla="*/ 8 w 76"/>
                <a:gd name="T1" fmla="*/ 14 h 14"/>
                <a:gd name="T2" fmla="*/ 0 w 76"/>
                <a:gd name="T3" fmla="*/ 11 h 14"/>
                <a:gd name="T4" fmla="*/ 24 w 76"/>
                <a:gd name="T5" fmla="*/ 0 h 14"/>
                <a:gd name="T6" fmla="*/ 76 w 76"/>
                <a:gd name="T7" fmla="*/ 0 h 14"/>
                <a:gd name="T8" fmla="*/ 76 w 76"/>
                <a:gd name="T9" fmla="*/ 8 h 14"/>
                <a:gd name="T10" fmla="*/ 24 w 76"/>
                <a:gd name="T11" fmla="*/ 8 h 14"/>
                <a:gd name="T12" fmla="*/ 8 w 76"/>
                <a:gd name="T13" fmla="*/ 14 h 14"/>
              </a:gdLst>
              <a:ahLst/>
              <a:cxnLst>
                <a:cxn ang="0">
                  <a:pos x="T0" y="T1"/>
                </a:cxn>
                <a:cxn ang="0">
                  <a:pos x="T2" y="T3"/>
                </a:cxn>
                <a:cxn ang="0">
                  <a:pos x="T4" y="T5"/>
                </a:cxn>
                <a:cxn ang="0">
                  <a:pos x="T6" y="T7"/>
                </a:cxn>
                <a:cxn ang="0">
                  <a:pos x="T8" y="T9"/>
                </a:cxn>
                <a:cxn ang="0">
                  <a:pos x="T10" y="T11"/>
                </a:cxn>
                <a:cxn ang="0">
                  <a:pos x="T12" y="T13"/>
                </a:cxn>
              </a:cxnLst>
              <a:rect l="0" t="0" r="r" b="b"/>
              <a:pathLst>
                <a:path w="76" h="14">
                  <a:moveTo>
                    <a:pt x="8" y="14"/>
                  </a:moveTo>
                  <a:cubicBezTo>
                    <a:pt x="0" y="11"/>
                    <a:pt x="0" y="11"/>
                    <a:pt x="0" y="11"/>
                  </a:cubicBezTo>
                  <a:cubicBezTo>
                    <a:pt x="4" y="1"/>
                    <a:pt x="15" y="0"/>
                    <a:pt x="24" y="0"/>
                  </a:cubicBezTo>
                  <a:cubicBezTo>
                    <a:pt x="76" y="0"/>
                    <a:pt x="76" y="0"/>
                    <a:pt x="76" y="0"/>
                  </a:cubicBezTo>
                  <a:cubicBezTo>
                    <a:pt x="76" y="8"/>
                    <a:pt x="76" y="8"/>
                    <a:pt x="76" y="8"/>
                  </a:cubicBezTo>
                  <a:cubicBezTo>
                    <a:pt x="24" y="8"/>
                    <a:pt x="24" y="8"/>
                    <a:pt x="24" y="8"/>
                  </a:cubicBezTo>
                  <a:cubicBezTo>
                    <a:pt x="14" y="8"/>
                    <a:pt x="10" y="10"/>
                    <a:pt x="8" y="1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3" name="Freeform 9">
              <a:extLst>
                <a:ext uri="{FF2B5EF4-FFF2-40B4-BE49-F238E27FC236}">
                  <a16:creationId xmlns:a16="http://schemas.microsoft.com/office/drawing/2014/main" id="{6CB472DD-2CFF-53EF-00A8-30D131F75FC5}"/>
                </a:ext>
              </a:extLst>
            </p:cNvPr>
            <p:cNvSpPr>
              <a:spLocks/>
            </p:cNvSpPr>
            <p:nvPr/>
          </p:nvSpPr>
          <p:spPr bwMode="auto">
            <a:xfrm>
              <a:off x="-5578475" y="5049838"/>
              <a:ext cx="63500" cy="58738"/>
            </a:xfrm>
            <a:custGeom>
              <a:avLst/>
              <a:gdLst>
                <a:gd name="T0" fmla="*/ 16 w 17"/>
                <a:gd name="T1" fmla="*/ 16 h 16"/>
                <a:gd name="T2" fmla="*/ 0 w 17"/>
                <a:gd name="T3" fmla="*/ 0 h 16"/>
                <a:gd name="T4" fmla="*/ 8 w 17"/>
                <a:gd name="T5" fmla="*/ 0 h 16"/>
                <a:gd name="T6" fmla="*/ 17 w 17"/>
                <a:gd name="T7" fmla="*/ 8 h 16"/>
                <a:gd name="T8" fmla="*/ 16 w 17"/>
                <a:gd name="T9" fmla="*/ 16 h 16"/>
              </a:gdLst>
              <a:ahLst/>
              <a:cxnLst>
                <a:cxn ang="0">
                  <a:pos x="T0" y="T1"/>
                </a:cxn>
                <a:cxn ang="0">
                  <a:pos x="T2" y="T3"/>
                </a:cxn>
                <a:cxn ang="0">
                  <a:pos x="T4" y="T5"/>
                </a:cxn>
                <a:cxn ang="0">
                  <a:pos x="T6" y="T7"/>
                </a:cxn>
                <a:cxn ang="0">
                  <a:pos x="T8" y="T9"/>
                </a:cxn>
              </a:cxnLst>
              <a:rect l="0" t="0" r="r" b="b"/>
              <a:pathLst>
                <a:path w="17" h="16">
                  <a:moveTo>
                    <a:pt x="16" y="16"/>
                  </a:moveTo>
                  <a:cubicBezTo>
                    <a:pt x="8" y="15"/>
                    <a:pt x="0" y="7"/>
                    <a:pt x="0" y="0"/>
                  </a:cubicBezTo>
                  <a:cubicBezTo>
                    <a:pt x="8" y="0"/>
                    <a:pt x="8" y="0"/>
                    <a:pt x="8" y="0"/>
                  </a:cubicBezTo>
                  <a:cubicBezTo>
                    <a:pt x="8" y="3"/>
                    <a:pt x="13" y="8"/>
                    <a:pt x="17" y="8"/>
                  </a:cubicBezTo>
                  <a:lnTo>
                    <a:pt x="16" y="16"/>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4" name="Freeform 10">
              <a:extLst>
                <a:ext uri="{FF2B5EF4-FFF2-40B4-BE49-F238E27FC236}">
                  <a16:creationId xmlns:a16="http://schemas.microsoft.com/office/drawing/2014/main" id="{719E2471-FD4F-EEE4-25A7-1113AB45459F}"/>
                </a:ext>
              </a:extLst>
            </p:cNvPr>
            <p:cNvSpPr>
              <a:spLocks/>
            </p:cNvSpPr>
            <p:nvPr/>
          </p:nvSpPr>
          <p:spPr bwMode="auto">
            <a:xfrm>
              <a:off x="-5551488" y="5033963"/>
              <a:ext cx="130175" cy="146050"/>
            </a:xfrm>
            <a:custGeom>
              <a:avLst/>
              <a:gdLst>
                <a:gd name="T0" fmla="*/ 8 w 35"/>
                <a:gd name="T1" fmla="*/ 39 h 39"/>
                <a:gd name="T2" fmla="*/ 0 w 35"/>
                <a:gd name="T3" fmla="*/ 39 h 39"/>
                <a:gd name="T4" fmla="*/ 35 w 35"/>
                <a:gd name="T5" fmla="*/ 0 h 39"/>
                <a:gd name="T6" fmla="*/ 35 w 35"/>
                <a:gd name="T7" fmla="*/ 8 h 39"/>
                <a:gd name="T8" fmla="*/ 8 w 35"/>
                <a:gd name="T9" fmla="*/ 39 h 39"/>
              </a:gdLst>
              <a:ahLst/>
              <a:cxnLst>
                <a:cxn ang="0">
                  <a:pos x="T0" y="T1"/>
                </a:cxn>
                <a:cxn ang="0">
                  <a:pos x="T2" y="T3"/>
                </a:cxn>
                <a:cxn ang="0">
                  <a:pos x="T4" y="T5"/>
                </a:cxn>
                <a:cxn ang="0">
                  <a:pos x="T6" y="T7"/>
                </a:cxn>
                <a:cxn ang="0">
                  <a:pos x="T8" y="T9"/>
                </a:cxn>
              </a:cxnLst>
              <a:rect l="0" t="0" r="r" b="b"/>
              <a:pathLst>
                <a:path w="35" h="39">
                  <a:moveTo>
                    <a:pt x="8" y="39"/>
                  </a:moveTo>
                  <a:cubicBezTo>
                    <a:pt x="0" y="39"/>
                    <a:pt x="0" y="39"/>
                    <a:pt x="0" y="39"/>
                  </a:cubicBezTo>
                  <a:cubicBezTo>
                    <a:pt x="0" y="19"/>
                    <a:pt x="12" y="0"/>
                    <a:pt x="35" y="0"/>
                  </a:cubicBezTo>
                  <a:cubicBezTo>
                    <a:pt x="35" y="8"/>
                    <a:pt x="35" y="8"/>
                    <a:pt x="35" y="8"/>
                  </a:cubicBezTo>
                  <a:cubicBezTo>
                    <a:pt x="14" y="8"/>
                    <a:pt x="8" y="28"/>
                    <a:pt x="8" y="3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5" name="Freeform 11">
              <a:extLst>
                <a:ext uri="{FF2B5EF4-FFF2-40B4-BE49-F238E27FC236}">
                  <a16:creationId xmlns:a16="http://schemas.microsoft.com/office/drawing/2014/main" id="{9790B429-929B-A18C-68F1-EFB3917D43B2}"/>
                </a:ext>
              </a:extLst>
            </p:cNvPr>
            <p:cNvSpPr>
              <a:spLocks/>
            </p:cNvSpPr>
            <p:nvPr/>
          </p:nvSpPr>
          <p:spPr bwMode="auto">
            <a:xfrm>
              <a:off x="-5592763" y="4864100"/>
              <a:ext cx="58738" cy="120650"/>
            </a:xfrm>
            <a:custGeom>
              <a:avLst/>
              <a:gdLst>
                <a:gd name="T0" fmla="*/ 5 w 16"/>
                <a:gd name="T1" fmla="*/ 32 h 32"/>
                <a:gd name="T2" fmla="*/ 3 w 16"/>
                <a:gd name="T3" fmla="*/ 24 h 32"/>
                <a:gd name="T4" fmla="*/ 8 w 16"/>
                <a:gd name="T5" fmla="*/ 16 h 32"/>
                <a:gd name="T6" fmla="*/ 0 w 16"/>
                <a:gd name="T7" fmla="*/ 8 h 32"/>
                <a:gd name="T8" fmla="*/ 0 w 16"/>
                <a:gd name="T9" fmla="*/ 0 h 32"/>
                <a:gd name="T10" fmla="*/ 16 w 16"/>
                <a:gd name="T11" fmla="*/ 16 h 32"/>
                <a:gd name="T12" fmla="*/ 5 w 16"/>
                <a:gd name="T13" fmla="*/ 32 h 32"/>
              </a:gdLst>
              <a:ahLst/>
              <a:cxnLst>
                <a:cxn ang="0">
                  <a:pos x="T0" y="T1"/>
                </a:cxn>
                <a:cxn ang="0">
                  <a:pos x="T2" y="T3"/>
                </a:cxn>
                <a:cxn ang="0">
                  <a:pos x="T4" y="T5"/>
                </a:cxn>
                <a:cxn ang="0">
                  <a:pos x="T6" y="T7"/>
                </a:cxn>
                <a:cxn ang="0">
                  <a:pos x="T8" y="T9"/>
                </a:cxn>
                <a:cxn ang="0">
                  <a:pos x="T10" y="T11"/>
                </a:cxn>
                <a:cxn ang="0">
                  <a:pos x="T12" y="T13"/>
                </a:cxn>
              </a:cxnLst>
              <a:rect l="0" t="0" r="r" b="b"/>
              <a:pathLst>
                <a:path w="16" h="32">
                  <a:moveTo>
                    <a:pt x="5" y="32"/>
                  </a:moveTo>
                  <a:cubicBezTo>
                    <a:pt x="3" y="24"/>
                    <a:pt x="3" y="24"/>
                    <a:pt x="3" y="24"/>
                  </a:cubicBezTo>
                  <a:cubicBezTo>
                    <a:pt x="6" y="23"/>
                    <a:pt x="8" y="19"/>
                    <a:pt x="8" y="16"/>
                  </a:cubicBezTo>
                  <a:cubicBezTo>
                    <a:pt x="8" y="11"/>
                    <a:pt x="5" y="8"/>
                    <a:pt x="0" y="8"/>
                  </a:cubicBezTo>
                  <a:cubicBezTo>
                    <a:pt x="0" y="0"/>
                    <a:pt x="0" y="0"/>
                    <a:pt x="0" y="0"/>
                  </a:cubicBezTo>
                  <a:cubicBezTo>
                    <a:pt x="9" y="0"/>
                    <a:pt x="16" y="7"/>
                    <a:pt x="16" y="16"/>
                  </a:cubicBezTo>
                  <a:cubicBezTo>
                    <a:pt x="16" y="23"/>
                    <a:pt x="12" y="30"/>
                    <a:pt x="5" y="3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6" name="Freeform 12">
              <a:extLst>
                <a:ext uri="{FF2B5EF4-FFF2-40B4-BE49-F238E27FC236}">
                  <a16:creationId xmlns:a16="http://schemas.microsoft.com/office/drawing/2014/main" id="{652B80C6-EAC7-7FA1-535B-4CF80FADF4D2}"/>
                </a:ext>
              </a:extLst>
            </p:cNvPr>
            <p:cNvSpPr>
              <a:spLocks/>
            </p:cNvSpPr>
            <p:nvPr/>
          </p:nvSpPr>
          <p:spPr bwMode="auto">
            <a:xfrm>
              <a:off x="-5465763" y="4699000"/>
              <a:ext cx="200025" cy="60325"/>
            </a:xfrm>
            <a:custGeom>
              <a:avLst/>
              <a:gdLst>
                <a:gd name="T0" fmla="*/ 53 w 53"/>
                <a:gd name="T1" fmla="*/ 16 h 16"/>
                <a:gd name="T2" fmla="*/ 29 w 53"/>
                <a:gd name="T3" fmla="*/ 16 h 16"/>
                <a:gd name="T4" fmla="*/ 0 w 53"/>
                <a:gd name="T5" fmla="*/ 3 h 16"/>
                <a:gd name="T6" fmla="*/ 7 w 53"/>
                <a:gd name="T7" fmla="*/ 0 h 16"/>
                <a:gd name="T8" fmla="*/ 29 w 53"/>
                <a:gd name="T9" fmla="*/ 8 h 16"/>
                <a:gd name="T10" fmla="*/ 53 w 53"/>
                <a:gd name="T11" fmla="*/ 8 h 16"/>
                <a:gd name="T12" fmla="*/ 53 w 53"/>
                <a:gd name="T13" fmla="*/ 16 h 16"/>
              </a:gdLst>
              <a:ahLst/>
              <a:cxnLst>
                <a:cxn ang="0">
                  <a:pos x="T0" y="T1"/>
                </a:cxn>
                <a:cxn ang="0">
                  <a:pos x="T2" y="T3"/>
                </a:cxn>
                <a:cxn ang="0">
                  <a:pos x="T4" y="T5"/>
                </a:cxn>
                <a:cxn ang="0">
                  <a:pos x="T6" y="T7"/>
                </a:cxn>
                <a:cxn ang="0">
                  <a:pos x="T8" y="T9"/>
                </a:cxn>
                <a:cxn ang="0">
                  <a:pos x="T10" y="T11"/>
                </a:cxn>
                <a:cxn ang="0">
                  <a:pos x="T12" y="T13"/>
                </a:cxn>
              </a:cxnLst>
              <a:rect l="0" t="0" r="r" b="b"/>
              <a:pathLst>
                <a:path w="53" h="16">
                  <a:moveTo>
                    <a:pt x="53" y="16"/>
                  </a:moveTo>
                  <a:cubicBezTo>
                    <a:pt x="29" y="16"/>
                    <a:pt x="29" y="16"/>
                    <a:pt x="29" y="16"/>
                  </a:cubicBezTo>
                  <a:cubicBezTo>
                    <a:pt x="18" y="16"/>
                    <a:pt x="5" y="14"/>
                    <a:pt x="0" y="3"/>
                  </a:cubicBezTo>
                  <a:cubicBezTo>
                    <a:pt x="7" y="0"/>
                    <a:pt x="7" y="0"/>
                    <a:pt x="7" y="0"/>
                  </a:cubicBezTo>
                  <a:cubicBezTo>
                    <a:pt x="10" y="5"/>
                    <a:pt x="16" y="8"/>
                    <a:pt x="29" y="8"/>
                  </a:cubicBezTo>
                  <a:cubicBezTo>
                    <a:pt x="53" y="8"/>
                    <a:pt x="53" y="8"/>
                    <a:pt x="53" y="8"/>
                  </a:cubicBezTo>
                  <a:lnTo>
                    <a:pt x="53" y="16"/>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7" name="Rectangle 13">
              <a:extLst>
                <a:ext uri="{FF2B5EF4-FFF2-40B4-BE49-F238E27FC236}">
                  <a16:creationId xmlns:a16="http://schemas.microsoft.com/office/drawing/2014/main" id="{F6A590E8-1AEE-7512-CBF7-0CF90F34DB4F}"/>
                </a:ext>
              </a:extLst>
            </p:cNvPr>
            <p:cNvSpPr>
              <a:spLocks noChangeArrowheads="1"/>
            </p:cNvSpPr>
            <p:nvPr/>
          </p:nvSpPr>
          <p:spPr bwMode="auto">
            <a:xfrm>
              <a:off x="-5372100" y="4775200"/>
              <a:ext cx="30163" cy="889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8" name="Rectangle 14">
              <a:extLst>
                <a:ext uri="{FF2B5EF4-FFF2-40B4-BE49-F238E27FC236}">
                  <a16:creationId xmlns:a16="http://schemas.microsoft.com/office/drawing/2014/main" id="{62338C34-57CC-575F-C8CE-56EE9A4B59D2}"/>
                </a:ext>
              </a:extLst>
            </p:cNvPr>
            <p:cNvSpPr>
              <a:spLocks noChangeArrowheads="1"/>
            </p:cNvSpPr>
            <p:nvPr/>
          </p:nvSpPr>
          <p:spPr bwMode="auto">
            <a:xfrm>
              <a:off x="-5372100" y="4910138"/>
              <a:ext cx="30163" cy="1651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41" name="Rectangle 15">
              <a:extLst>
                <a:ext uri="{FF2B5EF4-FFF2-40B4-BE49-F238E27FC236}">
                  <a16:creationId xmlns:a16="http://schemas.microsoft.com/office/drawing/2014/main" id="{C2DBC70F-D823-5ED1-54A3-D4350CDBA771}"/>
                </a:ext>
              </a:extLst>
            </p:cNvPr>
            <p:cNvSpPr>
              <a:spLocks noChangeArrowheads="1"/>
            </p:cNvSpPr>
            <p:nvPr/>
          </p:nvSpPr>
          <p:spPr bwMode="auto">
            <a:xfrm>
              <a:off x="-5356225" y="4970463"/>
              <a:ext cx="90488" cy="3016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42" name="Rectangle 16">
              <a:extLst>
                <a:ext uri="{FF2B5EF4-FFF2-40B4-BE49-F238E27FC236}">
                  <a16:creationId xmlns:a16="http://schemas.microsoft.com/office/drawing/2014/main" id="{2654E8CE-CDBB-1750-0BC3-28675A97F5F5}"/>
                </a:ext>
              </a:extLst>
            </p:cNvPr>
            <p:cNvSpPr>
              <a:spLocks noChangeArrowheads="1"/>
            </p:cNvSpPr>
            <p:nvPr/>
          </p:nvSpPr>
          <p:spPr bwMode="auto">
            <a:xfrm>
              <a:off x="-5326063" y="5210175"/>
              <a:ext cx="60325" cy="3016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43" name="Freeform 17">
              <a:extLst>
                <a:ext uri="{FF2B5EF4-FFF2-40B4-BE49-F238E27FC236}">
                  <a16:creationId xmlns:a16="http://schemas.microsoft.com/office/drawing/2014/main" id="{D97348DD-0C45-5755-2587-815E5A996E52}"/>
                </a:ext>
              </a:extLst>
            </p:cNvPr>
            <p:cNvSpPr>
              <a:spLocks noEditPoints="1"/>
            </p:cNvSpPr>
            <p:nvPr/>
          </p:nvSpPr>
          <p:spPr bwMode="auto">
            <a:xfrm>
              <a:off x="-5176838" y="4805363"/>
              <a:ext cx="120650" cy="119063"/>
            </a:xfrm>
            <a:custGeom>
              <a:avLst/>
              <a:gdLst>
                <a:gd name="T0" fmla="*/ 16 w 32"/>
                <a:gd name="T1" fmla="*/ 32 h 32"/>
                <a:gd name="T2" fmla="*/ 0 w 32"/>
                <a:gd name="T3" fmla="*/ 16 h 32"/>
                <a:gd name="T4" fmla="*/ 16 w 32"/>
                <a:gd name="T5" fmla="*/ 0 h 32"/>
                <a:gd name="T6" fmla="*/ 32 w 32"/>
                <a:gd name="T7" fmla="*/ 16 h 32"/>
                <a:gd name="T8" fmla="*/ 16 w 32"/>
                <a:gd name="T9" fmla="*/ 32 h 32"/>
                <a:gd name="T10" fmla="*/ 16 w 32"/>
                <a:gd name="T11" fmla="*/ 8 h 32"/>
                <a:gd name="T12" fmla="*/ 8 w 32"/>
                <a:gd name="T13" fmla="*/ 16 h 32"/>
                <a:gd name="T14" fmla="*/ 16 w 32"/>
                <a:gd name="T15" fmla="*/ 24 h 32"/>
                <a:gd name="T16" fmla="*/ 24 w 32"/>
                <a:gd name="T17" fmla="*/ 16 h 32"/>
                <a:gd name="T18" fmla="*/ 16 w 32"/>
                <a:gd name="T19" fmla="*/ 8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2" h="32">
                  <a:moveTo>
                    <a:pt x="16" y="32"/>
                  </a:moveTo>
                  <a:cubicBezTo>
                    <a:pt x="7" y="32"/>
                    <a:pt x="0" y="25"/>
                    <a:pt x="0" y="16"/>
                  </a:cubicBezTo>
                  <a:cubicBezTo>
                    <a:pt x="0" y="7"/>
                    <a:pt x="7" y="0"/>
                    <a:pt x="16" y="0"/>
                  </a:cubicBezTo>
                  <a:cubicBezTo>
                    <a:pt x="25" y="0"/>
                    <a:pt x="32" y="7"/>
                    <a:pt x="32" y="16"/>
                  </a:cubicBezTo>
                  <a:cubicBezTo>
                    <a:pt x="32" y="25"/>
                    <a:pt x="25" y="32"/>
                    <a:pt x="16" y="32"/>
                  </a:cubicBezTo>
                  <a:close/>
                  <a:moveTo>
                    <a:pt x="16" y="8"/>
                  </a:moveTo>
                  <a:cubicBezTo>
                    <a:pt x="12" y="8"/>
                    <a:pt x="8" y="12"/>
                    <a:pt x="8" y="16"/>
                  </a:cubicBezTo>
                  <a:cubicBezTo>
                    <a:pt x="8" y="20"/>
                    <a:pt x="12" y="24"/>
                    <a:pt x="16" y="24"/>
                  </a:cubicBezTo>
                  <a:cubicBezTo>
                    <a:pt x="20" y="24"/>
                    <a:pt x="24" y="20"/>
                    <a:pt x="24" y="16"/>
                  </a:cubicBezTo>
                  <a:cubicBezTo>
                    <a:pt x="24" y="12"/>
                    <a:pt x="20" y="8"/>
                    <a:pt x="1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44" name="Freeform 18">
              <a:extLst>
                <a:ext uri="{FF2B5EF4-FFF2-40B4-BE49-F238E27FC236}">
                  <a16:creationId xmlns:a16="http://schemas.microsoft.com/office/drawing/2014/main" id="{7C15F44C-EA2D-FD48-C462-78E0527C19CB}"/>
                </a:ext>
              </a:extLst>
            </p:cNvPr>
            <p:cNvSpPr>
              <a:spLocks noEditPoints="1"/>
            </p:cNvSpPr>
            <p:nvPr/>
          </p:nvSpPr>
          <p:spPr bwMode="auto">
            <a:xfrm>
              <a:off x="-5281613" y="4684713"/>
              <a:ext cx="120650" cy="120650"/>
            </a:xfrm>
            <a:custGeom>
              <a:avLst/>
              <a:gdLst>
                <a:gd name="T0" fmla="*/ 16 w 32"/>
                <a:gd name="T1" fmla="*/ 32 h 32"/>
                <a:gd name="T2" fmla="*/ 0 w 32"/>
                <a:gd name="T3" fmla="*/ 16 h 32"/>
                <a:gd name="T4" fmla="*/ 16 w 32"/>
                <a:gd name="T5" fmla="*/ 0 h 32"/>
                <a:gd name="T6" fmla="*/ 32 w 32"/>
                <a:gd name="T7" fmla="*/ 16 h 32"/>
                <a:gd name="T8" fmla="*/ 16 w 32"/>
                <a:gd name="T9" fmla="*/ 32 h 32"/>
                <a:gd name="T10" fmla="*/ 16 w 32"/>
                <a:gd name="T11" fmla="*/ 8 h 32"/>
                <a:gd name="T12" fmla="*/ 8 w 32"/>
                <a:gd name="T13" fmla="*/ 16 h 32"/>
                <a:gd name="T14" fmla="*/ 16 w 32"/>
                <a:gd name="T15" fmla="*/ 24 h 32"/>
                <a:gd name="T16" fmla="*/ 24 w 32"/>
                <a:gd name="T17" fmla="*/ 16 h 32"/>
                <a:gd name="T18" fmla="*/ 16 w 32"/>
                <a:gd name="T19" fmla="*/ 8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2" h="32">
                  <a:moveTo>
                    <a:pt x="16" y="32"/>
                  </a:moveTo>
                  <a:cubicBezTo>
                    <a:pt x="7" y="32"/>
                    <a:pt x="0" y="25"/>
                    <a:pt x="0" y="16"/>
                  </a:cubicBezTo>
                  <a:cubicBezTo>
                    <a:pt x="0" y="7"/>
                    <a:pt x="7" y="0"/>
                    <a:pt x="16" y="0"/>
                  </a:cubicBezTo>
                  <a:cubicBezTo>
                    <a:pt x="25" y="0"/>
                    <a:pt x="32" y="7"/>
                    <a:pt x="32" y="16"/>
                  </a:cubicBezTo>
                  <a:cubicBezTo>
                    <a:pt x="32" y="25"/>
                    <a:pt x="25" y="32"/>
                    <a:pt x="16" y="32"/>
                  </a:cubicBezTo>
                  <a:close/>
                  <a:moveTo>
                    <a:pt x="16" y="8"/>
                  </a:moveTo>
                  <a:cubicBezTo>
                    <a:pt x="12" y="8"/>
                    <a:pt x="8" y="12"/>
                    <a:pt x="8" y="16"/>
                  </a:cubicBezTo>
                  <a:cubicBezTo>
                    <a:pt x="8" y="20"/>
                    <a:pt x="12" y="24"/>
                    <a:pt x="16" y="24"/>
                  </a:cubicBezTo>
                  <a:cubicBezTo>
                    <a:pt x="20" y="24"/>
                    <a:pt x="24" y="20"/>
                    <a:pt x="24" y="16"/>
                  </a:cubicBezTo>
                  <a:cubicBezTo>
                    <a:pt x="24" y="12"/>
                    <a:pt x="20" y="8"/>
                    <a:pt x="1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45" name="Freeform 19">
              <a:extLst>
                <a:ext uri="{FF2B5EF4-FFF2-40B4-BE49-F238E27FC236}">
                  <a16:creationId xmlns:a16="http://schemas.microsoft.com/office/drawing/2014/main" id="{C593C1FA-3836-9DB3-0CE1-9159C3BE19AA}"/>
                </a:ext>
              </a:extLst>
            </p:cNvPr>
            <p:cNvSpPr>
              <a:spLocks noEditPoints="1"/>
            </p:cNvSpPr>
            <p:nvPr/>
          </p:nvSpPr>
          <p:spPr bwMode="auto">
            <a:xfrm>
              <a:off x="-5281613" y="4924425"/>
              <a:ext cx="120650" cy="120650"/>
            </a:xfrm>
            <a:custGeom>
              <a:avLst/>
              <a:gdLst>
                <a:gd name="T0" fmla="*/ 16 w 32"/>
                <a:gd name="T1" fmla="*/ 32 h 32"/>
                <a:gd name="T2" fmla="*/ 0 w 32"/>
                <a:gd name="T3" fmla="*/ 16 h 32"/>
                <a:gd name="T4" fmla="*/ 16 w 32"/>
                <a:gd name="T5" fmla="*/ 0 h 32"/>
                <a:gd name="T6" fmla="*/ 32 w 32"/>
                <a:gd name="T7" fmla="*/ 16 h 32"/>
                <a:gd name="T8" fmla="*/ 16 w 32"/>
                <a:gd name="T9" fmla="*/ 32 h 32"/>
                <a:gd name="T10" fmla="*/ 16 w 32"/>
                <a:gd name="T11" fmla="*/ 8 h 32"/>
                <a:gd name="T12" fmla="*/ 8 w 32"/>
                <a:gd name="T13" fmla="*/ 16 h 32"/>
                <a:gd name="T14" fmla="*/ 16 w 32"/>
                <a:gd name="T15" fmla="*/ 24 h 32"/>
                <a:gd name="T16" fmla="*/ 24 w 32"/>
                <a:gd name="T17" fmla="*/ 16 h 32"/>
                <a:gd name="T18" fmla="*/ 16 w 32"/>
                <a:gd name="T19" fmla="*/ 8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2" h="32">
                  <a:moveTo>
                    <a:pt x="16" y="32"/>
                  </a:moveTo>
                  <a:cubicBezTo>
                    <a:pt x="7" y="32"/>
                    <a:pt x="0" y="25"/>
                    <a:pt x="0" y="16"/>
                  </a:cubicBezTo>
                  <a:cubicBezTo>
                    <a:pt x="0" y="7"/>
                    <a:pt x="7" y="0"/>
                    <a:pt x="16" y="0"/>
                  </a:cubicBezTo>
                  <a:cubicBezTo>
                    <a:pt x="25" y="0"/>
                    <a:pt x="32" y="7"/>
                    <a:pt x="32" y="16"/>
                  </a:cubicBezTo>
                  <a:cubicBezTo>
                    <a:pt x="32" y="25"/>
                    <a:pt x="25" y="32"/>
                    <a:pt x="16" y="32"/>
                  </a:cubicBezTo>
                  <a:close/>
                  <a:moveTo>
                    <a:pt x="16" y="8"/>
                  </a:moveTo>
                  <a:cubicBezTo>
                    <a:pt x="12" y="8"/>
                    <a:pt x="8" y="12"/>
                    <a:pt x="8" y="16"/>
                  </a:cubicBezTo>
                  <a:cubicBezTo>
                    <a:pt x="8" y="20"/>
                    <a:pt x="12" y="24"/>
                    <a:pt x="16" y="24"/>
                  </a:cubicBezTo>
                  <a:cubicBezTo>
                    <a:pt x="20" y="24"/>
                    <a:pt x="24" y="20"/>
                    <a:pt x="24" y="16"/>
                  </a:cubicBezTo>
                  <a:cubicBezTo>
                    <a:pt x="24" y="12"/>
                    <a:pt x="20" y="8"/>
                    <a:pt x="1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46" name="Freeform 20">
              <a:extLst>
                <a:ext uri="{FF2B5EF4-FFF2-40B4-BE49-F238E27FC236}">
                  <a16:creationId xmlns:a16="http://schemas.microsoft.com/office/drawing/2014/main" id="{BD18192C-440A-2A90-8FA9-3C1CAA664ABE}"/>
                </a:ext>
              </a:extLst>
            </p:cNvPr>
            <p:cNvSpPr>
              <a:spLocks noEditPoints="1"/>
            </p:cNvSpPr>
            <p:nvPr/>
          </p:nvSpPr>
          <p:spPr bwMode="auto">
            <a:xfrm>
              <a:off x="-5281613" y="5165725"/>
              <a:ext cx="120650" cy="120650"/>
            </a:xfrm>
            <a:custGeom>
              <a:avLst/>
              <a:gdLst>
                <a:gd name="T0" fmla="*/ 16 w 32"/>
                <a:gd name="T1" fmla="*/ 32 h 32"/>
                <a:gd name="T2" fmla="*/ 0 w 32"/>
                <a:gd name="T3" fmla="*/ 16 h 32"/>
                <a:gd name="T4" fmla="*/ 16 w 32"/>
                <a:gd name="T5" fmla="*/ 0 h 32"/>
                <a:gd name="T6" fmla="*/ 32 w 32"/>
                <a:gd name="T7" fmla="*/ 16 h 32"/>
                <a:gd name="T8" fmla="*/ 16 w 32"/>
                <a:gd name="T9" fmla="*/ 32 h 32"/>
                <a:gd name="T10" fmla="*/ 16 w 32"/>
                <a:gd name="T11" fmla="*/ 8 h 32"/>
                <a:gd name="T12" fmla="*/ 8 w 32"/>
                <a:gd name="T13" fmla="*/ 16 h 32"/>
                <a:gd name="T14" fmla="*/ 16 w 32"/>
                <a:gd name="T15" fmla="*/ 24 h 32"/>
                <a:gd name="T16" fmla="*/ 24 w 32"/>
                <a:gd name="T17" fmla="*/ 16 h 32"/>
                <a:gd name="T18" fmla="*/ 16 w 32"/>
                <a:gd name="T19" fmla="*/ 8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2" h="32">
                  <a:moveTo>
                    <a:pt x="16" y="32"/>
                  </a:moveTo>
                  <a:cubicBezTo>
                    <a:pt x="7" y="32"/>
                    <a:pt x="0" y="25"/>
                    <a:pt x="0" y="16"/>
                  </a:cubicBezTo>
                  <a:cubicBezTo>
                    <a:pt x="0" y="7"/>
                    <a:pt x="7" y="0"/>
                    <a:pt x="16" y="0"/>
                  </a:cubicBezTo>
                  <a:cubicBezTo>
                    <a:pt x="25" y="0"/>
                    <a:pt x="32" y="7"/>
                    <a:pt x="32" y="16"/>
                  </a:cubicBezTo>
                  <a:cubicBezTo>
                    <a:pt x="32" y="25"/>
                    <a:pt x="25" y="32"/>
                    <a:pt x="16" y="32"/>
                  </a:cubicBezTo>
                  <a:close/>
                  <a:moveTo>
                    <a:pt x="16" y="8"/>
                  </a:moveTo>
                  <a:cubicBezTo>
                    <a:pt x="12" y="8"/>
                    <a:pt x="8" y="12"/>
                    <a:pt x="8" y="16"/>
                  </a:cubicBezTo>
                  <a:cubicBezTo>
                    <a:pt x="8" y="20"/>
                    <a:pt x="12" y="24"/>
                    <a:pt x="16" y="24"/>
                  </a:cubicBezTo>
                  <a:cubicBezTo>
                    <a:pt x="20" y="24"/>
                    <a:pt x="24" y="20"/>
                    <a:pt x="24" y="16"/>
                  </a:cubicBezTo>
                  <a:cubicBezTo>
                    <a:pt x="24" y="12"/>
                    <a:pt x="20" y="8"/>
                    <a:pt x="1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47" name="Freeform 21">
              <a:extLst>
                <a:ext uri="{FF2B5EF4-FFF2-40B4-BE49-F238E27FC236}">
                  <a16:creationId xmlns:a16="http://schemas.microsoft.com/office/drawing/2014/main" id="{3CC10C3C-AE1E-582E-20BD-782881272F6D}"/>
                </a:ext>
              </a:extLst>
            </p:cNvPr>
            <p:cNvSpPr>
              <a:spLocks noEditPoints="1"/>
            </p:cNvSpPr>
            <p:nvPr/>
          </p:nvSpPr>
          <p:spPr bwMode="auto">
            <a:xfrm>
              <a:off x="-5176838" y="5045075"/>
              <a:ext cx="120650" cy="120650"/>
            </a:xfrm>
            <a:custGeom>
              <a:avLst/>
              <a:gdLst>
                <a:gd name="T0" fmla="*/ 16 w 32"/>
                <a:gd name="T1" fmla="*/ 32 h 32"/>
                <a:gd name="T2" fmla="*/ 0 w 32"/>
                <a:gd name="T3" fmla="*/ 16 h 32"/>
                <a:gd name="T4" fmla="*/ 16 w 32"/>
                <a:gd name="T5" fmla="*/ 0 h 32"/>
                <a:gd name="T6" fmla="*/ 32 w 32"/>
                <a:gd name="T7" fmla="*/ 16 h 32"/>
                <a:gd name="T8" fmla="*/ 16 w 32"/>
                <a:gd name="T9" fmla="*/ 32 h 32"/>
                <a:gd name="T10" fmla="*/ 16 w 32"/>
                <a:gd name="T11" fmla="*/ 8 h 32"/>
                <a:gd name="T12" fmla="*/ 8 w 32"/>
                <a:gd name="T13" fmla="*/ 16 h 32"/>
                <a:gd name="T14" fmla="*/ 16 w 32"/>
                <a:gd name="T15" fmla="*/ 24 h 32"/>
                <a:gd name="T16" fmla="*/ 24 w 32"/>
                <a:gd name="T17" fmla="*/ 16 h 32"/>
                <a:gd name="T18" fmla="*/ 16 w 32"/>
                <a:gd name="T19" fmla="*/ 8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2" h="32">
                  <a:moveTo>
                    <a:pt x="16" y="32"/>
                  </a:moveTo>
                  <a:cubicBezTo>
                    <a:pt x="7" y="32"/>
                    <a:pt x="0" y="25"/>
                    <a:pt x="0" y="16"/>
                  </a:cubicBezTo>
                  <a:cubicBezTo>
                    <a:pt x="0" y="7"/>
                    <a:pt x="7" y="0"/>
                    <a:pt x="16" y="0"/>
                  </a:cubicBezTo>
                  <a:cubicBezTo>
                    <a:pt x="25" y="0"/>
                    <a:pt x="32" y="7"/>
                    <a:pt x="32" y="16"/>
                  </a:cubicBezTo>
                  <a:cubicBezTo>
                    <a:pt x="32" y="25"/>
                    <a:pt x="25" y="32"/>
                    <a:pt x="16" y="32"/>
                  </a:cubicBezTo>
                  <a:close/>
                  <a:moveTo>
                    <a:pt x="16" y="8"/>
                  </a:moveTo>
                  <a:cubicBezTo>
                    <a:pt x="12" y="8"/>
                    <a:pt x="8" y="12"/>
                    <a:pt x="8" y="16"/>
                  </a:cubicBezTo>
                  <a:cubicBezTo>
                    <a:pt x="8" y="20"/>
                    <a:pt x="12" y="24"/>
                    <a:pt x="16" y="24"/>
                  </a:cubicBezTo>
                  <a:cubicBezTo>
                    <a:pt x="20" y="24"/>
                    <a:pt x="24" y="20"/>
                    <a:pt x="24" y="16"/>
                  </a:cubicBezTo>
                  <a:cubicBezTo>
                    <a:pt x="24" y="12"/>
                    <a:pt x="20" y="8"/>
                    <a:pt x="1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18" name="TextBox 17">
            <a:extLst>
              <a:ext uri="{FF2B5EF4-FFF2-40B4-BE49-F238E27FC236}">
                <a16:creationId xmlns:a16="http://schemas.microsoft.com/office/drawing/2014/main" id="{014680A0-7717-6AD7-F9AE-2F1158BFBC4F}"/>
              </a:ext>
            </a:extLst>
          </p:cNvPr>
          <p:cNvSpPr txBox="1"/>
          <p:nvPr/>
        </p:nvSpPr>
        <p:spPr>
          <a:xfrm>
            <a:off x="9392803" y="4677636"/>
            <a:ext cx="2628001" cy="1574790"/>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mn-ea"/>
                <a:cs typeface="Times New Roman" panose="02020603050405020304" pitchFamily="18" charset="0"/>
              </a:rPr>
              <a:t>Generativ AI giver masser af muligheder for at tackle samfundsmæssige udfordringer […] Vi vil samarbejde inden for det offentlige, med virksomheder og forskere for at dele viden og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mn-ea"/>
                <a:cs typeface="Times New Roman" panose="02020603050405020304" pitchFamily="18" charset="0"/>
              </a:rPr>
              <a:t>best</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mn-ea"/>
                <a:cs typeface="Times New Roman" panose="02020603050405020304" pitchFamily="18" charset="0"/>
              </a:rPr>
              <a:t> practices.</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a:t>
            </a: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mn-ea"/>
                <a:cs typeface="Times New Roman" panose="02020603050405020304" pitchFamily="18" charset="0"/>
              </a:rPr>
              <a:t>Zsolt </a:t>
            </a:r>
            <a:r>
              <a:rPr kumimoji="0" lang="da-DK" sz="900" b="1" i="0" u="none" strike="noStrike" kern="1200" cap="none" spc="0" normalizeH="0" baseline="0" noProof="0" dirty="0" err="1">
                <a:ln>
                  <a:noFill/>
                </a:ln>
                <a:solidFill>
                  <a:srgbClr val="000000"/>
                </a:solidFill>
                <a:effectLst/>
                <a:uLnTx/>
                <a:uFillTx/>
                <a:latin typeface="Arial" panose="020B0604020202020204" pitchFamily="34" charset="0"/>
                <a:ea typeface="+mn-ea"/>
                <a:cs typeface="Times New Roman" panose="02020603050405020304" pitchFamily="18" charset="0"/>
              </a:rPr>
              <a:t>Szabó</a:t>
            </a: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mn-ea"/>
                <a:cs typeface="Times New Roman" panose="02020603050405020304" pitchFamily="18" charset="0"/>
              </a:rPr>
              <a:t> </a:t>
            </a: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mn-ea"/>
                <a:cs typeface="Times New Roman" panose="02020603050405020304" pitchFamily="18" charset="0"/>
              </a:rPr>
              <a:t>Statssekretær for Digitalisering og Kongerigsrelationer.</a:t>
            </a:r>
            <a:endParaRPr lang="da-DK" dirty="0"/>
          </a:p>
        </p:txBody>
      </p:sp>
    </p:spTree>
    <p:extLst>
      <p:ext uri="{BB962C8B-B14F-4D97-AF65-F5344CB8AC3E}">
        <p14:creationId xmlns:p14="http://schemas.microsoft.com/office/powerpoint/2010/main" val="2567214702"/>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A0C161C-FB38-978D-C4AD-3B91EF179FD2}"/>
            </a:ext>
          </a:extLst>
        </p:cNvPr>
        <p:cNvGrpSpPr/>
        <p:nvPr/>
      </p:nvGrpSpPr>
      <p:grpSpPr>
        <a:xfrm>
          <a:off x="0" y="0"/>
          <a:ext cx="0" cy="0"/>
          <a:chOff x="0" y="0"/>
          <a:chExt cx="0" cy="0"/>
        </a:xfrm>
      </p:grpSpPr>
      <p:sp>
        <p:nvSpPr>
          <p:cNvPr id="84" name="Rectangle: Rounded Corners 83">
            <a:extLst>
              <a:ext uri="{FF2B5EF4-FFF2-40B4-BE49-F238E27FC236}">
                <a16:creationId xmlns:a16="http://schemas.microsoft.com/office/drawing/2014/main" id="{6F451DCB-BC63-1C6C-59A9-E8CEF2583FCB}"/>
              </a:ext>
            </a:extLst>
          </p:cNvPr>
          <p:cNvSpPr/>
          <p:nvPr/>
        </p:nvSpPr>
        <p:spPr>
          <a:xfrm>
            <a:off x="169303" y="11734"/>
            <a:ext cx="8749697"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6 | Open source, hybride cloudmiljøer og digital strategi hos UK Home Office</a:t>
            </a:r>
          </a:p>
        </p:txBody>
      </p:sp>
      <p:sp>
        <p:nvSpPr>
          <p:cNvPr id="2" name="Title 1">
            <a:extLst>
              <a:ext uri="{FF2B5EF4-FFF2-40B4-BE49-F238E27FC236}">
                <a16:creationId xmlns:a16="http://schemas.microsoft.com/office/drawing/2014/main" id="{D35134B7-A915-6424-3701-64C524AFDB3E}"/>
              </a:ext>
            </a:extLst>
          </p:cNvPr>
          <p:cNvSpPr>
            <a:spLocks noGrp="1"/>
          </p:cNvSpPr>
          <p:nvPr>
            <p:ph type="title"/>
          </p:nvPr>
        </p:nvSpPr>
        <p:spPr/>
        <p:txBody>
          <a:bodyPr/>
          <a:lstStyle/>
          <a:p>
            <a:r>
              <a:rPr lang="da-DK" sz="2200" noProof="0" dirty="0"/>
              <a:t>Side 1/3 | </a:t>
            </a:r>
            <a:r>
              <a:rPr lang="da-DK" sz="2200" b="1" noProof="0" dirty="0"/>
              <a:t>Sammenfatning af casen</a:t>
            </a:r>
          </a:p>
        </p:txBody>
      </p:sp>
      <p:pic>
        <p:nvPicPr>
          <p:cNvPr id="10" name="Billede 9">
            <a:extLst>
              <a:ext uri="{FF2B5EF4-FFF2-40B4-BE49-F238E27FC236}">
                <a16:creationId xmlns:a16="http://schemas.microsoft.com/office/drawing/2014/main" id="{37EEF1BE-98A5-89A6-C80C-5BFA69D86C67}"/>
              </a:ext>
              <a:ext uri="{C183D7F6-B498-43B3-948B-1728B52AA6E4}">
                <adec:decorative xmlns:adec="http://schemas.microsoft.com/office/drawing/2017/decorative" val="1"/>
              </a:ext>
            </a:extLst>
          </p:cNvPr>
          <p:cNvPicPr>
            <a:picLocks noChangeAspect="1"/>
          </p:cNvPicPr>
          <p:nvPr/>
        </p:nvPicPr>
        <p:blipFill>
          <a:blip r:embed="rId3"/>
          <a:stretch>
            <a:fillRect/>
          </a:stretch>
        </p:blipFill>
        <p:spPr>
          <a:xfrm>
            <a:off x="10265215" y="209073"/>
            <a:ext cx="1664144" cy="710035"/>
          </a:xfrm>
          <a:prstGeom prst="rect">
            <a:avLst/>
          </a:prstGeom>
        </p:spPr>
      </p:pic>
      <p:sp>
        <p:nvSpPr>
          <p:cNvPr id="4" name="Rectangle: Rounded Corners 3">
            <a:extLst>
              <a:ext uri="{FF2B5EF4-FFF2-40B4-BE49-F238E27FC236}">
                <a16:creationId xmlns:a16="http://schemas.microsoft.com/office/drawing/2014/main" id="{2C546B90-9E99-94F2-7367-D195CFE4E92B}"/>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3" name="Rectangle: Rounded Corners 52">
            <a:extLst>
              <a:ext uri="{FF2B5EF4-FFF2-40B4-BE49-F238E27FC236}">
                <a16:creationId xmlns:a16="http://schemas.microsoft.com/office/drawing/2014/main" id="{A6330493-1DCC-3DFC-1DE7-A16CDEB9248B}"/>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9" name="Rectangle: Rounded Corners 8">
            <a:extLst>
              <a:ext uri="{FF2B5EF4-FFF2-40B4-BE49-F238E27FC236}">
                <a16:creationId xmlns:a16="http://schemas.microsoft.com/office/drawing/2014/main" id="{D68E348F-71A9-4CA8-B670-91ACD43ECC4B}"/>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3" name="Content Placeholder 5">
            <a:extLst>
              <a:ext uri="{FF2B5EF4-FFF2-40B4-BE49-F238E27FC236}">
                <a16:creationId xmlns:a16="http://schemas.microsoft.com/office/drawing/2014/main" id="{D96878FE-B1F7-0C03-CD0C-5C848C378C75}"/>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11" name="Rectangle 10">
            <a:extLst>
              <a:ext uri="{FF2B5EF4-FFF2-40B4-BE49-F238E27FC236}">
                <a16:creationId xmlns:a16="http://schemas.microsoft.com/office/drawing/2014/main" id="{4CBCE5CE-CFCF-A17A-8106-A0D6B0B17EC6}"/>
              </a:ext>
            </a:extLst>
          </p:cNvPr>
          <p:cNvSpPr/>
          <p:nvPr/>
        </p:nvSpPr>
        <p:spPr>
          <a:xfrm>
            <a:off x="552449" y="2139037"/>
            <a:ext cx="2757177"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noProof="0" dirty="0">
                <a:solidFill>
                  <a:schemeClr val="tx1"/>
                </a:solidFill>
                <a:sym typeface="Wingdings" panose="05000000000000000000" pitchFamily="2" charset="2"/>
              </a:rPr>
              <a:t>Som led i moderniseringen af immigrationssystemerne har det Storbritanniens Home Office styrket sin digitale suverænitet gennem flere tiltag. Moderniseringen har omfattet (1) flytning af kritiske data til suveræne miljøer i UK, (2) opbygning af en containerbaseret arkitektur med åbne standarder, (3) øget brug af open source og (4) styrket </a:t>
            </a:r>
            <a:r>
              <a:rPr lang="da-DK" sz="900" noProof="0" dirty="0" err="1">
                <a:solidFill>
                  <a:schemeClr val="tx1"/>
                </a:solidFill>
                <a:sym typeface="Wingdings" panose="05000000000000000000" pitchFamily="2" charset="2"/>
              </a:rPr>
              <a:t>governance</a:t>
            </a:r>
            <a:r>
              <a:rPr lang="da-DK" sz="900" noProof="0" dirty="0">
                <a:solidFill>
                  <a:schemeClr val="tx1"/>
                </a:solidFill>
                <a:sym typeface="Wingdings" panose="05000000000000000000" pitchFamily="2" charset="2"/>
              </a:rPr>
              <a:t> for leverandørstyring.</a:t>
            </a:r>
          </a:p>
          <a:p>
            <a:r>
              <a:rPr lang="da-DK" sz="900" noProof="0" dirty="0">
                <a:solidFill>
                  <a:schemeClr val="tx1"/>
                </a:solidFill>
                <a:sym typeface="Wingdings" panose="05000000000000000000" pitchFamily="2" charset="2"/>
              </a:rPr>
              <a:t>Home Offices arbejde med digital suverænitet har ikke været organiseret i én samlet indsats, men i en række sideløbende initiativer. Initiativerne er blevet igangsat løbende siden 2015.</a:t>
            </a:r>
          </a:p>
          <a:p>
            <a:pPr lvl="0">
              <a:spcAft>
                <a:spcPts val="350"/>
              </a:spcAft>
              <a:defRPr/>
            </a:pPr>
            <a:endParaRPr lang="da-DK" sz="900" i="1" noProof="0" dirty="0">
              <a:solidFill>
                <a:schemeClr val="tx1"/>
              </a:solidFill>
            </a:endParaRPr>
          </a:p>
        </p:txBody>
      </p:sp>
      <p:grpSp>
        <p:nvGrpSpPr>
          <p:cNvPr id="50" name="Group 49" descr="Oversigt over teknologistakken og hvor casen rammer. Denne case rammer Koncern og fagsystemer, Sikkerhedsløsninger, Datadeling og basis software, Cloud services og datacenterinfrastruktur">
            <a:extLst>
              <a:ext uri="{FF2B5EF4-FFF2-40B4-BE49-F238E27FC236}">
                <a16:creationId xmlns:a16="http://schemas.microsoft.com/office/drawing/2014/main" id="{7FD5F1C3-AD83-E5CB-A13A-BE247E672331}"/>
              </a:ext>
              <a:ext uri="{C183D7F6-B498-43B3-948B-1728B52AA6E4}">
                <adec:decorative xmlns:adec="http://schemas.microsoft.com/office/drawing/2017/decorative" val="0"/>
              </a:ext>
            </a:extLst>
          </p:cNvPr>
          <p:cNvGrpSpPr/>
          <p:nvPr/>
        </p:nvGrpSpPr>
        <p:grpSpPr>
          <a:xfrm>
            <a:off x="713385" y="4086154"/>
            <a:ext cx="2338961" cy="2232878"/>
            <a:chOff x="713385" y="4086154"/>
            <a:chExt cx="2338961" cy="2232878"/>
          </a:xfrm>
        </p:grpSpPr>
        <p:sp>
          <p:nvSpPr>
            <p:cNvPr id="51" name="Rectangle: Rounded Corners 50">
              <a:extLst>
                <a:ext uri="{FF2B5EF4-FFF2-40B4-BE49-F238E27FC236}">
                  <a16:creationId xmlns:a16="http://schemas.microsoft.com/office/drawing/2014/main" id="{FA35C9BF-DA4B-D77F-98F4-9B36E7BF6A3D}"/>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Digitale løsninger</a:t>
              </a:r>
            </a:p>
          </p:txBody>
        </p:sp>
        <p:sp>
          <p:nvSpPr>
            <p:cNvPr id="52" name="Rectangle: Rounded Corners 51">
              <a:extLst>
                <a:ext uri="{FF2B5EF4-FFF2-40B4-BE49-F238E27FC236}">
                  <a16:creationId xmlns:a16="http://schemas.microsoft.com/office/drawing/2014/main" id="{5C3D178E-C0D0-CB33-C6B3-8A30997F41E1}"/>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It-infrastruktur</a:t>
              </a:r>
            </a:p>
          </p:txBody>
        </p:sp>
        <p:sp>
          <p:nvSpPr>
            <p:cNvPr id="54" name="Rectangle 36">
              <a:extLst>
                <a:ext uri="{FF2B5EF4-FFF2-40B4-BE49-F238E27FC236}">
                  <a16:creationId xmlns:a16="http://schemas.microsoft.com/office/drawing/2014/main" id="{5620FC6D-1ED0-2EF5-11D2-4787DBD34E8A}"/>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AI og digitale services</a:t>
              </a:r>
            </a:p>
          </p:txBody>
        </p:sp>
        <p:sp>
          <p:nvSpPr>
            <p:cNvPr id="55" name="Rectangle 43">
              <a:extLst>
                <a:ext uri="{FF2B5EF4-FFF2-40B4-BE49-F238E27FC236}">
                  <a16:creationId xmlns:a16="http://schemas.microsoft.com/office/drawing/2014/main" id="{ABE0B61B-3923-3065-5127-D23C781B7C3A}"/>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a:solidFill>
                    <a:schemeClr val="bg1"/>
                  </a:solidFill>
                </a:rPr>
                <a:t>Teknologistak</a:t>
              </a:r>
            </a:p>
          </p:txBody>
        </p:sp>
        <p:sp>
          <p:nvSpPr>
            <p:cNvPr id="56" name="Rectangle 36">
              <a:extLst>
                <a:ext uri="{FF2B5EF4-FFF2-40B4-BE49-F238E27FC236}">
                  <a16:creationId xmlns:a16="http://schemas.microsoft.com/office/drawing/2014/main" id="{6467FB99-DCF4-3B2C-23F0-31DAC1CCA56A}"/>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Koncern- og fagsystemer</a:t>
              </a:r>
            </a:p>
          </p:txBody>
        </p:sp>
        <p:sp>
          <p:nvSpPr>
            <p:cNvPr id="62" name="Rectangle 36">
              <a:extLst>
                <a:ext uri="{FF2B5EF4-FFF2-40B4-BE49-F238E27FC236}">
                  <a16:creationId xmlns:a16="http://schemas.microsoft.com/office/drawing/2014/main" id="{7B47B282-3A06-5E50-63FB-EEBEA40331A4}"/>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igital arbejdsplads</a:t>
              </a:r>
            </a:p>
          </p:txBody>
        </p:sp>
        <p:sp>
          <p:nvSpPr>
            <p:cNvPr id="63" name="Rectangle 36">
              <a:extLst>
                <a:ext uri="{FF2B5EF4-FFF2-40B4-BE49-F238E27FC236}">
                  <a16:creationId xmlns:a16="http://schemas.microsoft.com/office/drawing/2014/main" id="{2EE46D0D-5D50-8E35-8A71-E1968705DB5E}"/>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ikkerhedsløsninger</a:t>
              </a:r>
            </a:p>
          </p:txBody>
        </p:sp>
        <p:sp>
          <p:nvSpPr>
            <p:cNvPr id="64" name="Rectangle 36">
              <a:extLst>
                <a:ext uri="{FF2B5EF4-FFF2-40B4-BE49-F238E27FC236}">
                  <a16:creationId xmlns:a16="http://schemas.microsoft.com/office/drawing/2014/main" id="{9CAF7176-4220-EEAE-6452-1C8619CBCF5D}"/>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deling og basis-software</a:t>
              </a:r>
            </a:p>
          </p:txBody>
        </p:sp>
        <p:sp>
          <p:nvSpPr>
            <p:cNvPr id="65" name="Rectangle 36">
              <a:extLst>
                <a:ext uri="{FF2B5EF4-FFF2-40B4-BE49-F238E27FC236}">
                  <a16:creationId xmlns:a16="http://schemas.microsoft.com/office/drawing/2014/main" id="{7AE85819-66BA-D98B-B908-02EBC0915A11}"/>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Cloud-services</a:t>
              </a:r>
            </a:p>
          </p:txBody>
        </p:sp>
        <p:sp>
          <p:nvSpPr>
            <p:cNvPr id="66" name="Rectangle 36">
              <a:extLst>
                <a:ext uri="{FF2B5EF4-FFF2-40B4-BE49-F238E27FC236}">
                  <a16:creationId xmlns:a16="http://schemas.microsoft.com/office/drawing/2014/main" id="{1002BFBC-FF67-6B69-3C0A-593671CCFE28}"/>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evices og slutbrugerudstyr</a:t>
              </a:r>
            </a:p>
          </p:txBody>
        </p:sp>
        <p:sp>
          <p:nvSpPr>
            <p:cNvPr id="67" name="Rectangle 36">
              <a:extLst>
                <a:ext uri="{FF2B5EF4-FFF2-40B4-BE49-F238E27FC236}">
                  <a16:creationId xmlns:a16="http://schemas.microsoft.com/office/drawing/2014/main" id="{CAF0007B-B74B-9C43-A9CD-F9BA064CFAE5}"/>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centerinfrastruktur</a:t>
              </a:r>
            </a:p>
          </p:txBody>
        </p:sp>
        <p:sp>
          <p:nvSpPr>
            <p:cNvPr id="68" name="Rectangle 36">
              <a:extLst>
                <a:ext uri="{FF2B5EF4-FFF2-40B4-BE49-F238E27FC236}">
                  <a16:creationId xmlns:a16="http://schemas.microsoft.com/office/drawing/2014/main" id="{C66C1A1A-4124-552A-7A0E-EE4846D31F3E}"/>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Netværksinfrastruktur</a:t>
              </a:r>
            </a:p>
          </p:txBody>
        </p:sp>
      </p:grpSp>
      <p:sp>
        <p:nvSpPr>
          <p:cNvPr id="3" name="Content Placeholder 5">
            <a:extLst>
              <a:ext uri="{FF2B5EF4-FFF2-40B4-BE49-F238E27FC236}">
                <a16:creationId xmlns:a16="http://schemas.microsoft.com/office/drawing/2014/main" id="{98A7E2B3-54FA-2636-E167-EEDD0969F5EB}"/>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Karakteristika, gevinster og barrierer</a:t>
            </a:r>
          </a:p>
        </p:txBody>
      </p:sp>
      <p:grpSp>
        <p:nvGrpSpPr>
          <p:cNvPr id="72" name="Group 71" descr="Casen er i driftsfasen">
            <a:extLst>
              <a:ext uri="{FF2B5EF4-FFF2-40B4-BE49-F238E27FC236}">
                <a16:creationId xmlns:a16="http://schemas.microsoft.com/office/drawing/2014/main" id="{5FE14841-C35B-66D3-F443-D6E491A6C516}"/>
              </a:ext>
              <a:ext uri="{C183D7F6-B498-43B3-948B-1728B52AA6E4}">
                <adec:decorative xmlns:adec="http://schemas.microsoft.com/office/drawing/2017/decorative" val="0"/>
              </a:ext>
            </a:extLst>
          </p:cNvPr>
          <p:cNvGrpSpPr/>
          <p:nvPr/>
        </p:nvGrpSpPr>
        <p:grpSpPr>
          <a:xfrm>
            <a:off x="6937091" y="1945363"/>
            <a:ext cx="2371002" cy="260416"/>
            <a:chOff x="6937091" y="1945363"/>
            <a:chExt cx="2371002" cy="260416"/>
          </a:xfrm>
        </p:grpSpPr>
        <p:grpSp>
          <p:nvGrpSpPr>
            <p:cNvPr id="73" name="Group 72">
              <a:extLst>
                <a:ext uri="{FF2B5EF4-FFF2-40B4-BE49-F238E27FC236}">
                  <a16:creationId xmlns:a16="http://schemas.microsoft.com/office/drawing/2014/main" id="{4A13A2F3-F75C-82ED-8DB4-A9018732318B}"/>
                </a:ext>
              </a:extLst>
            </p:cNvPr>
            <p:cNvGrpSpPr/>
            <p:nvPr/>
          </p:nvGrpSpPr>
          <p:grpSpPr>
            <a:xfrm>
              <a:off x="6937091" y="1945363"/>
              <a:ext cx="2371002" cy="233209"/>
              <a:chOff x="579065" y="3721174"/>
              <a:chExt cx="2371002" cy="233209"/>
            </a:xfrm>
          </p:grpSpPr>
          <p:cxnSp>
            <p:nvCxnSpPr>
              <p:cNvPr id="75" name="Straight Connector 74">
                <a:extLst>
                  <a:ext uri="{FF2B5EF4-FFF2-40B4-BE49-F238E27FC236}">
                    <a16:creationId xmlns:a16="http://schemas.microsoft.com/office/drawing/2014/main" id="{A2C15819-7206-63A8-29F1-94BC4540D1F5}"/>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76" name="Straight Connector 75">
                <a:extLst>
                  <a:ext uri="{FF2B5EF4-FFF2-40B4-BE49-F238E27FC236}">
                    <a16:creationId xmlns:a16="http://schemas.microsoft.com/office/drawing/2014/main" id="{D5C76388-8BFA-C6C2-0717-DD7AF8154CC1}"/>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7" name="TextBox 76">
                <a:extLst>
                  <a:ext uri="{FF2B5EF4-FFF2-40B4-BE49-F238E27FC236}">
                    <a16:creationId xmlns:a16="http://schemas.microsoft.com/office/drawing/2014/main" id="{F419447D-781C-3F6D-0171-D5D75B16BDC2}"/>
                  </a:ext>
                </a:extLst>
              </p:cNvPr>
              <p:cNvSpPr txBox="1"/>
              <p:nvPr/>
            </p:nvSpPr>
            <p:spPr>
              <a:xfrm>
                <a:off x="579065" y="3723935"/>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dé</a:t>
                </a:r>
              </a:p>
            </p:txBody>
          </p:sp>
          <p:sp>
            <p:nvSpPr>
              <p:cNvPr id="78" name="TextBox 77">
                <a:extLst>
                  <a:ext uri="{FF2B5EF4-FFF2-40B4-BE49-F238E27FC236}">
                    <a16:creationId xmlns:a16="http://schemas.microsoft.com/office/drawing/2014/main" id="{9A000947-6E84-D693-F590-7AAF414DDBFB}"/>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Projekt</a:t>
                </a:r>
              </a:p>
            </p:txBody>
          </p:sp>
          <p:sp>
            <p:nvSpPr>
              <p:cNvPr id="79" name="TextBox 78">
                <a:extLst>
                  <a:ext uri="{FF2B5EF4-FFF2-40B4-BE49-F238E27FC236}">
                    <a16:creationId xmlns:a16="http://schemas.microsoft.com/office/drawing/2014/main" id="{BA083BD0-BB1F-B951-FD30-DA4D1811A08D}"/>
                  </a:ext>
                </a:extLst>
              </p:cNvPr>
              <p:cNvSpPr txBox="1"/>
              <p:nvPr/>
            </p:nvSpPr>
            <p:spPr>
              <a:xfrm>
                <a:off x="1681056" y="3722668"/>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mplementering</a:t>
                </a:r>
              </a:p>
            </p:txBody>
          </p:sp>
          <p:sp>
            <p:nvSpPr>
              <p:cNvPr id="80" name="TextBox 79">
                <a:extLst>
                  <a:ext uri="{FF2B5EF4-FFF2-40B4-BE49-F238E27FC236}">
                    <a16:creationId xmlns:a16="http://schemas.microsoft.com/office/drawing/2014/main" id="{4C22DCCE-A37A-5EAA-50D4-42E711C3F79B}"/>
                  </a:ext>
                </a:extLst>
              </p:cNvPr>
              <p:cNvSpPr txBox="1"/>
              <p:nvPr/>
            </p:nvSpPr>
            <p:spPr>
              <a:xfrm>
                <a:off x="2299837" y="3723935"/>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Drift*</a:t>
                </a:r>
              </a:p>
            </p:txBody>
          </p:sp>
          <p:cxnSp>
            <p:nvCxnSpPr>
              <p:cNvPr id="81" name="Straight Connector 80">
                <a:extLst>
                  <a:ext uri="{FF2B5EF4-FFF2-40B4-BE49-F238E27FC236}">
                    <a16:creationId xmlns:a16="http://schemas.microsoft.com/office/drawing/2014/main" id="{62C7145B-0D5D-9223-0719-3A6E5040B76F}"/>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82" name="Straight Connector 81">
                <a:extLst>
                  <a:ext uri="{FF2B5EF4-FFF2-40B4-BE49-F238E27FC236}">
                    <a16:creationId xmlns:a16="http://schemas.microsoft.com/office/drawing/2014/main" id="{23460DEE-7442-8CEC-4926-881B08C5AFEA}"/>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83" name="Straight Connector 82">
                <a:extLst>
                  <a:ext uri="{FF2B5EF4-FFF2-40B4-BE49-F238E27FC236}">
                    <a16:creationId xmlns:a16="http://schemas.microsoft.com/office/drawing/2014/main" id="{193CED61-5C72-8850-D739-1787EF5FF715}"/>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74" name="Oval 73">
              <a:extLst>
                <a:ext uri="{FF2B5EF4-FFF2-40B4-BE49-F238E27FC236}">
                  <a16:creationId xmlns:a16="http://schemas.microsoft.com/office/drawing/2014/main" id="{96441830-72CA-DE3E-0945-EB995869F570}"/>
                </a:ext>
              </a:extLst>
            </p:cNvPr>
            <p:cNvSpPr/>
            <p:nvPr/>
          </p:nvSpPr>
          <p:spPr>
            <a:xfrm>
              <a:off x="8919000"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4" name="Rectangle 13">
            <a:extLst>
              <a:ext uri="{FF2B5EF4-FFF2-40B4-BE49-F238E27FC236}">
                <a16:creationId xmlns:a16="http://schemas.microsoft.com/office/drawing/2014/main" id="{77424D32-3023-22ED-2459-B692C2035148}"/>
              </a:ext>
            </a:extLst>
          </p:cNvPr>
          <p:cNvSpPr/>
          <p:nvPr/>
        </p:nvSpPr>
        <p:spPr>
          <a:xfrm>
            <a:off x="3408013" y="2139036"/>
            <a:ext cx="5681357"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900" b="1" noProof="0" dirty="0">
                <a:solidFill>
                  <a:srgbClr val="36465A"/>
                </a:solidFill>
              </a:rPr>
              <a:t>Generelle karakteristika</a:t>
            </a:r>
          </a:p>
          <a:p>
            <a:pPr marL="171450" indent="-171450">
              <a:buFont typeface="Wingdings" panose="05000000000000000000" pitchFamily="2" charset="2"/>
              <a:buChar char="Ø"/>
            </a:pPr>
            <a:r>
              <a:rPr lang="da-DK" sz="900" b="1" noProof="0" dirty="0">
                <a:solidFill>
                  <a:schemeClr val="tx1"/>
                </a:solidFill>
              </a:rPr>
              <a:t>Status på projekt: </a:t>
            </a:r>
            <a:r>
              <a:rPr lang="da-DK" sz="900" noProof="0" dirty="0">
                <a:solidFill>
                  <a:schemeClr val="tx1"/>
                </a:solidFill>
              </a:rPr>
              <a:t>Flere af initiativerne er implementeret, og der arbejdes forsat med bl.a. at udvikle egne fagsystemer (fx Atlas**) og med at styrke datasuverænitet gennem hybride cloud-miljøer.</a:t>
            </a:r>
          </a:p>
          <a:p>
            <a:pPr marL="171450" indent="-171450">
              <a:buFont typeface="Wingdings" panose="05000000000000000000" pitchFamily="2" charset="2"/>
              <a:buChar char="Ø"/>
            </a:pPr>
            <a:r>
              <a:rPr lang="da-DK" sz="900" b="1" noProof="0" dirty="0">
                <a:solidFill>
                  <a:schemeClr val="tx1"/>
                </a:solidFill>
              </a:rPr>
              <a:t>Antal myndigheder/organisationer: </a:t>
            </a:r>
            <a:r>
              <a:rPr lang="da-DK" sz="900" noProof="0" dirty="0">
                <a:solidFill>
                  <a:schemeClr val="tx1"/>
                </a:solidFill>
              </a:rPr>
              <a:t>Initiativerne omfatter UK Home Office og har været drevet på strategisk niveau af </a:t>
            </a:r>
            <a:r>
              <a:rPr lang="da-DK" sz="900" i="1" noProof="0" dirty="0">
                <a:solidFill>
                  <a:schemeClr val="tx1"/>
                </a:solidFill>
              </a:rPr>
              <a:t>Digital, Data og Technology (</a:t>
            </a:r>
            <a:r>
              <a:rPr lang="da-DK" sz="900" i="1" noProof="0" dirty="0" err="1">
                <a:solidFill>
                  <a:schemeClr val="tx1"/>
                </a:solidFill>
              </a:rPr>
              <a:t>DDaT</a:t>
            </a:r>
            <a:r>
              <a:rPr lang="da-DK" sz="900" i="1" noProof="0" dirty="0">
                <a:solidFill>
                  <a:schemeClr val="tx1"/>
                </a:solidFill>
              </a:rPr>
              <a:t>)</a:t>
            </a:r>
            <a:r>
              <a:rPr lang="da-DK" sz="900" noProof="0" dirty="0">
                <a:solidFill>
                  <a:schemeClr val="tx1"/>
                </a:solidFill>
              </a:rPr>
              <a:t> og implementeret gennem </a:t>
            </a:r>
            <a:r>
              <a:rPr lang="da-DK" sz="900" i="1" noProof="0" dirty="0">
                <a:solidFill>
                  <a:schemeClr val="tx1"/>
                </a:solidFill>
              </a:rPr>
              <a:t>Migration and </a:t>
            </a:r>
            <a:r>
              <a:rPr lang="da-DK" sz="900" i="1" noProof="0" dirty="0" err="1">
                <a:solidFill>
                  <a:schemeClr val="tx1"/>
                </a:solidFill>
              </a:rPr>
              <a:t>Borders</a:t>
            </a:r>
            <a:r>
              <a:rPr lang="da-DK" sz="900" i="1" noProof="0" dirty="0">
                <a:solidFill>
                  <a:schemeClr val="tx1"/>
                </a:solidFill>
              </a:rPr>
              <a:t> Technology Portfolio (MBTP)</a:t>
            </a:r>
            <a:r>
              <a:rPr lang="da-DK" sz="900" noProof="0" dirty="0">
                <a:solidFill>
                  <a:schemeClr val="tx1"/>
                </a:solidFill>
              </a:rPr>
              <a:t> for de britiske immigrationsmyndigheder under Home Office.</a:t>
            </a:r>
            <a:endParaRPr lang="da-DK" sz="900" b="1" noProof="0" dirty="0">
              <a:solidFill>
                <a:schemeClr val="tx1"/>
              </a:solidFill>
            </a:endParaRPr>
          </a:p>
          <a:p>
            <a:pPr marL="171450" indent="-171450">
              <a:buFont typeface="Wingdings" panose="05000000000000000000" pitchFamily="2" charset="2"/>
              <a:buChar char="Ø"/>
            </a:pPr>
            <a:r>
              <a:rPr lang="da-DK" sz="900" b="1" noProof="0" dirty="0">
                <a:solidFill>
                  <a:schemeClr val="tx1"/>
                </a:solidFill>
              </a:rPr>
              <a:t>Geografisk omfang: </a:t>
            </a:r>
            <a:r>
              <a:rPr lang="da-DK" sz="900" noProof="0" dirty="0">
                <a:solidFill>
                  <a:schemeClr val="tx1"/>
                </a:solidFill>
              </a:rPr>
              <a:t>Indsatsen omfatter de britiske immigrations- og grænsekontrolsystemer på tværs af Storbritannien. </a:t>
            </a:r>
            <a:endParaRPr lang="da-DK" sz="900" b="1" noProof="0" dirty="0">
              <a:solidFill>
                <a:schemeClr val="tx1"/>
              </a:solidFill>
            </a:endParaRPr>
          </a:p>
          <a:p>
            <a:pPr marL="171450" indent="-171450">
              <a:buFont typeface="Wingdings" panose="05000000000000000000" pitchFamily="2" charset="2"/>
              <a:buChar char="Ø"/>
            </a:pPr>
            <a:r>
              <a:rPr lang="da-DK" sz="900" b="1" noProof="0" dirty="0">
                <a:solidFill>
                  <a:schemeClr val="tx1"/>
                </a:solidFill>
              </a:rPr>
              <a:t>Antal brugere omfattet: </a:t>
            </a:r>
            <a:r>
              <a:rPr lang="da-DK" sz="900" noProof="0" dirty="0">
                <a:solidFill>
                  <a:schemeClr val="tx1"/>
                </a:solidFill>
              </a:rPr>
              <a:t>Initiativerne er rettet mod immigrations- og grænsekontrolssystemerne, som har ca. 3-4 mio. årlige brugere samt op mod 40.000 ansatte. Slutbrugerne er påvirket i varierende omfang, da en del af initiativerne er rettet mod den bagvedliggende arkitektur og datacenterinfrastruktur og i mindre grad i selve brugergrænsefladen.</a:t>
            </a:r>
            <a:endParaRPr lang="da-DK" sz="900" b="1" noProof="0" dirty="0">
              <a:solidFill>
                <a:schemeClr val="tx1"/>
              </a:solidFill>
            </a:endParaRPr>
          </a:p>
          <a:p>
            <a:pPr marL="171450" indent="-171450">
              <a:buFont typeface="Wingdings" panose="05000000000000000000" pitchFamily="2" charset="2"/>
              <a:buChar char="Ø"/>
            </a:pPr>
            <a:r>
              <a:rPr lang="da-DK" sz="900" b="1" noProof="0" dirty="0">
                <a:solidFill>
                  <a:schemeClr val="tx1"/>
                </a:solidFill>
              </a:rPr>
              <a:t>Antal systemer berørt: </a:t>
            </a:r>
            <a:r>
              <a:rPr lang="da-DK" sz="900" noProof="0" dirty="0">
                <a:solidFill>
                  <a:schemeClr val="tx1"/>
                </a:solidFill>
              </a:rPr>
              <a:t>Indsatsen berører ca. 20+ større systemer og platforme. Dertil kommer interne systemer og integrationslag, som udgør ca. 30+ systemer.</a:t>
            </a:r>
            <a:r>
              <a:rPr lang="da-DK" sz="900" noProof="0" dirty="0">
                <a:solidFill>
                  <a:srgbClr val="000000"/>
                </a:solidFill>
                <a:sym typeface="Wingdings" panose="05000000000000000000" pitchFamily="2" charset="2"/>
              </a:rPr>
              <a:t> </a:t>
            </a:r>
            <a:endParaRPr lang="da-DK" sz="900" noProof="0" dirty="0">
              <a:solidFill>
                <a:schemeClr val="tx1"/>
              </a:solidFill>
            </a:endParaRPr>
          </a:p>
          <a:p>
            <a:pPr marL="171450" indent="-171450">
              <a:buFont typeface="Wingdings" panose="05000000000000000000" pitchFamily="2" charset="2"/>
              <a:buChar char="Ø"/>
            </a:pPr>
            <a:endParaRPr lang="da-DK" sz="900" b="1" noProof="0" dirty="0">
              <a:solidFill>
                <a:schemeClr val="tx1"/>
              </a:solidFill>
            </a:endParaRPr>
          </a:p>
        </p:txBody>
      </p:sp>
      <p:sp>
        <p:nvSpPr>
          <p:cNvPr id="49" name="Isosceles Triangle 48">
            <a:extLst>
              <a:ext uri="{FF2B5EF4-FFF2-40B4-BE49-F238E27FC236}">
                <a16:creationId xmlns:a16="http://schemas.microsoft.com/office/drawing/2014/main" id="{3974A40A-15D0-DC2B-17B3-91C69C8AC9CE}"/>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6" name="Straight Connector 5">
            <a:extLst>
              <a:ext uri="{FF2B5EF4-FFF2-40B4-BE49-F238E27FC236}">
                <a16:creationId xmlns:a16="http://schemas.microsoft.com/office/drawing/2014/main" id="{A79A03BA-75A6-5546-54DB-B2AF1923660E}"/>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F6DE21EA-DCD0-F6FC-66A1-6799042F3131}"/>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Gevinster</a:t>
            </a:r>
            <a:r>
              <a:rPr lang="da-DK" sz="900" noProof="0">
                <a:solidFill>
                  <a:srgbClr val="024D78"/>
                </a:solidFill>
              </a:rPr>
              <a:t> </a:t>
            </a:r>
          </a:p>
        </p:txBody>
      </p:sp>
      <p:sp>
        <p:nvSpPr>
          <p:cNvPr id="59" name="Content Placeholder 5">
            <a:extLst>
              <a:ext uri="{FF2B5EF4-FFF2-40B4-BE49-F238E27FC236}">
                <a16:creationId xmlns:a16="http://schemas.microsoft.com/office/drawing/2014/main" id="{12F6A0EF-6CDC-7C16-C805-1F552D17592E}"/>
              </a:ext>
            </a:extLst>
          </p:cNvPr>
          <p:cNvSpPr txBox="1">
            <a:spLocks/>
          </p:cNvSpPr>
          <p:nvPr/>
        </p:nvSpPr>
        <p:spPr>
          <a:xfrm>
            <a:off x="3416263" y="4527633"/>
            <a:ext cx="2893825" cy="167842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spcAft>
                <a:spcPts val="200"/>
              </a:spcAft>
              <a:buFont typeface="Wingdings" panose="05000000000000000000" pitchFamily="2" charset="2"/>
              <a:buChar char="Ø"/>
            </a:pPr>
            <a:r>
              <a:rPr lang="da-DK" sz="900" noProof="0">
                <a:solidFill>
                  <a:schemeClr val="tx1"/>
                </a:solidFill>
              </a:rPr>
              <a:t>Leverandøruafhængighed og fremtidssikring</a:t>
            </a:r>
            <a:r>
              <a:rPr lang="da-DK" sz="900" b="0" noProof="0" dirty="0">
                <a:solidFill>
                  <a:schemeClr val="tx1"/>
                </a:solidFill>
              </a:rPr>
              <a:t>: reduceret leverandørafhængighed gennem åbne standarder og containerisering og f</a:t>
            </a:r>
            <a:r>
              <a:rPr lang="da-DK" sz="900" b="0" noProof="0">
                <a:solidFill>
                  <a:schemeClr val="tx1"/>
                </a:solidFill>
              </a:rPr>
              <a:t>remtidssikret og tilpasningsdygtig arkitektur.</a:t>
            </a:r>
          </a:p>
          <a:p>
            <a:pPr marL="171450" indent="-171450">
              <a:spcAft>
                <a:spcPts val="200"/>
              </a:spcAft>
              <a:buFont typeface="Wingdings" panose="05000000000000000000" pitchFamily="2" charset="2"/>
              <a:buChar char="Ø"/>
            </a:pPr>
            <a:r>
              <a:rPr lang="da-DK" sz="900" noProof="0">
                <a:solidFill>
                  <a:schemeClr val="tx1"/>
                </a:solidFill>
              </a:rPr>
              <a:t>Reducerede driftsomkostninger:</a:t>
            </a:r>
            <a:r>
              <a:rPr lang="da-DK" sz="900" b="0" noProof="0">
                <a:solidFill>
                  <a:schemeClr val="tx1"/>
                </a:solidFill>
              </a:rPr>
              <a:t> Mere forudsigelige priser ved at skifte </a:t>
            </a:r>
            <a:r>
              <a:rPr lang="da-DK" sz="900" b="0" noProof="0" dirty="0">
                <a:solidFill>
                  <a:schemeClr val="tx1"/>
                </a:solidFill>
              </a:rPr>
              <a:t>til </a:t>
            </a:r>
            <a:r>
              <a:rPr lang="da-DK" sz="900" b="0" noProof="0">
                <a:solidFill>
                  <a:schemeClr val="tx1"/>
                </a:solidFill>
              </a:rPr>
              <a:t>delvist statsejet hosting-leverandør.</a:t>
            </a:r>
          </a:p>
          <a:p>
            <a:pPr marL="171450" indent="-171450">
              <a:spcAft>
                <a:spcPts val="200"/>
              </a:spcAft>
              <a:buFont typeface="Wingdings" panose="05000000000000000000" pitchFamily="2" charset="2"/>
              <a:buChar char="Ø"/>
            </a:pPr>
            <a:r>
              <a:rPr lang="da-DK" sz="900" noProof="0">
                <a:solidFill>
                  <a:schemeClr val="tx1"/>
                </a:solidFill>
              </a:rPr>
              <a:t>Reducerede omkostninger ved leverandørskifte</a:t>
            </a:r>
            <a:r>
              <a:rPr lang="da-DK" sz="900" b="0" noProof="0">
                <a:solidFill>
                  <a:schemeClr val="tx1"/>
                </a:solidFill>
              </a:rPr>
              <a:t>: Lavere migrationsomkostninger ved fremtidigt leverandørskifte gennem containerbaseret arkitektur med åbne standarder.</a:t>
            </a:r>
          </a:p>
          <a:p>
            <a:pPr>
              <a:spcAft>
                <a:spcPts val="200"/>
              </a:spcAft>
            </a:pPr>
            <a:endParaRPr lang="da-DK" sz="900" noProof="0"/>
          </a:p>
        </p:txBody>
      </p:sp>
      <p:sp>
        <p:nvSpPr>
          <p:cNvPr id="23" name="Content Placeholder 5">
            <a:extLst>
              <a:ext uri="{FF2B5EF4-FFF2-40B4-BE49-F238E27FC236}">
                <a16:creationId xmlns:a16="http://schemas.microsoft.com/office/drawing/2014/main" id="{EEB171BB-EB06-0395-1422-10200264823F}"/>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Barrierer</a:t>
            </a:r>
          </a:p>
        </p:txBody>
      </p:sp>
      <p:sp>
        <p:nvSpPr>
          <p:cNvPr id="60" name="Content Placeholder 5">
            <a:extLst>
              <a:ext uri="{FF2B5EF4-FFF2-40B4-BE49-F238E27FC236}">
                <a16:creationId xmlns:a16="http://schemas.microsoft.com/office/drawing/2014/main" id="{C755A87B-6E97-B4F5-2382-AF3B6ABFF81E}"/>
              </a:ext>
            </a:extLst>
          </p:cNvPr>
          <p:cNvSpPr txBox="1">
            <a:spLocks/>
          </p:cNvSpPr>
          <p:nvPr/>
        </p:nvSpPr>
        <p:spPr>
          <a:xfrm>
            <a:off x="6445567" y="4549033"/>
            <a:ext cx="2683520" cy="163562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1039307" fontAlgn="base">
              <a:spcBef>
                <a:spcPct val="0"/>
              </a:spcBef>
              <a:spcAft>
                <a:spcPts val="300"/>
              </a:spcAft>
              <a:buFont typeface="Wingdings" panose="05000000000000000000" pitchFamily="2" charset="2"/>
              <a:buChar char="Ø"/>
            </a:pPr>
            <a:r>
              <a:rPr lang="da-DK" sz="900" noProof="0">
                <a:solidFill>
                  <a:schemeClr val="tx1"/>
                </a:solidFill>
              </a:rPr>
              <a:t>Kontraktbindinger</a:t>
            </a:r>
            <a:r>
              <a:rPr lang="da-DK" sz="900" b="0" noProof="0">
                <a:solidFill>
                  <a:schemeClr val="tx1"/>
                </a:solidFill>
              </a:rPr>
              <a:t>: Kontraktbindinger til </a:t>
            </a:r>
            <a:r>
              <a:rPr lang="da-DK" sz="900" b="0" noProof="0" err="1">
                <a:solidFill>
                  <a:schemeClr val="tx1"/>
                </a:solidFill>
              </a:rPr>
              <a:t>hyperscalers</a:t>
            </a:r>
            <a:r>
              <a:rPr lang="da-DK" sz="900" b="0" noProof="0">
                <a:solidFill>
                  <a:schemeClr val="tx1"/>
                </a:solidFill>
              </a:rPr>
              <a:t> gjorde det juridisk og økonomisk komplekst at skifte hosting-løsning.</a:t>
            </a:r>
          </a:p>
          <a:p>
            <a:pPr marL="171450" indent="-171450" defTabSz="1039307" fontAlgn="base">
              <a:spcBef>
                <a:spcPct val="0"/>
              </a:spcBef>
              <a:spcAft>
                <a:spcPts val="300"/>
              </a:spcAft>
              <a:buFont typeface="Wingdings" panose="05000000000000000000" pitchFamily="2" charset="2"/>
              <a:buChar char="Ø"/>
            </a:pPr>
            <a:r>
              <a:rPr lang="da-DK" sz="900" noProof="0">
                <a:solidFill>
                  <a:schemeClr val="tx1"/>
                </a:solidFill>
              </a:rPr>
              <a:t>Systemlandskab</a:t>
            </a:r>
            <a:r>
              <a:rPr lang="da-DK" sz="900" b="0" noProof="0">
                <a:solidFill>
                  <a:schemeClr val="tx1"/>
                </a:solidFill>
              </a:rPr>
              <a:t>: Et fragmenteret og komplekst systemlandskab med mange legacy-løsninger vanskeliggjorde overgangen til åbne standarder og containerbaseret arkitektur.</a:t>
            </a:r>
          </a:p>
          <a:p>
            <a:pPr marL="171450" indent="-171450" defTabSz="1039307" fontAlgn="base">
              <a:spcBef>
                <a:spcPct val="0"/>
              </a:spcBef>
              <a:spcAft>
                <a:spcPts val="300"/>
              </a:spcAft>
              <a:buFont typeface="Wingdings" panose="05000000000000000000" pitchFamily="2" charset="2"/>
              <a:buChar char="Ø"/>
            </a:pPr>
            <a:r>
              <a:rPr lang="da-DK" sz="900" noProof="0">
                <a:solidFill>
                  <a:schemeClr val="tx1"/>
                </a:solidFill>
              </a:rPr>
              <a:t>Kritisk drift</a:t>
            </a:r>
            <a:r>
              <a:rPr lang="da-DK" sz="900" b="0" noProof="0">
                <a:solidFill>
                  <a:schemeClr val="tx1"/>
                </a:solidFill>
              </a:rPr>
              <a:t>: Systemerne skal være funktionelle 24/7 uden nedetid. Det begrænser muligheden for at implementere containerbaseret arkitektur og åbne standarder i stor skala, fordi ændringer skal ske gradvist og med høj sikkerhed.</a:t>
            </a:r>
          </a:p>
        </p:txBody>
      </p:sp>
      <p:cxnSp>
        <p:nvCxnSpPr>
          <p:cNvPr id="25" name="Straight Connector 24">
            <a:extLst>
              <a:ext uri="{FF2B5EF4-FFF2-40B4-BE49-F238E27FC236}">
                <a16:creationId xmlns:a16="http://schemas.microsoft.com/office/drawing/2014/main" id="{FB5B2D4A-2A4B-5F0D-F67C-608433E4C0AB}"/>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8AA43C9C-B4BF-8559-7E32-CFBEA2D6A971}"/>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cxnSp>
        <p:nvCxnSpPr>
          <p:cNvPr id="57" name="Straight Connector 56">
            <a:extLst>
              <a:ext uri="{FF2B5EF4-FFF2-40B4-BE49-F238E27FC236}">
                <a16:creationId xmlns:a16="http://schemas.microsoft.com/office/drawing/2014/main" id="{5B18041E-4C9F-AE09-F794-7FE6D6F6CFD0}"/>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23C69B50-B55B-24AB-91A7-6E619122611A}"/>
              </a:ext>
              <a:ext uri="{C183D7F6-B498-43B3-948B-1728B52AA6E4}">
                <adec:decorative xmlns:adec="http://schemas.microsoft.com/office/drawing/2017/decorative" val="1"/>
              </a:ext>
            </a:extLst>
          </p:cNvPr>
          <p:cNvCxnSpPr>
            <a:cxnSpLocks/>
          </p:cNvCxnSpPr>
          <p:nvPr/>
        </p:nvCxnSpPr>
        <p:spPr>
          <a:xfrm>
            <a:off x="6585098"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5" name="Rectangle 114">
            <a:extLst>
              <a:ext uri="{FF2B5EF4-FFF2-40B4-BE49-F238E27FC236}">
                <a16:creationId xmlns:a16="http://schemas.microsoft.com/office/drawing/2014/main" id="{595772D1-BE9A-53B1-6B12-5F3C7F79954F}"/>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endParaRPr lang="da-DK" sz="900" b="1" noProof="0">
              <a:solidFill>
                <a:schemeClr val="tx1"/>
              </a:solidFill>
            </a:endParaRPr>
          </a:p>
        </p:txBody>
      </p:sp>
      <p:cxnSp>
        <p:nvCxnSpPr>
          <p:cNvPr id="30" name="Straight Connector 29">
            <a:extLst>
              <a:ext uri="{FF2B5EF4-FFF2-40B4-BE49-F238E27FC236}">
                <a16:creationId xmlns:a16="http://schemas.microsoft.com/office/drawing/2014/main" id="{44E44E4A-7C20-294D-748F-AAB6CFCC0BE3}"/>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EB35F870-BDBF-D00D-D349-A6AD10DC790A}"/>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18" name="Rectangle 117">
            <a:extLst>
              <a:ext uri="{FF2B5EF4-FFF2-40B4-BE49-F238E27FC236}">
                <a16:creationId xmlns:a16="http://schemas.microsoft.com/office/drawing/2014/main" id="{C2B37E0C-AE89-D046-BDAE-75EB8D1B3E1E}"/>
              </a:ext>
              <a:ext uri="{C183D7F6-B498-43B3-948B-1728B52AA6E4}">
                <adec:decorative xmlns:adec="http://schemas.microsoft.com/office/drawing/2017/decorative" val="1"/>
              </a:ext>
            </a:extLst>
          </p:cNvPr>
          <p:cNvSpPr>
            <a:spLocks/>
          </p:cNvSpPr>
          <p:nvPr/>
        </p:nvSpPr>
        <p:spPr>
          <a:xfrm>
            <a:off x="9700350" y="3168217"/>
            <a:ext cx="2257757" cy="705465"/>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44" name="Rectangle 3">
            <a:extLst>
              <a:ext uri="{FF2B5EF4-FFF2-40B4-BE49-F238E27FC236}">
                <a16:creationId xmlns:a16="http://schemas.microsoft.com/office/drawing/2014/main" id="{6576D16E-F5D4-1085-40B7-730558C07BD3}"/>
              </a:ext>
              <a:ext uri="{C183D7F6-B498-43B3-948B-1728B52AA6E4}">
                <adec:decorative xmlns:adec="http://schemas.microsoft.com/office/drawing/2017/decorative" val="1"/>
              </a:ext>
            </a:extLst>
          </p:cNvPr>
          <p:cNvSpPr>
            <a:spLocks/>
          </p:cNvSpPr>
          <p:nvPr/>
        </p:nvSpPr>
        <p:spPr>
          <a:xfrm>
            <a:off x="1073146" y="4291708"/>
            <a:ext cx="1977638" cy="197760"/>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47" name="Rectangle 7">
            <a:extLst>
              <a:ext uri="{FF2B5EF4-FFF2-40B4-BE49-F238E27FC236}">
                <a16:creationId xmlns:a16="http://schemas.microsoft.com/office/drawing/2014/main" id="{52EF91A3-3892-5F1F-28A8-320F5DEBACE0}"/>
              </a:ext>
              <a:ext uri="{C183D7F6-B498-43B3-948B-1728B52AA6E4}">
                <adec:decorative xmlns:adec="http://schemas.microsoft.com/office/drawing/2017/decorative" val="1"/>
              </a:ext>
            </a:extLst>
          </p:cNvPr>
          <p:cNvSpPr>
            <a:spLocks/>
          </p:cNvSpPr>
          <p:nvPr/>
        </p:nvSpPr>
        <p:spPr>
          <a:xfrm>
            <a:off x="1071620" y="6139032"/>
            <a:ext cx="1987336" cy="180000"/>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48" name="Rectangle 7">
            <a:extLst>
              <a:ext uri="{FF2B5EF4-FFF2-40B4-BE49-F238E27FC236}">
                <a16:creationId xmlns:a16="http://schemas.microsoft.com/office/drawing/2014/main" id="{AC46A41F-1B36-672C-E788-030A4F52043D}"/>
              </a:ext>
              <a:ext uri="{C183D7F6-B498-43B3-948B-1728B52AA6E4}">
                <adec:decorative xmlns:adec="http://schemas.microsoft.com/office/drawing/2017/decorative" val="1"/>
              </a:ext>
            </a:extLst>
          </p:cNvPr>
          <p:cNvSpPr>
            <a:spLocks/>
          </p:cNvSpPr>
          <p:nvPr/>
        </p:nvSpPr>
        <p:spPr>
          <a:xfrm>
            <a:off x="1071620" y="5443712"/>
            <a:ext cx="2008464" cy="186716"/>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5" name="Rectangle 3">
            <a:extLst>
              <a:ext uri="{FF2B5EF4-FFF2-40B4-BE49-F238E27FC236}">
                <a16:creationId xmlns:a16="http://schemas.microsoft.com/office/drawing/2014/main" id="{E86F9326-AA6E-004C-3350-60876FCF55F9}"/>
              </a:ext>
              <a:ext uri="{C183D7F6-B498-43B3-948B-1728B52AA6E4}">
                <adec:decorative xmlns:adec="http://schemas.microsoft.com/office/drawing/2017/decorative" val="1"/>
              </a:ext>
            </a:extLst>
          </p:cNvPr>
          <p:cNvSpPr>
            <a:spLocks/>
          </p:cNvSpPr>
          <p:nvPr/>
        </p:nvSpPr>
        <p:spPr>
          <a:xfrm>
            <a:off x="1073146" y="4761822"/>
            <a:ext cx="1977638" cy="180000"/>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cxnSp>
        <p:nvCxnSpPr>
          <p:cNvPr id="71" name="Straight Connector 70">
            <a:extLst>
              <a:ext uri="{FF2B5EF4-FFF2-40B4-BE49-F238E27FC236}">
                <a16:creationId xmlns:a16="http://schemas.microsoft.com/office/drawing/2014/main" id="{E160D72D-C33A-E889-9501-0102AD02F107}"/>
              </a:ext>
              <a:ext uri="{C183D7F6-B498-43B3-948B-1728B52AA6E4}">
                <adec:decorative xmlns:adec="http://schemas.microsoft.com/office/drawing/2017/decorative" val="1"/>
              </a:ext>
            </a:extLst>
          </p:cNvPr>
          <p:cNvCxnSpPr>
            <a:cxnSpLocks/>
          </p:cNvCxnSpPr>
          <p:nvPr/>
        </p:nvCxnSpPr>
        <p:spPr>
          <a:xfrm>
            <a:off x="3408176" y="2122972"/>
            <a:ext cx="3493285" cy="16064"/>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110" name="Group 109">
            <a:extLst>
              <a:ext uri="{FF2B5EF4-FFF2-40B4-BE49-F238E27FC236}">
                <a16:creationId xmlns:a16="http://schemas.microsoft.com/office/drawing/2014/main" id="{80277C14-106E-9BAE-F1AC-68ECE661BDB5}"/>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11" name="Rectangle 110">
              <a:extLst>
                <a:ext uri="{FF2B5EF4-FFF2-40B4-BE49-F238E27FC236}">
                  <a16:creationId xmlns:a16="http://schemas.microsoft.com/office/drawing/2014/main" id="{0A66935E-FE73-1FBA-4B5C-F135A35E2E02}"/>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12" name="Rectangle 111">
              <a:extLst>
                <a:ext uri="{FF2B5EF4-FFF2-40B4-BE49-F238E27FC236}">
                  <a16:creationId xmlns:a16="http://schemas.microsoft.com/office/drawing/2014/main" id="{5996FA6C-3344-1B6B-1A14-8C57042DD5DB}"/>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grpSp>
        <p:nvGrpSpPr>
          <p:cNvPr id="12" name="Gruppe 11" descr="Casen addresserer virkemidlerne arkitektur og åbne standarder samt indkøb, krav og leverandørsamarbejde.">
            <a:extLst>
              <a:ext uri="{FF2B5EF4-FFF2-40B4-BE49-F238E27FC236}">
                <a16:creationId xmlns:a16="http://schemas.microsoft.com/office/drawing/2014/main" id="{4E618C31-824D-532B-9347-1B05C369E752}"/>
              </a:ext>
            </a:extLst>
          </p:cNvPr>
          <p:cNvGrpSpPr/>
          <p:nvPr/>
        </p:nvGrpSpPr>
        <p:grpSpPr>
          <a:xfrm>
            <a:off x="9603525" y="1812067"/>
            <a:ext cx="2399666" cy="2088724"/>
            <a:chOff x="9603525" y="1812067"/>
            <a:chExt cx="2399666" cy="2088724"/>
          </a:xfrm>
        </p:grpSpPr>
        <p:sp>
          <p:nvSpPr>
            <p:cNvPr id="15" name="Content Placeholder 5">
              <a:extLst>
                <a:ext uri="{FF2B5EF4-FFF2-40B4-BE49-F238E27FC236}">
                  <a16:creationId xmlns:a16="http://schemas.microsoft.com/office/drawing/2014/main" id="{A324A3E6-68F7-A9D6-1DA9-07E46E627B28}"/>
                </a:ext>
              </a:extLst>
            </p:cNvPr>
            <p:cNvSpPr txBox="1">
              <a:spLocks/>
            </p:cNvSpPr>
            <p:nvPr/>
          </p:nvSpPr>
          <p:spPr>
            <a:xfrm>
              <a:off x="9725863" y="1870757"/>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Virkemidler</a:t>
              </a:r>
            </a:p>
          </p:txBody>
        </p:sp>
        <p:sp>
          <p:nvSpPr>
            <p:cNvPr id="16" name="Rectangle: Rounded Corners 62">
              <a:extLst>
                <a:ext uri="{FF2B5EF4-FFF2-40B4-BE49-F238E27FC236}">
                  <a16:creationId xmlns:a16="http://schemas.microsoft.com/office/drawing/2014/main" id="{AA46BB5E-0A7B-CF9D-D04A-3E0EFA6D72A3}"/>
                </a:ext>
              </a:extLst>
            </p:cNvPr>
            <p:cNvSpPr/>
            <p:nvPr/>
          </p:nvSpPr>
          <p:spPr>
            <a:xfrm>
              <a:off x="9603525" y="1812067"/>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dirty="0">
                <a:ln>
                  <a:noFill/>
                </a:ln>
                <a:solidFill>
                  <a:srgbClr val="A2B3C9"/>
                </a:solidFill>
                <a:effectLst/>
                <a:uLnTx/>
                <a:uFillTx/>
                <a:latin typeface="Arial" panose="020B0604020202020204"/>
                <a:ea typeface="+mn-ea"/>
                <a:cs typeface="+mn-cs"/>
              </a:endParaRPr>
            </a:p>
          </p:txBody>
        </p:sp>
        <p:sp>
          <p:nvSpPr>
            <p:cNvPr id="17" name="Rektangel: afrundede hjørner 10">
              <a:extLst>
                <a:ext uri="{FF2B5EF4-FFF2-40B4-BE49-F238E27FC236}">
                  <a16:creationId xmlns:a16="http://schemas.microsoft.com/office/drawing/2014/main" id="{EB892980-B5AC-0A29-D63F-3E9C819F5D67}"/>
                </a:ext>
              </a:extLst>
            </p:cNvPr>
            <p:cNvSpPr>
              <a:spLocks/>
            </p:cNvSpPr>
            <p:nvPr/>
          </p:nvSpPr>
          <p:spPr>
            <a:xfrm>
              <a:off x="9715033" y="2160296"/>
              <a:ext cx="2190658" cy="252000"/>
            </a:xfrm>
            <a:prstGeom prst="roundRect">
              <a:avLst>
                <a:gd name="adj" fmla="val 5714"/>
              </a:avLst>
            </a:prstGeom>
            <a:solidFill>
              <a:srgbClr val="B7E5E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8" name="TextBox 4">
              <a:extLst>
                <a:ext uri="{FF2B5EF4-FFF2-40B4-BE49-F238E27FC236}">
                  <a16:creationId xmlns:a16="http://schemas.microsoft.com/office/drawing/2014/main" id="{CEFCDDDD-5BAD-53AE-31B0-F0267CA3ECBA}"/>
                </a:ext>
              </a:extLst>
            </p:cNvPr>
            <p:cNvSpPr txBox="1">
              <a:spLocks/>
            </p:cNvSpPr>
            <p:nvPr/>
          </p:nvSpPr>
          <p:spPr>
            <a:xfrm>
              <a:off x="10013065" y="2171242"/>
              <a:ext cx="1955475" cy="230108"/>
            </a:xfrm>
            <a:prstGeom prst="rect">
              <a:avLst/>
            </a:prstGeom>
            <a:noFill/>
          </p:spPr>
          <p:txBody>
            <a:bodyPr wrap="square" lIns="0" rtlCol="0" anchor="ctr">
              <a:noAutofit/>
            </a:bodyPr>
            <a:lstStyle/>
            <a:p>
              <a:r>
                <a:rPr lang="da-DK" sz="700" noProof="0" dirty="0">
                  <a:solidFill>
                    <a:srgbClr val="024D78"/>
                  </a:solidFill>
                </a:rPr>
                <a:t>01 | Strategi og organisation</a:t>
              </a:r>
            </a:p>
          </p:txBody>
        </p:sp>
        <p:sp>
          <p:nvSpPr>
            <p:cNvPr id="19" name="Rektangel: afrundede hjørner 5">
              <a:extLst>
                <a:ext uri="{FF2B5EF4-FFF2-40B4-BE49-F238E27FC236}">
                  <a16:creationId xmlns:a16="http://schemas.microsoft.com/office/drawing/2014/main" id="{5E2C9853-BEA5-3EAA-69D8-35D8669F4117}"/>
                </a:ext>
              </a:extLst>
            </p:cNvPr>
            <p:cNvSpPr>
              <a:spLocks/>
            </p:cNvSpPr>
            <p:nvPr/>
          </p:nvSpPr>
          <p:spPr>
            <a:xfrm>
              <a:off x="9714378" y="3208895"/>
              <a:ext cx="2190658" cy="252000"/>
            </a:xfrm>
            <a:prstGeom prst="roundRect">
              <a:avLst>
                <a:gd name="adj" fmla="val 5714"/>
              </a:avLst>
            </a:prstGeom>
            <a:solidFill>
              <a:srgbClr val="B7E5EE">
                <a:alpha val="25000"/>
              </a:srgbClr>
            </a:solidFill>
            <a:ln>
              <a:solidFill>
                <a:srgbClr val="165C8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0" name="Rektangel: afrundede hjørner 9">
              <a:extLst>
                <a:ext uri="{FF2B5EF4-FFF2-40B4-BE49-F238E27FC236}">
                  <a16:creationId xmlns:a16="http://schemas.microsoft.com/office/drawing/2014/main" id="{3C4258DD-5B3D-0937-024C-56B2AB9A9D17}"/>
                </a:ext>
              </a:extLst>
            </p:cNvPr>
            <p:cNvSpPr>
              <a:spLocks/>
            </p:cNvSpPr>
            <p:nvPr/>
          </p:nvSpPr>
          <p:spPr>
            <a:xfrm>
              <a:off x="9715296" y="2860854"/>
              <a:ext cx="2190193" cy="252000"/>
            </a:xfrm>
            <a:prstGeom prst="roundRect">
              <a:avLst>
                <a:gd name="adj" fmla="val 5714"/>
              </a:avLst>
            </a:prstGeom>
            <a:solidFill>
              <a:srgbClr val="B7E5EE">
                <a:alpha val="50000"/>
              </a:srgbClr>
            </a:solidFill>
            <a:ln>
              <a:solidFill>
                <a:srgbClr val="165C8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1" name="Rektangel: afrundede hjørner 39">
              <a:extLst>
                <a:ext uri="{FF2B5EF4-FFF2-40B4-BE49-F238E27FC236}">
                  <a16:creationId xmlns:a16="http://schemas.microsoft.com/office/drawing/2014/main" id="{223F988B-B3C4-4DCF-C3E8-B08C0EF6C9D6}"/>
                </a:ext>
              </a:extLst>
            </p:cNvPr>
            <p:cNvSpPr>
              <a:spLocks/>
            </p:cNvSpPr>
            <p:nvPr/>
          </p:nvSpPr>
          <p:spPr>
            <a:xfrm>
              <a:off x="9714378" y="2489568"/>
              <a:ext cx="2190193" cy="252000"/>
            </a:xfrm>
            <a:prstGeom prst="roundRect">
              <a:avLst>
                <a:gd name="adj" fmla="val 5714"/>
              </a:avLst>
            </a:prstGeom>
            <a:solidFill>
              <a:srgbClr val="B7E5EE">
                <a:alpha val="7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4" name="Rektangel: afrundede hjørner 39">
              <a:extLst>
                <a:ext uri="{FF2B5EF4-FFF2-40B4-BE49-F238E27FC236}">
                  <a16:creationId xmlns:a16="http://schemas.microsoft.com/office/drawing/2014/main" id="{A6E35828-8E22-7F31-5209-051DEE836ACC}"/>
                </a:ext>
              </a:extLst>
            </p:cNvPr>
            <p:cNvSpPr>
              <a:spLocks/>
            </p:cNvSpPr>
            <p:nvPr/>
          </p:nvSpPr>
          <p:spPr>
            <a:xfrm>
              <a:off x="9714843" y="3561413"/>
              <a:ext cx="2190193" cy="252000"/>
            </a:xfrm>
            <a:prstGeom prst="roundRect">
              <a:avLst>
                <a:gd name="adj" fmla="val 5714"/>
              </a:avLst>
            </a:prstGeom>
            <a:solidFill>
              <a:srgbClr val="B7E5EE">
                <a:alpha val="1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6" name="TextBox 4">
              <a:extLst>
                <a:ext uri="{FF2B5EF4-FFF2-40B4-BE49-F238E27FC236}">
                  <a16:creationId xmlns:a16="http://schemas.microsoft.com/office/drawing/2014/main" id="{92D8AA86-1FC7-97E6-6F40-256557491D29}"/>
                </a:ext>
              </a:extLst>
            </p:cNvPr>
            <p:cNvSpPr txBox="1">
              <a:spLocks/>
            </p:cNvSpPr>
            <p:nvPr/>
          </p:nvSpPr>
          <p:spPr>
            <a:xfrm>
              <a:off x="10012600" y="3219841"/>
              <a:ext cx="1955475" cy="230108"/>
            </a:xfrm>
            <a:prstGeom prst="rect">
              <a:avLst/>
            </a:prstGeom>
            <a:noFill/>
          </p:spPr>
          <p:txBody>
            <a:bodyPr wrap="square" lIns="0" rtlCol="0" anchor="ctr">
              <a:noAutofit/>
            </a:bodyPr>
            <a:lstStyle/>
            <a:p>
              <a:r>
                <a:rPr lang="da-DK" sz="700" b="1" noProof="0" dirty="0">
                  <a:solidFill>
                    <a:srgbClr val="024D78"/>
                  </a:solidFill>
                </a:rPr>
                <a:t>04 | Indkøb, krav og leverandørsamarbejde</a:t>
              </a:r>
            </a:p>
          </p:txBody>
        </p:sp>
        <p:sp>
          <p:nvSpPr>
            <p:cNvPr id="27" name="TextBox 4">
              <a:extLst>
                <a:ext uri="{FF2B5EF4-FFF2-40B4-BE49-F238E27FC236}">
                  <a16:creationId xmlns:a16="http://schemas.microsoft.com/office/drawing/2014/main" id="{00406160-A713-4B0E-4B81-AB739B9AB894}"/>
                </a:ext>
              </a:extLst>
            </p:cNvPr>
            <p:cNvSpPr txBox="1">
              <a:spLocks/>
            </p:cNvSpPr>
            <p:nvPr/>
          </p:nvSpPr>
          <p:spPr>
            <a:xfrm>
              <a:off x="10013065" y="2871800"/>
              <a:ext cx="1955475" cy="230108"/>
            </a:xfrm>
            <a:prstGeom prst="rect">
              <a:avLst/>
            </a:prstGeom>
            <a:noFill/>
          </p:spPr>
          <p:txBody>
            <a:bodyPr wrap="square" lIns="0" rtlCol="0" anchor="ctr">
              <a:noAutofit/>
            </a:bodyPr>
            <a:lstStyle/>
            <a:p>
              <a:r>
                <a:rPr lang="da-DK" sz="700" b="1" noProof="0" dirty="0">
                  <a:solidFill>
                    <a:srgbClr val="024D78"/>
                  </a:solidFill>
                </a:rPr>
                <a:t>03 | Arkitektur og åbne standarder</a:t>
              </a:r>
            </a:p>
          </p:txBody>
        </p:sp>
        <p:sp>
          <p:nvSpPr>
            <p:cNvPr id="28" name="TextBox 4">
              <a:extLst>
                <a:ext uri="{FF2B5EF4-FFF2-40B4-BE49-F238E27FC236}">
                  <a16:creationId xmlns:a16="http://schemas.microsoft.com/office/drawing/2014/main" id="{F28BC426-E3DE-4A0B-5DE5-545D9ACBF44E}"/>
                </a:ext>
              </a:extLst>
            </p:cNvPr>
            <p:cNvSpPr txBox="1">
              <a:spLocks/>
            </p:cNvSpPr>
            <p:nvPr/>
          </p:nvSpPr>
          <p:spPr>
            <a:xfrm>
              <a:off x="10012147" y="2500514"/>
              <a:ext cx="1955475" cy="230108"/>
            </a:xfrm>
            <a:prstGeom prst="rect">
              <a:avLst/>
            </a:prstGeom>
            <a:noFill/>
          </p:spPr>
          <p:txBody>
            <a:bodyPr wrap="square" lIns="0" rtlCol="0" anchor="ctr">
              <a:noAutofit/>
            </a:bodyPr>
            <a:lstStyle/>
            <a:p>
              <a:r>
                <a:rPr lang="da-DK" sz="700" noProof="0" dirty="0">
                  <a:solidFill>
                    <a:srgbClr val="024D78"/>
                  </a:solidFill>
                </a:rPr>
                <a:t>02 | Risikobaseret styring af afhængigheder</a:t>
              </a:r>
            </a:p>
          </p:txBody>
        </p:sp>
        <p:sp>
          <p:nvSpPr>
            <p:cNvPr id="33" name="TextBox 4">
              <a:extLst>
                <a:ext uri="{FF2B5EF4-FFF2-40B4-BE49-F238E27FC236}">
                  <a16:creationId xmlns:a16="http://schemas.microsoft.com/office/drawing/2014/main" id="{DBB9C7E7-899F-A802-0EA1-8EE10C550CD5}"/>
                </a:ext>
              </a:extLst>
            </p:cNvPr>
            <p:cNvSpPr txBox="1">
              <a:spLocks/>
            </p:cNvSpPr>
            <p:nvPr/>
          </p:nvSpPr>
          <p:spPr>
            <a:xfrm>
              <a:off x="10013065" y="3572359"/>
              <a:ext cx="1955475" cy="230108"/>
            </a:xfrm>
            <a:prstGeom prst="rect">
              <a:avLst/>
            </a:prstGeom>
            <a:noFill/>
          </p:spPr>
          <p:txBody>
            <a:bodyPr wrap="square" lIns="0" rtlCol="0" anchor="ctr">
              <a:noAutofit/>
            </a:bodyPr>
            <a:lstStyle/>
            <a:p>
              <a:r>
                <a:rPr lang="da-DK" sz="700" noProof="0" dirty="0">
                  <a:solidFill>
                    <a:srgbClr val="024D78"/>
                  </a:solidFill>
                </a:rPr>
                <a:t>05 | Alternative løsninger</a:t>
              </a:r>
            </a:p>
          </p:txBody>
        </p:sp>
        <p:sp>
          <p:nvSpPr>
            <p:cNvPr id="34" name="Freeform 7">
              <a:extLst>
                <a:ext uri="{FF2B5EF4-FFF2-40B4-BE49-F238E27FC236}">
                  <a16:creationId xmlns:a16="http://schemas.microsoft.com/office/drawing/2014/main" id="{EE462AE6-D777-F3E9-4051-6699012987F5}"/>
                </a:ext>
              </a:extLst>
            </p:cNvPr>
            <p:cNvSpPr>
              <a:spLocks noEditPoints="1"/>
            </p:cNvSpPr>
            <p:nvPr/>
          </p:nvSpPr>
          <p:spPr bwMode="auto">
            <a:xfrm>
              <a:off x="9787104" y="3249608"/>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35" name="Group 18">
              <a:extLst>
                <a:ext uri="{FF2B5EF4-FFF2-40B4-BE49-F238E27FC236}">
                  <a16:creationId xmlns:a16="http://schemas.microsoft.com/office/drawing/2014/main" id="{3576A785-055F-B549-1319-96216CC9CC8D}"/>
                </a:ext>
              </a:extLst>
            </p:cNvPr>
            <p:cNvGrpSpPr/>
            <p:nvPr/>
          </p:nvGrpSpPr>
          <p:grpSpPr>
            <a:xfrm>
              <a:off x="9779042" y="2912075"/>
              <a:ext cx="193946" cy="152578"/>
              <a:chOff x="8675444" y="2927353"/>
              <a:chExt cx="573087" cy="450850"/>
            </a:xfrm>
            <a:solidFill>
              <a:srgbClr val="024D78"/>
            </a:solidFill>
          </p:grpSpPr>
          <p:sp>
            <p:nvSpPr>
              <p:cNvPr id="61" name="Freeform 257">
                <a:extLst>
                  <a:ext uri="{FF2B5EF4-FFF2-40B4-BE49-F238E27FC236}">
                    <a16:creationId xmlns:a16="http://schemas.microsoft.com/office/drawing/2014/main" id="{46DA5300-E4DC-DF5B-6B23-035C9F423A0A}"/>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69" name="Freeform 258">
                <a:extLst>
                  <a:ext uri="{FF2B5EF4-FFF2-40B4-BE49-F238E27FC236}">
                    <a16:creationId xmlns:a16="http://schemas.microsoft.com/office/drawing/2014/main" id="{04BC83E2-AA09-021A-EBFC-9516AFD4B435}"/>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0" name="Freeform 259">
                <a:extLst>
                  <a:ext uri="{FF2B5EF4-FFF2-40B4-BE49-F238E27FC236}">
                    <a16:creationId xmlns:a16="http://schemas.microsoft.com/office/drawing/2014/main" id="{D0B8302A-3E3D-048A-6F46-DD31E30458FF}"/>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36" name="Group 22">
              <a:extLst>
                <a:ext uri="{FF2B5EF4-FFF2-40B4-BE49-F238E27FC236}">
                  <a16:creationId xmlns:a16="http://schemas.microsoft.com/office/drawing/2014/main" id="{4D3FE912-8439-4B11-F6D8-5C57DA7E347A}"/>
                </a:ext>
              </a:extLst>
            </p:cNvPr>
            <p:cNvGrpSpPr/>
            <p:nvPr/>
          </p:nvGrpSpPr>
          <p:grpSpPr>
            <a:xfrm>
              <a:off x="9785703" y="2518430"/>
              <a:ext cx="178788" cy="179199"/>
              <a:chOff x="8695953" y="3768979"/>
              <a:chExt cx="531804" cy="533027"/>
            </a:xfrm>
            <a:solidFill>
              <a:srgbClr val="024D78"/>
            </a:solidFill>
          </p:grpSpPr>
          <p:sp>
            <p:nvSpPr>
              <p:cNvPr id="42" name="Freeform 291">
                <a:extLst>
                  <a:ext uri="{FF2B5EF4-FFF2-40B4-BE49-F238E27FC236}">
                    <a16:creationId xmlns:a16="http://schemas.microsoft.com/office/drawing/2014/main" id="{08459BF3-AA31-8688-47F1-99C2D2DBD294}"/>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43" name="Freeform 292">
                <a:extLst>
                  <a:ext uri="{FF2B5EF4-FFF2-40B4-BE49-F238E27FC236}">
                    <a16:creationId xmlns:a16="http://schemas.microsoft.com/office/drawing/2014/main" id="{B17BC800-D25C-D929-E481-0DEF99DC7A14}"/>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46" name="Freeform 293">
                <a:extLst>
                  <a:ext uri="{FF2B5EF4-FFF2-40B4-BE49-F238E27FC236}">
                    <a16:creationId xmlns:a16="http://schemas.microsoft.com/office/drawing/2014/main" id="{CB771658-C8AA-6EA8-26EF-2CF38340EDD5}"/>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37" name="Freeform 25">
              <a:extLst>
                <a:ext uri="{FF2B5EF4-FFF2-40B4-BE49-F238E27FC236}">
                  <a16:creationId xmlns:a16="http://schemas.microsoft.com/office/drawing/2014/main" id="{E813D208-7A91-264D-50B0-9430E3AF2862}"/>
                </a:ext>
              </a:extLst>
            </p:cNvPr>
            <p:cNvSpPr>
              <a:spLocks noEditPoints="1"/>
            </p:cNvSpPr>
            <p:nvPr/>
          </p:nvSpPr>
          <p:spPr bwMode="auto">
            <a:xfrm>
              <a:off x="9770631" y="3593353"/>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38" name="Freeform 17">
              <a:extLst>
                <a:ext uri="{FF2B5EF4-FFF2-40B4-BE49-F238E27FC236}">
                  <a16:creationId xmlns:a16="http://schemas.microsoft.com/office/drawing/2014/main" id="{3661D97B-F382-ACE2-8F9D-0D6F5CDDB797}"/>
                </a:ext>
              </a:extLst>
            </p:cNvPr>
            <p:cNvSpPr>
              <a:spLocks noEditPoints="1"/>
            </p:cNvSpPr>
            <p:nvPr/>
          </p:nvSpPr>
          <p:spPr bwMode="auto">
            <a:xfrm>
              <a:off x="9786544" y="2197020"/>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sp>
          <p:nvSpPr>
            <p:cNvPr id="39" name="Rectangle 26">
              <a:extLst>
                <a:ext uri="{FF2B5EF4-FFF2-40B4-BE49-F238E27FC236}">
                  <a16:creationId xmlns:a16="http://schemas.microsoft.com/office/drawing/2014/main" id="{6A6E8CD8-D325-C898-5576-93B016AA64F4}"/>
                </a:ext>
              </a:extLst>
            </p:cNvPr>
            <p:cNvSpPr>
              <a:spLocks/>
            </p:cNvSpPr>
            <p:nvPr/>
          </p:nvSpPr>
          <p:spPr>
            <a:xfrm>
              <a:off x="9660370" y="2132085"/>
              <a:ext cx="2265245" cy="657553"/>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cxnSp>
          <p:nvCxnSpPr>
            <p:cNvPr id="40" name="Straight Connector 64">
              <a:extLst>
                <a:ext uri="{FF2B5EF4-FFF2-40B4-BE49-F238E27FC236}">
                  <a16:creationId xmlns:a16="http://schemas.microsoft.com/office/drawing/2014/main" id="{5F9F3406-E90F-6A98-70EC-24C8429651C3}"/>
                </a:ext>
              </a:extLst>
            </p:cNvPr>
            <p:cNvCxnSpPr>
              <a:cxnSpLocks/>
            </p:cNvCxnSpPr>
            <p:nvPr/>
          </p:nvCxnSpPr>
          <p:spPr>
            <a:xfrm>
              <a:off x="9714378" y="2122972"/>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91" name="Rectangle 26">
              <a:extLst>
                <a:ext uri="{FF2B5EF4-FFF2-40B4-BE49-F238E27FC236}">
                  <a16:creationId xmlns:a16="http://schemas.microsoft.com/office/drawing/2014/main" id="{8CFFDA27-788E-7AE2-A4F4-DD4A5E3D545A}"/>
                </a:ext>
              </a:extLst>
            </p:cNvPr>
            <p:cNvSpPr>
              <a:spLocks/>
            </p:cNvSpPr>
            <p:nvPr/>
          </p:nvSpPr>
          <p:spPr>
            <a:xfrm>
              <a:off x="9660370" y="3498031"/>
              <a:ext cx="2265245" cy="390525"/>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grpSp>
      <p:sp>
        <p:nvSpPr>
          <p:cNvPr id="29" name="Content Placeholder 5">
            <a:extLst>
              <a:ext uri="{FF2B5EF4-FFF2-40B4-BE49-F238E27FC236}">
                <a16:creationId xmlns:a16="http://schemas.microsoft.com/office/drawing/2014/main" id="{74658E84-D2D8-D566-5AAF-4F214FABAEEB}"/>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Nøgleerfaringer og </a:t>
            </a:r>
            <a:r>
              <a:rPr lang="da-DK" sz="1100" noProof="0" err="1">
                <a:solidFill>
                  <a:srgbClr val="36465A"/>
                </a:solidFill>
              </a:rPr>
              <a:t>læringer</a:t>
            </a:r>
            <a:endParaRPr lang="da-DK" sz="1100" noProof="0">
              <a:solidFill>
                <a:srgbClr val="36465A"/>
              </a:solidFill>
            </a:endParaRPr>
          </a:p>
        </p:txBody>
      </p:sp>
      <p:sp>
        <p:nvSpPr>
          <p:cNvPr id="32" name="Content Placeholder 5">
            <a:extLst>
              <a:ext uri="{FF2B5EF4-FFF2-40B4-BE49-F238E27FC236}">
                <a16:creationId xmlns:a16="http://schemas.microsoft.com/office/drawing/2014/main" id="{4DEBCA31-015E-59BE-E23A-0757C143DBE1}"/>
              </a:ext>
            </a:extLst>
          </p:cNvPr>
          <p:cNvSpPr txBox="1">
            <a:spLocks/>
          </p:cNvSpPr>
          <p:nvPr/>
        </p:nvSpPr>
        <p:spPr>
          <a:xfrm>
            <a:off x="9682482" y="4346558"/>
            <a:ext cx="2285140" cy="183627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ct val="0"/>
              </a:spcAft>
              <a:buFont typeface="Wingdings" panose="05000000000000000000" pitchFamily="2" charset="2"/>
              <a:buChar char="ü"/>
            </a:pPr>
            <a:r>
              <a:rPr lang="da-DK" sz="900" noProof="0">
                <a:solidFill>
                  <a:schemeClr val="tx1"/>
                </a:solidFill>
              </a:rPr>
              <a:t>Hybrid </a:t>
            </a:r>
            <a:r>
              <a:rPr lang="da-DK" sz="900" noProof="0" err="1">
                <a:solidFill>
                  <a:schemeClr val="tx1"/>
                </a:solidFill>
              </a:rPr>
              <a:t>hosting</a:t>
            </a:r>
            <a:r>
              <a:rPr lang="da-DK" sz="900" noProof="0">
                <a:solidFill>
                  <a:schemeClr val="tx1"/>
                </a:solidFill>
              </a:rPr>
              <a:t> som pragmatisk løsning</a:t>
            </a:r>
            <a:br>
              <a:rPr lang="da-DK" sz="900" noProof="0"/>
            </a:br>
            <a:r>
              <a:rPr lang="da-DK" sz="900" b="0" noProof="0"/>
              <a:t>Kritiske komponenter kan placeres i suveræne datacentre for at balancere kontrol og driftsstabilitet.</a:t>
            </a:r>
          </a:p>
          <a:p>
            <a:pPr marL="171450" indent="-171450" defTabSz="914400" eaLnBrk="0" fontAlgn="base" hangingPunct="0">
              <a:spcBef>
                <a:spcPct val="0"/>
              </a:spcBef>
              <a:spcAft>
                <a:spcPct val="0"/>
              </a:spcAft>
              <a:buFont typeface="Wingdings" panose="05000000000000000000" pitchFamily="2" charset="2"/>
              <a:buChar char="ü"/>
            </a:pPr>
            <a:r>
              <a:rPr lang="da-DK" sz="900" noProof="0"/>
              <a:t>Åbne standarder kæver styring</a:t>
            </a:r>
            <a:br>
              <a:rPr lang="da-DK" sz="900" b="0" noProof="0"/>
            </a:br>
            <a:r>
              <a:rPr lang="da-DK" sz="900" b="0" noProof="0"/>
              <a:t>Containerbaseret arkitektur og åbne standarder mindsker </a:t>
            </a:r>
            <a:r>
              <a:rPr lang="da-DK" sz="900" b="0" noProof="0" err="1"/>
              <a:t>lock</a:t>
            </a:r>
            <a:r>
              <a:rPr lang="da-DK" sz="900" b="0" noProof="0"/>
              <a:t>-in, men kræver </a:t>
            </a:r>
            <a:r>
              <a:rPr lang="da-DK" sz="900" b="0" noProof="0" err="1"/>
              <a:t>governance</a:t>
            </a:r>
            <a:r>
              <a:rPr lang="da-DK" sz="900" b="0" noProof="0"/>
              <a:t>, fordi kombinationen af flere teknologier og leverandører øger behovet for styring.</a:t>
            </a:r>
          </a:p>
          <a:p>
            <a:pPr marL="171450" indent="-171450" defTabSz="914400" eaLnBrk="0" fontAlgn="base" hangingPunct="0">
              <a:spcBef>
                <a:spcPct val="0"/>
              </a:spcBef>
              <a:spcAft>
                <a:spcPct val="0"/>
              </a:spcAft>
              <a:buFont typeface="Wingdings" panose="05000000000000000000" pitchFamily="2" charset="2"/>
              <a:buChar char="ü"/>
            </a:pPr>
            <a:r>
              <a:rPr lang="da-DK" sz="900" noProof="0"/>
              <a:t>Legacy er en brændende platform</a:t>
            </a:r>
            <a:br>
              <a:rPr lang="da-DK" sz="900" noProof="0"/>
            </a:br>
            <a:r>
              <a:rPr lang="da-DK" sz="900" b="0" noProof="0"/>
              <a:t>Når kernesystemer skal moderniseres, kan digital suverænitet med fordel tænkes ind fra starten.</a:t>
            </a:r>
            <a:br>
              <a:rPr lang="da-DK" sz="900" b="0" noProof="0"/>
            </a:br>
            <a:endParaRPr lang="da-DK" sz="900" b="0" noProof="0"/>
          </a:p>
        </p:txBody>
      </p:sp>
      <p:sp>
        <p:nvSpPr>
          <p:cNvPr id="7" name="Content Placeholder 5">
            <a:extLst>
              <a:ext uri="{FF2B5EF4-FFF2-40B4-BE49-F238E27FC236}">
                <a16:creationId xmlns:a16="http://schemas.microsoft.com/office/drawing/2014/main" id="{8F9DBBCE-169C-2759-68E5-410BC90BD513}"/>
              </a:ext>
            </a:extLst>
          </p:cNvPr>
          <p:cNvSpPr txBox="1">
            <a:spLocks/>
          </p:cNvSpPr>
          <p:nvPr/>
        </p:nvSpPr>
        <p:spPr>
          <a:xfrm>
            <a:off x="552449" y="6438822"/>
            <a:ext cx="11470014" cy="9724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700" b="0" i="1" noProof="0">
                <a:solidFill>
                  <a:schemeClr val="tx1"/>
                </a:solidFill>
              </a:rPr>
              <a:t>*Flere initiativer og løsninger er i drift, men der udvikles og implementeres fortsat nye initiativer **Atlas er et sagsbehandlingssystem (case </a:t>
            </a:r>
            <a:r>
              <a:rPr lang="da-DK" sz="700" b="0" i="1" noProof="0" dirty="0" err="1">
                <a:solidFill>
                  <a:schemeClr val="tx1"/>
                </a:solidFill>
              </a:rPr>
              <a:t>mangement</a:t>
            </a:r>
            <a:r>
              <a:rPr lang="da-DK" sz="700" b="0" i="1" noProof="0">
                <a:solidFill>
                  <a:schemeClr val="tx1"/>
                </a:solidFill>
              </a:rPr>
              <a:t>) til håndtering af ansøgningsprocesser.</a:t>
            </a:r>
          </a:p>
        </p:txBody>
      </p:sp>
    </p:spTree>
    <p:extLst>
      <p:ext uri="{BB962C8B-B14F-4D97-AF65-F5344CB8AC3E}">
        <p14:creationId xmlns:p14="http://schemas.microsoft.com/office/powerpoint/2010/main" val="2780494153"/>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76F276E-3C26-5171-0E30-2480119C28D3}"/>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563DFD76-AC5B-2929-280F-220830067D1E}"/>
              </a:ext>
            </a:extLst>
          </p:cNvPr>
          <p:cNvSpPr>
            <a:spLocks noGrp="1"/>
          </p:cNvSpPr>
          <p:nvPr>
            <p:ph type="title"/>
          </p:nvPr>
        </p:nvSpPr>
        <p:spPr/>
        <p:txBody>
          <a:bodyPr/>
          <a:lstStyle/>
          <a:p>
            <a:r>
              <a:rPr lang="da-DK" sz="2200" noProof="0" dirty="0"/>
              <a:t>Introduktion til </a:t>
            </a:r>
            <a:r>
              <a:rPr lang="da-DK" sz="2200" noProof="0" dirty="0" err="1"/>
              <a:t>casekataloget</a:t>
            </a:r>
            <a:endParaRPr lang="da-DK" sz="2200" noProof="0" dirty="0"/>
          </a:p>
        </p:txBody>
      </p:sp>
      <p:sp>
        <p:nvSpPr>
          <p:cNvPr id="51" name="TextBox 50">
            <a:extLst>
              <a:ext uri="{FF2B5EF4-FFF2-40B4-BE49-F238E27FC236}">
                <a16:creationId xmlns:a16="http://schemas.microsoft.com/office/drawing/2014/main" id="{7EEECF5C-9280-69BB-692E-D32663D5E549}"/>
              </a:ext>
            </a:extLst>
          </p:cNvPr>
          <p:cNvSpPr txBox="1"/>
          <p:nvPr/>
        </p:nvSpPr>
        <p:spPr>
          <a:xfrm>
            <a:off x="554354" y="1547581"/>
            <a:ext cx="11118721" cy="646331"/>
          </a:xfrm>
          <a:prstGeom prst="rect">
            <a:avLst/>
          </a:prstGeom>
          <a:noFill/>
        </p:spPr>
        <p:txBody>
          <a:bodyPr wrap="square" lIns="0" rIns="0">
            <a:spAutoFit/>
          </a:bodyPr>
          <a:lstStyle/>
          <a:p>
            <a:r>
              <a:rPr lang="da-DK" sz="1200" b="1" noProof="0" dirty="0">
                <a:solidFill>
                  <a:schemeClr val="accent3"/>
                </a:solidFill>
              </a:rPr>
              <a:t>Dette </a:t>
            </a:r>
            <a:r>
              <a:rPr lang="da-DK" sz="1200" b="1" noProof="0" dirty="0" err="1">
                <a:solidFill>
                  <a:schemeClr val="accent3"/>
                </a:solidFill>
              </a:rPr>
              <a:t>casekatalog</a:t>
            </a:r>
            <a:r>
              <a:rPr lang="da-DK" sz="1200" b="1" noProof="0" dirty="0">
                <a:solidFill>
                  <a:schemeClr val="accent3"/>
                </a:solidFill>
              </a:rPr>
              <a:t> præsenterer 15 cases, som beskriver konkrete eksempler på, hvordan danske og udenlandske myndigheder samt enkelte private virksomheder arbejder på at sikre en øget grad af digital suverænitet. Der præsenteres 15 cases – seks cases fra udenlandske myndigheder inkl. fælleseuropæiske initiativer, syv cases fra danske myndigheder og to cases fra det private erhvervsliv. </a:t>
            </a:r>
          </a:p>
        </p:txBody>
      </p:sp>
      <p:sp>
        <p:nvSpPr>
          <p:cNvPr id="7" name="Round Same-side Corner of Rectangle 6">
            <a:extLst>
              <a:ext uri="{FF2B5EF4-FFF2-40B4-BE49-F238E27FC236}">
                <a16:creationId xmlns:a16="http://schemas.microsoft.com/office/drawing/2014/main" id="{22056D9E-47DC-4F4B-24C8-1A46980C12AC}"/>
              </a:ext>
            </a:extLst>
          </p:cNvPr>
          <p:cNvSpPr/>
          <p:nvPr/>
        </p:nvSpPr>
        <p:spPr>
          <a:xfrm>
            <a:off x="552449" y="2251597"/>
            <a:ext cx="5304653" cy="422005"/>
          </a:xfrm>
          <a:prstGeom prst="round2Same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a:solidFill>
                  <a:schemeClr val="bg1"/>
                </a:solidFill>
              </a:rPr>
              <a:t>Datagrundlag og forudsætninger</a:t>
            </a:r>
          </a:p>
        </p:txBody>
      </p:sp>
      <p:sp>
        <p:nvSpPr>
          <p:cNvPr id="8" name="Rectangle 7">
            <a:extLst>
              <a:ext uri="{FF2B5EF4-FFF2-40B4-BE49-F238E27FC236}">
                <a16:creationId xmlns:a16="http://schemas.microsoft.com/office/drawing/2014/main" id="{314C0CB1-9DB6-5910-BEA7-EC0DC6AAD869}"/>
              </a:ext>
            </a:extLst>
          </p:cNvPr>
          <p:cNvSpPr/>
          <p:nvPr/>
        </p:nvSpPr>
        <p:spPr>
          <a:xfrm>
            <a:off x="552449" y="2673601"/>
            <a:ext cx="5304653" cy="32425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108000" rIns="91440" bIns="45720" rtlCol="0" anchor="t"/>
          <a:lstStyle/>
          <a:p>
            <a:pPr marL="171450" indent="-171450">
              <a:buFont typeface="Arial" panose="020B0604020202020204" pitchFamily="34" charset="0"/>
              <a:buChar char="•"/>
            </a:pPr>
            <a:r>
              <a:rPr lang="da-DK" sz="1100" noProof="0" dirty="0" err="1">
                <a:solidFill>
                  <a:schemeClr val="tx1"/>
                </a:solidFill>
              </a:rPr>
              <a:t>Casekataloget</a:t>
            </a:r>
            <a:r>
              <a:rPr lang="da-DK" sz="1100" noProof="0" dirty="0">
                <a:solidFill>
                  <a:schemeClr val="tx1"/>
                </a:solidFill>
              </a:rPr>
              <a:t> er udarbejdet af PA Consulting i perioden oktober 2025 – januar 2026 ifm. en analyse af digital suverænitet for Digitaliseringsministeriet, Digitaliseringsstyrelsen, KL og Danske Regioner. Analysen udspringer af initiativ 12 i den fællesoffentlige digitaliseringsstrategi 2026-29 og har til formål at afdække myndigheders erfaringer med migrering til alternative teknologier</a:t>
            </a: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Cases er deskriptivt fremstillet og baseret på offentligt tilgængeligt materiale, supplerende strategidokumenter og notater samt interviews med relevante </a:t>
            </a:r>
            <a:r>
              <a:rPr lang="da-DK" sz="1100" noProof="0" dirty="0" err="1">
                <a:solidFill>
                  <a:schemeClr val="tx1"/>
                </a:solidFill>
              </a:rPr>
              <a:t>caserepræsentanter</a:t>
            </a:r>
            <a:r>
              <a:rPr lang="da-DK" sz="1100" noProof="0" dirty="0">
                <a:solidFill>
                  <a:schemeClr val="tx1"/>
                </a:solidFill>
              </a:rPr>
              <a:t>, som har haft en central rolle ifm. projektet/initiativet.</a:t>
            </a: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Der er fortrinsvist gennemført ét interview per case med en til flere centrale repræsentanter fra den pågældende myndighed/organisation. </a:t>
            </a:r>
          </a:p>
          <a:p>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Relative vurderinger af omkostningsdrivere er beskrevet af PA for at supplere de deskriptive cases.</a:t>
            </a:r>
          </a:p>
        </p:txBody>
      </p:sp>
      <p:sp>
        <p:nvSpPr>
          <p:cNvPr id="10" name="Round Same-side Corner of Rectangle 9">
            <a:extLst>
              <a:ext uri="{FF2B5EF4-FFF2-40B4-BE49-F238E27FC236}">
                <a16:creationId xmlns:a16="http://schemas.microsoft.com/office/drawing/2014/main" id="{59768031-9ABC-F45A-72CE-14742D3D8323}"/>
              </a:ext>
            </a:extLst>
          </p:cNvPr>
          <p:cNvSpPr/>
          <p:nvPr/>
        </p:nvSpPr>
        <p:spPr>
          <a:xfrm>
            <a:off x="6372482" y="2251597"/>
            <a:ext cx="5304653" cy="422005"/>
          </a:xfrm>
          <a:prstGeom prst="round2Same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solidFill>
                  <a:schemeClr val="bg1"/>
                </a:solidFill>
              </a:rPr>
              <a:t>Tilgang til udvælgelse og strukturering af cases</a:t>
            </a:r>
          </a:p>
        </p:txBody>
      </p:sp>
      <p:sp>
        <p:nvSpPr>
          <p:cNvPr id="11" name="Rectangle 10">
            <a:extLst>
              <a:ext uri="{FF2B5EF4-FFF2-40B4-BE49-F238E27FC236}">
                <a16:creationId xmlns:a16="http://schemas.microsoft.com/office/drawing/2014/main" id="{958AB177-3740-BB45-C59A-172AC44ADDE5}"/>
              </a:ext>
            </a:extLst>
          </p:cNvPr>
          <p:cNvSpPr/>
          <p:nvPr/>
        </p:nvSpPr>
        <p:spPr>
          <a:xfrm>
            <a:off x="6372482" y="2673601"/>
            <a:ext cx="5304653" cy="32425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108000" rIns="91440" bIns="45720" rtlCol="0" anchor="t"/>
          <a:lstStyle/>
          <a:p>
            <a:pPr marL="171450" indent="-171450">
              <a:buFont typeface="Arial" panose="020B0604020202020204" pitchFamily="34" charset="0"/>
              <a:buChar char="•"/>
            </a:pPr>
            <a:r>
              <a:rPr lang="da-DK" sz="1100" noProof="0" dirty="0">
                <a:solidFill>
                  <a:schemeClr val="tx1"/>
                </a:solidFill>
              </a:rPr>
              <a:t>De enkelte cases er udvalgt, fordi de eksemplificerer konkrete måder at arbejde struktureret med at øge den digitale suverænitet – og dermed kan give inspiration til, hvordan de identificerede udfordringer kan adresseres.</a:t>
            </a: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Samtlige cases adresserer i forskelligt omfang alle fire kerneudfordringer, men via forskellige virkemidler og tilgange. </a:t>
            </a: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Hver case er beskrevet på tre sider, hvor første side giver et samlet resumé af casen, mens de øvrige sider indeholder uddybende beskrivelser.</a:t>
            </a:r>
          </a:p>
        </p:txBody>
      </p:sp>
      <p:sp>
        <p:nvSpPr>
          <p:cNvPr id="12" name="Free-form: Shape 1">
            <a:extLst>
              <a:ext uri="{FF2B5EF4-FFF2-40B4-BE49-F238E27FC236}">
                <a16:creationId xmlns:a16="http://schemas.microsoft.com/office/drawing/2014/main" id="{134DBECA-B63B-0A34-DDAA-F69B87B98F0D}"/>
              </a:ext>
              <a:ext uri="{C183D7F6-B498-43B3-948B-1728B52AA6E4}">
                <adec:decorative xmlns:adec="http://schemas.microsoft.com/office/drawing/2017/decorative" val="1"/>
              </a:ext>
            </a:extLst>
          </p:cNvPr>
          <p:cNvSpPr>
            <a:spLocks noChangeAspect="1"/>
          </p:cNvSpPr>
          <p:nvPr/>
        </p:nvSpPr>
        <p:spPr>
          <a:xfrm>
            <a:off x="5990552" y="3872089"/>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EE2F66"/>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2" name="Group 100">
            <a:extLst>
              <a:ext uri="{FF2B5EF4-FFF2-40B4-BE49-F238E27FC236}">
                <a16:creationId xmlns:a16="http://schemas.microsoft.com/office/drawing/2014/main" id="{2FD42B03-0185-F048-BF69-551B0B5BAE2B}"/>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4" name="Rectangle 101">
              <a:extLst>
                <a:ext uri="{FF2B5EF4-FFF2-40B4-BE49-F238E27FC236}">
                  <a16:creationId xmlns:a16="http://schemas.microsoft.com/office/drawing/2014/main" id="{80142B99-9F83-5B61-E57B-1C8847D5F6CB}"/>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Rectangle 102">
              <a:extLst>
                <a:ext uri="{FF2B5EF4-FFF2-40B4-BE49-F238E27FC236}">
                  <a16:creationId xmlns:a16="http://schemas.microsoft.com/office/drawing/2014/main" id="{9F33B4B4-7B45-76BB-9547-9C23F1CD9CE7}"/>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err="1">
                  <a:ln>
                    <a:noFill/>
                  </a:ln>
                  <a:solidFill>
                    <a:srgbClr val="FFFFFF"/>
                  </a:solidFill>
                  <a:effectLst/>
                  <a:uLnTx/>
                  <a:uFillTx/>
                  <a:latin typeface="Arial" panose="020B0604020202020204"/>
                  <a:ea typeface="+mn-ea"/>
                  <a:cs typeface="+mn-cs"/>
                </a:rPr>
                <a:t>Casekatalog</a:t>
              </a:r>
              <a:endParaRPr kumimoji="0" lang="da-DK" sz="900" b="1"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758245205"/>
      </p:ext>
    </p:extLst>
  </p:cSld>
  <p:clrMapOvr>
    <a:masterClrMapping/>
  </p:clrMapOvr>
  <p:transition>
    <p:fade/>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9A7F8AE-96D1-817D-E23B-BC122C4E4EC5}"/>
            </a:ext>
          </a:extLst>
        </p:cNvPr>
        <p:cNvGrpSpPr/>
        <p:nvPr/>
      </p:nvGrpSpPr>
      <p:grpSpPr>
        <a:xfrm>
          <a:off x="0" y="0"/>
          <a:ext cx="0" cy="0"/>
          <a:chOff x="0" y="0"/>
          <a:chExt cx="0" cy="0"/>
        </a:xfrm>
      </p:grpSpPr>
      <p:sp>
        <p:nvSpPr>
          <p:cNvPr id="3" name="Rectangle: Rounded Corners 2">
            <a:extLst>
              <a:ext uri="{FF2B5EF4-FFF2-40B4-BE49-F238E27FC236}">
                <a16:creationId xmlns:a16="http://schemas.microsoft.com/office/drawing/2014/main" id="{689C9787-990E-AB3F-883C-DAB009A3D78B}"/>
              </a:ext>
            </a:extLst>
          </p:cNvPr>
          <p:cNvSpPr/>
          <p:nvPr/>
        </p:nvSpPr>
        <p:spPr>
          <a:xfrm>
            <a:off x="169303" y="11734"/>
            <a:ext cx="8749697"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6 | Open source, hybride cloudmiljøer og digital strategi hos UK Home Office</a:t>
            </a:r>
          </a:p>
        </p:txBody>
      </p:sp>
      <p:sp>
        <p:nvSpPr>
          <p:cNvPr id="2" name="Title 1">
            <a:extLst>
              <a:ext uri="{FF2B5EF4-FFF2-40B4-BE49-F238E27FC236}">
                <a16:creationId xmlns:a16="http://schemas.microsoft.com/office/drawing/2014/main" id="{87C842B5-9309-8005-0CC5-7AE8D13136A3}"/>
              </a:ext>
            </a:extLst>
          </p:cNvPr>
          <p:cNvSpPr>
            <a:spLocks noGrp="1"/>
          </p:cNvSpPr>
          <p:nvPr>
            <p:ph type="title"/>
          </p:nvPr>
        </p:nvSpPr>
        <p:spPr/>
        <p:txBody>
          <a:bodyPr/>
          <a:lstStyle/>
          <a:p>
            <a:r>
              <a:rPr lang="da-DK" sz="2200" noProof="0" dirty="0"/>
              <a:t>Side 2/3 | </a:t>
            </a:r>
            <a:r>
              <a:rPr lang="da-DK" sz="2200" b="1" noProof="0" dirty="0"/>
              <a:t>Formål, baggrund og kontekst</a:t>
            </a:r>
            <a:endParaRPr lang="da-DK" sz="2200" noProof="0" dirty="0"/>
          </a:p>
        </p:txBody>
      </p:sp>
      <p:pic>
        <p:nvPicPr>
          <p:cNvPr id="443" name="Billede 442">
            <a:extLst>
              <a:ext uri="{FF2B5EF4-FFF2-40B4-BE49-F238E27FC236}">
                <a16:creationId xmlns:a16="http://schemas.microsoft.com/office/drawing/2014/main" id="{907080A2-CF91-3942-5BCC-597DDAF3931A}"/>
              </a:ext>
              <a:ext uri="{C183D7F6-B498-43B3-948B-1728B52AA6E4}">
                <adec:decorative xmlns:adec="http://schemas.microsoft.com/office/drawing/2017/decorative" val="1"/>
              </a:ext>
            </a:extLst>
          </p:cNvPr>
          <p:cNvPicPr>
            <a:picLocks noChangeAspect="1"/>
          </p:cNvPicPr>
          <p:nvPr/>
        </p:nvPicPr>
        <p:blipFill>
          <a:blip r:embed="rId3"/>
          <a:stretch>
            <a:fillRect/>
          </a:stretch>
        </p:blipFill>
        <p:spPr>
          <a:xfrm>
            <a:off x="10265215" y="209073"/>
            <a:ext cx="1664144" cy="710035"/>
          </a:xfrm>
          <a:prstGeom prst="rect">
            <a:avLst/>
          </a:prstGeom>
        </p:spPr>
      </p:pic>
      <p:sp>
        <p:nvSpPr>
          <p:cNvPr id="13" name="Rectangle: Rounded Corners 12">
            <a:extLst>
              <a:ext uri="{FF2B5EF4-FFF2-40B4-BE49-F238E27FC236}">
                <a16:creationId xmlns:a16="http://schemas.microsoft.com/office/drawing/2014/main" id="{9936B71C-2738-3F8C-122A-8D38E9A768A4}"/>
              </a:ext>
              <a:ext uri="{C183D7F6-B498-43B3-948B-1728B52AA6E4}">
                <adec:decorative xmlns:adec="http://schemas.microsoft.com/office/drawing/2017/decorative" val="1"/>
              </a:ext>
            </a:extLst>
          </p:cNvPr>
          <p:cNvSpPr>
            <a:spLocks/>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66" name="Rectangle 65">
            <a:extLst>
              <a:ext uri="{FF2B5EF4-FFF2-40B4-BE49-F238E27FC236}">
                <a16:creationId xmlns:a16="http://schemas.microsoft.com/office/drawing/2014/main" id="{9EA42535-A8D6-58DD-8B8C-C1D041CBA9A5}"/>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18" name="Rectangle: Rounded Corners 9">
            <a:extLst>
              <a:ext uri="{FF2B5EF4-FFF2-40B4-BE49-F238E27FC236}">
                <a16:creationId xmlns:a16="http://schemas.microsoft.com/office/drawing/2014/main" id="{A28E93B9-DA0F-48D0-2425-9CE2D68B2F4E}"/>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Formål og strategi</a:t>
            </a:r>
          </a:p>
        </p:txBody>
      </p:sp>
      <p:sp>
        <p:nvSpPr>
          <p:cNvPr id="6" name="Rectangle 2">
            <a:extLst>
              <a:ext uri="{FF2B5EF4-FFF2-40B4-BE49-F238E27FC236}">
                <a16:creationId xmlns:a16="http://schemas.microsoft.com/office/drawing/2014/main" id="{8B048C8E-A160-850F-E510-CFF9A2EC7E45}"/>
              </a:ext>
            </a:extLst>
          </p:cNvPr>
          <p:cNvSpPr/>
          <p:nvPr/>
        </p:nvSpPr>
        <p:spPr>
          <a:xfrm>
            <a:off x="560497" y="2069025"/>
            <a:ext cx="3057561" cy="424222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Formål</a:t>
            </a:r>
          </a:p>
          <a:p>
            <a:r>
              <a:rPr lang="da-DK" sz="900" noProof="0">
                <a:solidFill>
                  <a:schemeClr val="tx1"/>
                </a:solidFill>
                <a:sym typeface="Wingdings" panose="05000000000000000000" pitchFamily="2" charset="2"/>
              </a:rPr>
              <a:t>Home Offices arbejde med digital suverænitet har til formål at sikre at kritiske data og systemer håndteres under britisk kontrol og overensstemmelse med national datalovgivning og sikkerhedsstandarder. Det omfatter bl.a. beskyttelse af følsomme oplysninger i relation til immigration, grænsekontrol og biometri samt begrænse behandling af data i fremmed jurisdiktion. Initiativerne sigter også efter at reducere afhængigheden af internationale </a:t>
            </a:r>
            <a:r>
              <a:rPr lang="da-DK" sz="900" noProof="0" err="1">
                <a:solidFill>
                  <a:schemeClr val="tx1"/>
                </a:solidFill>
                <a:sym typeface="Wingdings" panose="05000000000000000000" pitchFamily="2" charset="2"/>
              </a:rPr>
              <a:t>hyperscalers</a:t>
            </a:r>
            <a:r>
              <a:rPr lang="da-DK" sz="900" noProof="0">
                <a:solidFill>
                  <a:schemeClr val="tx1"/>
                </a:solidFill>
                <a:sym typeface="Wingdings" panose="05000000000000000000" pitchFamily="2" charset="2"/>
              </a:rPr>
              <a:t> og skabe en mere robust infrastruktur.</a:t>
            </a:r>
          </a:p>
          <a:p>
            <a:endParaRPr lang="da-DK" sz="900" noProof="0">
              <a:solidFill>
                <a:schemeClr val="tx1"/>
              </a:solidFill>
              <a:sym typeface="Wingdings" panose="05000000000000000000" pitchFamily="2" charset="2"/>
            </a:endParaRPr>
          </a:p>
          <a:p>
            <a:r>
              <a:rPr lang="da-DK" sz="900" noProof="0">
                <a:solidFill>
                  <a:schemeClr val="tx1"/>
                </a:solidFill>
                <a:sym typeface="Wingdings" panose="05000000000000000000" pitchFamily="2" charset="2"/>
              </a:rPr>
              <a:t>En del af ambitionen er at opbygge en teknologisk platform, hvor Home Office kan udvikle og vedligeholde egne løsninger, og hvor kritiske data hostes i suveræne datacentre eller britisk-baserede cloudmiljøer. Dertil arbejdes der efter at indføre en containerbaseret arkitektur med brug af open source til at understøtte </a:t>
            </a:r>
            <a:r>
              <a:rPr lang="da-DK" sz="900" noProof="0" err="1">
                <a:solidFill>
                  <a:schemeClr val="tx1"/>
                </a:solidFill>
                <a:sym typeface="Wingdings" panose="05000000000000000000" pitchFamily="2" charset="2"/>
              </a:rPr>
              <a:t>interoperabilitet</a:t>
            </a:r>
            <a:r>
              <a:rPr lang="da-DK" sz="900" noProof="0">
                <a:solidFill>
                  <a:schemeClr val="tx1"/>
                </a:solidFill>
                <a:sym typeface="Wingdings" panose="05000000000000000000" pitchFamily="2" charset="2"/>
              </a:rPr>
              <a:t> og begrænse afhængighed af teknologileverandører.</a:t>
            </a:r>
          </a:p>
          <a:p>
            <a:endParaRPr lang="da-DK" sz="900" b="1" noProof="0">
              <a:solidFill>
                <a:schemeClr val="tx1"/>
              </a:solidFill>
              <a:sym typeface="Wingdings" panose="05000000000000000000" pitchFamily="2" charset="2"/>
            </a:endParaRPr>
          </a:p>
          <a:p>
            <a:r>
              <a:rPr lang="da-DK" sz="900" b="1" noProof="0">
                <a:solidFill>
                  <a:srgbClr val="36465A"/>
                </a:solidFill>
                <a:sym typeface="Wingdings" panose="05000000000000000000" pitchFamily="2" charset="2"/>
              </a:rPr>
              <a:t>Strategisk ophæng</a:t>
            </a:r>
          </a:p>
          <a:p>
            <a:r>
              <a:rPr lang="da-DK" sz="900" noProof="0">
                <a:solidFill>
                  <a:schemeClr val="tx1"/>
                </a:solidFill>
                <a:sym typeface="Wingdings" panose="05000000000000000000" pitchFamily="2" charset="2"/>
              </a:rPr>
              <a:t>Initiativerne er forankret i Home Offices digitale strategi (</a:t>
            </a:r>
            <a:r>
              <a:rPr lang="da-DK" sz="900" i="1" noProof="0">
                <a:solidFill>
                  <a:schemeClr val="tx1"/>
                </a:solidFill>
                <a:sym typeface="Wingdings" panose="05000000000000000000" pitchFamily="2" charset="2"/>
              </a:rPr>
              <a:t>Home Office 2030 Digital </a:t>
            </a:r>
            <a:r>
              <a:rPr lang="da-DK" sz="900" i="1" noProof="0" err="1">
                <a:solidFill>
                  <a:schemeClr val="tx1"/>
                </a:solidFill>
                <a:sym typeface="Wingdings" panose="05000000000000000000" pitchFamily="2" charset="2"/>
              </a:rPr>
              <a:t>Strategy</a:t>
            </a:r>
            <a:r>
              <a:rPr lang="da-DK" sz="900" noProof="0">
                <a:solidFill>
                  <a:schemeClr val="tx1"/>
                </a:solidFill>
                <a:sym typeface="Wingdings" panose="05000000000000000000" pitchFamily="2" charset="2"/>
              </a:rPr>
              <a:t>), som prioriterer national sikkerhed og databeskyttelse. Formålet med strategien er at reducere afhængigheden af globale cloud-leverandører og sikre, at data behandles under britisk jurisdiktion. Strategien understøtter regeringens ambition om at styrke digital suverænitet i kritiske offentlige systemer.</a:t>
            </a:r>
          </a:p>
          <a:p>
            <a:endParaRPr lang="da-DK" sz="900" b="1"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endParaRPr lang="da-DK" sz="900" noProof="0">
              <a:solidFill>
                <a:schemeClr val="tx1"/>
              </a:solidFill>
            </a:endParaRPr>
          </a:p>
          <a:p>
            <a:endParaRPr lang="da-DK" sz="900" noProof="0">
              <a:solidFill>
                <a:schemeClr val="tx1"/>
              </a:solidFill>
            </a:endParaRPr>
          </a:p>
          <a:p>
            <a:endParaRPr lang="da-DK" sz="900" noProof="0">
              <a:solidFill>
                <a:schemeClr val="tx1"/>
              </a:solidFill>
            </a:endParaRPr>
          </a:p>
        </p:txBody>
      </p:sp>
      <p:sp>
        <p:nvSpPr>
          <p:cNvPr id="19" name="Rectangle: Rounded Corners 10">
            <a:extLst>
              <a:ext uri="{FF2B5EF4-FFF2-40B4-BE49-F238E27FC236}">
                <a16:creationId xmlns:a16="http://schemas.microsoft.com/office/drawing/2014/main" id="{D35EA9AA-7A46-C384-2834-317F45065D30}"/>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Baggrund og kontekst</a:t>
            </a:r>
          </a:p>
        </p:txBody>
      </p:sp>
      <p:sp>
        <p:nvSpPr>
          <p:cNvPr id="14" name="Rectangle 4">
            <a:extLst>
              <a:ext uri="{FF2B5EF4-FFF2-40B4-BE49-F238E27FC236}">
                <a16:creationId xmlns:a16="http://schemas.microsoft.com/office/drawing/2014/main" id="{BA2D7184-9B04-42D9-6215-347EC8B90088}"/>
              </a:ext>
            </a:extLst>
          </p:cNvPr>
          <p:cNvSpPr/>
          <p:nvPr/>
        </p:nvSpPr>
        <p:spPr>
          <a:xfrm>
            <a:off x="3565418" y="2069025"/>
            <a:ext cx="2985319" cy="424222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rPr>
              <a:t>Baggrund</a:t>
            </a:r>
          </a:p>
          <a:p>
            <a:r>
              <a:rPr lang="da-DK" sz="900" noProof="0">
                <a:solidFill>
                  <a:schemeClr val="tx1"/>
                </a:solidFill>
              </a:rPr>
              <a:t>Home Office igangsatte oprindeligt et program for at erstatte ældre immigrationssystemer med mere moderne løsninger. I forbindelse med dette arbejde blev digital suverænitet indtænkt som en del af programmet for at sikre kontrol og sikkerhed i den fremtidige infrastruktur. Indsatsen blev således sat i gang for at adressere:</a:t>
            </a:r>
          </a:p>
          <a:p>
            <a:pPr marL="171450" indent="-171450">
              <a:buFont typeface="Arial" panose="020B0604020202020204" pitchFamily="34" charset="0"/>
              <a:buChar char="•"/>
            </a:pPr>
            <a:r>
              <a:rPr lang="da-DK" sz="900" noProof="0">
                <a:solidFill>
                  <a:schemeClr val="tx1"/>
                </a:solidFill>
              </a:rPr>
              <a:t>Stigende krav til datasikkerhed og overholdelse af GDPR i immigrationsprocesser.</a:t>
            </a:r>
          </a:p>
          <a:p>
            <a:pPr marL="171450" indent="-171450">
              <a:buFont typeface="Arial" panose="020B0604020202020204" pitchFamily="34" charset="0"/>
              <a:buChar char="•"/>
            </a:pPr>
            <a:r>
              <a:rPr lang="da-DK" sz="900" noProof="0">
                <a:solidFill>
                  <a:schemeClr val="tx1"/>
                </a:solidFill>
              </a:rPr>
              <a:t>Afhængighed af udenlandske cloud-udbydere.</a:t>
            </a:r>
          </a:p>
          <a:p>
            <a:pPr marL="171450" indent="-171450">
              <a:buFont typeface="Arial" panose="020B0604020202020204" pitchFamily="34" charset="0"/>
              <a:buChar char="•"/>
            </a:pPr>
            <a:r>
              <a:rPr lang="da-DK" sz="900" noProof="0">
                <a:solidFill>
                  <a:schemeClr val="tx1"/>
                </a:solidFill>
              </a:rPr>
              <a:t>Behov for at beskytte biometriske og. personfølsomme oplysninger mod misbrug.</a:t>
            </a:r>
          </a:p>
          <a:p>
            <a:pPr marL="171450" indent="-171450">
              <a:buFont typeface="Arial" panose="020B0604020202020204" pitchFamily="34" charset="0"/>
              <a:buChar char="•"/>
            </a:pPr>
            <a:r>
              <a:rPr lang="da-DK" sz="900" noProof="0">
                <a:solidFill>
                  <a:schemeClr val="tx1"/>
                </a:solidFill>
              </a:rPr>
              <a:t>Nødvendigheden af at sikre kontinuitet og robusthed i kritiske systemer.</a:t>
            </a:r>
          </a:p>
          <a:p>
            <a:endParaRPr lang="da-DK" sz="900" b="1" noProof="0">
              <a:solidFill>
                <a:schemeClr val="tx1"/>
              </a:solidFill>
            </a:endParaRPr>
          </a:p>
          <a:p>
            <a:r>
              <a:rPr lang="da-DK" sz="900" b="1" noProof="0">
                <a:solidFill>
                  <a:srgbClr val="36465A"/>
                </a:solidFill>
              </a:rPr>
              <a:t>Kontekst </a:t>
            </a:r>
          </a:p>
          <a:p>
            <a:r>
              <a:rPr lang="da-DK" sz="900" noProof="0">
                <a:solidFill>
                  <a:schemeClr val="tx1"/>
                </a:solidFill>
              </a:rPr>
              <a:t>Indsatsen skal ses i lyset af:</a:t>
            </a:r>
          </a:p>
          <a:p>
            <a:pPr marL="171450" indent="-171450">
              <a:buFont typeface="Arial" panose="020B0604020202020204" pitchFamily="34" charset="0"/>
              <a:buChar char="•"/>
            </a:pPr>
            <a:r>
              <a:rPr lang="da-DK" sz="900" noProof="0">
                <a:solidFill>
                  <a:schemeClr val="tx1"/>
                </a:solidFill>
              </a:rPr>
              <a:t>Stigende krav til datasuverænitet i kritiske offentlige systemer, hvor biometriske og persondata skal beskyttes mod adgang fra tredjelande i henhold til UK GDPR og nationale sikkerhedsstandarder.</a:t>
            </a:r>
          </a:p>
          <a:p>
            <a:pPr marL="171450" indent="-171450">
              <a:buFont typeface="Arial" panose="020B0604020202020204" pitchFamily="34" charset="0"/>
              <a:buChar char="•"/>
            </a:pPr>
            <a:r>
              <a:rPr lang="da-DK" sz="900" noProof="0">
                <a:solidFill>
                  <a:schemeClr val="tx1"/>
                </a:solidFill>
              </a:rPr>
              <a:t>Modernisering af legacy-systemer i Home Offices portefølje har givet anledning til at indtænkte initiativer om digital suverænitet direkte i arkitekturen.</a:t>
            </a:r>
          </a:p>
          <a:p>
            <a:pPr marL="171450" indent="-171450">
              <a:buFont typeface="Arial" panose="020B0604020202020204" pitchFamily="34" charset="0"/>
              <a:buChar char="•"/>
            </a:pPr>
            <a:r>
              <a:rPr lang="da-DK" sz="900" noProof="0">
                <a:solidFill>
                  <a:schemeClr val="tx1"/>
                </a:solidFill>
              </a:rPr>
              <a:t>Regeringens cloud-strategi og Home Office 2030 Digital </a:t>
            </a:r>
            <a:r>
              <a:rPr lang="da-DK" sz="900" noProof="0" dirty="0" err="1">
                <a:solidFill>
                  <a:schemeClr val="tx1"/>
                </a:solidFill>
              </a:rPr>
              <a:t>Strategy</a:t>
            </a:r>
            <a:r>
              <a:rPr lang="da-DK" sz="900" noProof="0">
                <a:solidFill>
                  <a:schemeClr val="tx1"/>
                </a:solidFill>
              </a:rPr>
              <a:t>, der fremhæver hybrid cloud- og </a:t>
            </a:r>
            <a:r>
              <a:rPr lang="da-DK" sz="900" noProof="0" dirty="0" err="1">
                <a:solidFill>
                  <a:schemeClr val="tx1"/>
                </a:solidFill>
              </a:rPr>
              <a:t>sovereign</a:t>
            </a:r>
            <a:r>
              <a:rPr lang="da-DK" sz="900" noProof="0">
                <a:solidFill>
                  <a:schemeClr val="tx1"/>
                </a:solidFill>
              </a:rPr>
              <a:t> cloud-principper som centrale for at reducere afhængighed af globale leverandører og sikre national kontrol med kritiske systemer.</a:t>
            </a:r>
          </a:p>
          <a:p>
            <a:endParaRPr lang="da-DK" sz="900" noProof="0">
              <a:solidFill>
                <a:schemeClr val="tx1"/>
              </a:solidFill>
            </a:endParaRPr>
          </a:p>
        </p:txBody>
      </p:sp>
      <p:sp>
        <p:nvSpPr>
          <p:cNvPr id="15" name="Rectangle 6">
            <a:extLst>
              <a:ext uri="{FF2B5EF4-FFF2-40B4-BE49-F238E27FC236}">
                <a16:creationId xmlns:a16="http://schemas.microsoft.com/office/drawing/2014/main" id="{9D0A0C73-B9A3-CC42-E4BC-33EC34CA4EBF}"/>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16" name="Straight Connector 7">
            <a:extLst>
              <a:ext uri="{FF2B5EF4-FFF2-40B4-BE49-F238E27FC236}">
                <a16:creationId xmlns:a16="http://schemas.microsoft.com/office/drawing/2014/main" id="{0EEEDB4B-B0B7-DD99-EBF8-5191D7EDCC37}"/>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7" name="Straight Connector 8">
            <a:extLst>
              <a:ext uri="{FF2B5EF4-FFF2-40B4-BE49-F238E27FC236}">
                <a16:creationId xmlns:a16="http://schemas.microsoft.com/office/drawing/2014/main" id="{C8ED2E19-31AA-8D71-65CB-1499166E3CEB}"/>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0" name="Rectangle 64">
            <a:extLst>
              <a:ext uri="{FF2B5EF4-FFF2-40B4-BE49-F238E27FC236}">
                <a16:creationId xmlns:a16="http://schemas.microsoft.com/office/drawing/2014/main" id="{E1B389DD-DA36-8405-8689-571221926692}"/>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21" name="Freeform 16">
            <a:extLst>
              <a:ext uri="{FF2B5EF4-FFF2-40B4-BE49-F238E27FC236}">
                <a16:creationId xmlns:a16="http://schemas.microsoft.com/office/drawing/2014/main" id="{0F5BEF48-B941-8D74-15F1-7CFB9B31DC12}"/>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2" name="Freeform 34">
            <a:extLst>
              <a:ext uri="{FF2B5EF4-FFF2-40B4-BE49-F238E27FC236}">
                <a16:creationId xmlns:a16="http://schemas.microsoft.com/office/drawing/2014/main" id="{3AC695E8-B89E-CA84-65EE-AE8008373002}"/>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grpSp>
        <p:nvGrpSpPr>
          <p:cNvPr id="11" name="Group 10">
            <a:extLst>
              <a:ext uri="{FF2B5EF4-FFF2-40B4-BE49-F238E27FC236}">
                <a16:creationId xmlns:a16="http://schemas.microsoft.com/office/drawing/2014/main" id="{A58E14AA-97BF-13C0-95F1-976CBC49BE66}"/>
              </a:ext>
              <a:ext uri="{C183D7F6-B498-43B3-948B-1728B52AA6E4}">
                <adec:decorative xmlns:adec="http://schemas.microsoft.com/office/drawing/2017/decorative" val="1"/>
              </a:ext>
            </a:extLst>
          </p:cNvPr>
          <p:cNvGrpSpPr/>
          <p:nvPr/>
        </p:nvGrpSpPr>
        <p:grpSpPr>
          <a:xfrm>
            <a:off x="6841749" y="2857501"/>
            <a:ext cx="4948084" cy="2878665"/>
            <a:chOff x="6841749" y="2857501"/>
            <a:chExt cx="4948084" cy="2878665"/>
          </a:xfrm>
        </p:grpSpPr>
        <p:sp>
          <p:nvSpPr>
            <p:cNvPr id="385" name="Rektangel: afrundede hjørner 384">
              <a:extLst>
                <a:ext uri="{FF2B5EF4-FFF2-40B4-BE49-F238E27FC236}">
                  <a16:creationId xmlns:a16="http://schemas.microsoft.com/office/drawing/2014/main" id="{0FAD894B-8C8D-1327-03D4-1046ED0C9636}"/>
                </a:ext>
                <a:ext uri="{C183D7F6-B498-43B3-948B-1728B52AA6E4}">
                  <adec:decorative xmlns:adec="http://schemas.microsoft.com/office/drawing/2017/decorative" val="1"/>
                </a:ext>
              </a:extLst>
            </p:cNvPr>
            <p:cNvSpPr>
              <a:spLocks/>
            </p:cNvSpPr>
            <p:nvPr/>
          </p:nvSpPr>
          <p:spPr>
            <a:xfrm>
              <a:off x="8532911" y="3660735"/>
              <a:ext cx="1512908" cy="1906097"/>
            </a:xfrm>
            <a:prstGeom prst="roundRect">
              <a:avLst>
                <a:gd name="adj" fmla="val 2075"/>
              </a:avLst>
            </a:prstGeom>
            <a:solidFill>
              <a:srgbClr val="FEF4F7"/>
            </a:solidFill>
            <a:ln w="6350">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58775"/>
              <a:endParaRPr lang="da-DK" sz="800" i="1" noProof="0" dirty="0">
                <a:solidFill>
                  <a:schemeClr val="accent3"/>
                </a:solidFill>
              </a:endParaRPr>
            </a:p>
          </p:txBody>
        </p:sp>
        <p:sp>
          <p:nvSpPr>
            <p:cNvPr id="27" name="Rektangel: afrundede hjørner 26">
              <a:extLst>
                <a:ext uri="{FF2B5EF4-FFF2-40B4-BE49-F238E27FC236}">
                  <a16:creationId xmlns:a16="http://schemas.microsoft.com/office/drawing/2014/main" id="{0BA15041-13B2-EE37-7BDD-A7F19F579EA3}"/>
                </a:ext>
              </a:extLst>
            </p:cNvPr>
            <p:cNvSpPr>
              <a:spLocks/>
            </p:cNvSpPr>
            <p:nvPr/>
          </p:nvSpPr>
          <p:spPr>
            <a:xfrm>
              <a:off x="6841749" y="2857501"/>
              <a:ext cx="4948084" cy="440266"/>
            </a:xfrm>
            <a:prstGeom prst="roundRect">
              <a:avLst>
                <a:gd name="adj" fmla="val 9910"/>
              </a:avLst>
            </a:prstGeom>
            <a:solidFill>
              <a:schemeClr val="bg1">
                <a:lumMod val="95000"/>
              </a:schemeClr>
            </a:solidFill>
            <a:ln w="6350">
              <a:no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447675" algn="ctr"/>
              <a:r>
                <a:rPr lang="da-DK" sz="1400" b="1" noProof="0" dirty="0">
                  <a:solidFill>
                    <a:srgbClr val="024D78"/>
                  </a:solidFill>
                </a:rPr>
                <a:t>UK Home Office – Digital Suverænitet</a:t>
              </a:r>
            </a:p>
          </p:txBody>
        </p:sp>
        <p:sp>
          <p:nvSpPr>
            <p:cNvPr id="320" name="Rektangel: afrundede hjørner 319">
              <a:extLst>
                <a:ext uri="{FF2B5EF4-FFF2-40B4-BE49-F238E27FC236}">
                  <a16:creationId xmlns:a16="http://schemas.microsoft.com/office/drawing/2014/main" id="{9B06FF1B-BBED-16A5-2886-8110D5611820}"/>
                </a:ext>
              </a:extLst>
            </p:cNvPr>
            <p:cNvSpPr>
              <a:spLocks/>
            </p:cNvSpPr>
            <p:nvPr/>
          </p:nvSpPr>
          <p:spPr>
            <a:xfrm>
              <a:off x="8539937" y="3669771"/>
              <a:ext cx="1498856" cy="431232"/>
            </a:xfrm>
            <a:prstGeom prst="roundRect">
              <a:avLst>
                <a:gd name="adj" fmla="val 9910"/>
              </a:avLst>
            </a:prstGeom>
            <a:solidFill>
              <a:srgbClr val="FEF4F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358775"/>
              <a:r>
                <a:rPr lang="da-DK" sz="800" b="1" i="1" noProof="0" dirty="0">
                  <a:solidFill>
                    <a:schemeClr val="accent3"/>
                  </a:solidFill>
                </a:rPr>
                <a:t>Udvikling af fagsystemer</a:t>
              </a:r>
            </a:p>
          </p:txBody>
        </p:sp>
        <p:pic>
          <p:nvPicPr>
            <p:cNvPr id="329" name="Grafik 328" descr="Stik kontur">
              <a:extLst>
                <a:ext uri="{FF2B5EF4-FFF2-40B4-BE49-F238E27FC236}">
                  <a16:creationId xmlns:a16="http://schemas.microsoft.com/office/drawing/2014/main" id="{C367514C-9EEB-8995-EFA4-89F88D46D947}"/>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8584737" y="3686470"/>
              <a:ext cx="388800" cy="388800"/>
            </a:xfrm>
            <a:prstGeom prst="rect">
              <a:avLst/>
            </a:prstGeom>
          </p:spPr>
        </p:pic>
        <p:sp>
          <p:nvSpPr>
            <p:cNvPr id="340" name="Ellipse 339">
              <a:extLst>
                <a:ext uri="{FF2B5EF4-FFF2-40B4-BE49-F238E27FC236}">
                  <a16:creationId xmlns:a16="http://schemas.microsoft.com/office/drawing/2014/main" id="{846620CC-E9CB-5608-1551-4B7F3146C8FF}"/>
                </a:ext>
                <a:ext uri="{C183D7F6-B498-43B3-948B-1728B52AA6E4}">
                  <adec:decorative xmlns:adec="http://schemas.microsoft.com/office/drawing/2017/decorative" val="1"/>
                </a:ext>
              </a:extLst>
            </p:cNvPr>
            <p:cNvSpPr/>
            <p:nvPr/>
          </p:nvSpPr>
          <p:spPr>
            <a:xfrm>
              <a:off x="7566290" y="2917755"/>
              <a:ext cx="324000" cy="324000"/>
            </a:xfrm>
            <a:prstGeom prst="ellipse">
              <a:avLst/>
            </a:prstGeom>
            <a:blipFill>
              <a:blip r:embed="rId6">
                <a:extLst>
                  <a:ext uri="{96DAC541-7B7A-43D3-8B79-37D633B846F1}">
                    <asvg:svgBlip xmlns:asvg="http://schemas.microsoft.com/office/drawing/2016/SVG/main" r:embed="rId7"/>
                  </a:ext>
                </a:extLst>
              </a:blip>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335" name="Rektangel: afrundede hjørner 334">
              <a:extLst>
                <a:ext uri="{FF2B5EF4-FFF2-40B4-BE49-F238E27FC236}">
                  <a16:creationId xmlns:a16="http://schemas.microsoft.com/office/drawing/2014/main" id="{8261E9C6-D98C-9529-D410-83E89C264291}"/>
                </a:ext>
              </a:extLst>
            </p:cNvPr>
            <p:cNvSpPr>
              <a:spLocks/>
            </p:cNvSpPr>
            <p:nvPr/>
          </p:nvSpPr>
          <p:spPr>
            <a:xfrm>
              <a:off x="8609319" y="4360007"/>
              <a:ext cx="1388195" cy="440266"/>
            </a:xfrm>
            <a:prstGeom prst="roundRect">
              <a:avLst>
                <a:gd name="adj" fmla="val 9910"/>
              </a:avLst>
            </a:prstGeom>
            <a:solidFill>
              <a:srgbClr val="FEF4F7"/>
            </a:solidFill>
            <a:ln w="6350">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358775"/>
              <a:r>
                <a:rPr lang="da-DK" sz="800" i="1" noProof="0" dirty="0">
                  <a:solidFill>
                    <a:schemeClr val="accent3"/>
                  </a:solidFill>
                </a:rPr>
                <a:t>Open source og standarder</a:t>
              </a:r>
            </a:p>
          </p:txBody>
        </p:sp>
        <p:pic>
          <p:nvPicPr>
            <p:cNvPr id="349" name="Grafik 348" descr="Programmør kontur">
              <a:extLst>
                <a:ext uri="{FF2B5EF4-FFF2-40B4-BE49-F238E27FC236}">
                  <a16:creationId xmlns:a16="http://schemas.microsoft.com/office/drawing/2014/main" id="{9A7D3655-481F-8F63-89AF-B7636D44A263}"/>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8647093" y="4385740"/>
              <a:ext cx="388800" cy="388800"/>
            </a:xfrm>
            <a:prstGeom prst="rect">
              <a:avLst/>
            </a:prstGeom>
          </p:spPr>
        </p:pic>
        <p:sp>
          <p:nvSpPr>
            <p:cNvPr id="338" name="Rektangel: afrundede hjørner 337">
              <a:extLst>
                <a:ext uri="{FF2B5EF4-FFF2-40B4-BE49-F238E27FC236}">
                  <a16:creationId xmlns:a16="http://schemas.microsoft.com/office/drawing/2014/main" id="{45C747FE-BAFD-5409-9BA5-C0C42FBFEACC}"/>
                </a:ext>
              </a:extLst>
            </p:cNvPr>
            <p:cNvSpPr>
              <a:spLocks/>
            </p:cNvSpPr>
            <p:nvPr/>
          </p:nvSpPr>
          <p:spPr>
            <a:xfrm>
              <a:off x="8609319" y="5059277"/>
              <a:ext cx="1388195" cy="440266"/>
            </a:xfrm>
            <a:prstGeom prst="roundRect">
              <a:avLst>
                <a:gd name="adj" fmla="val 9910"/>
              </a:avLst>
            </a:prstGeom>
            <a:solidFill>
              <a:srgbClr val="FEF4F7"/>
            </a:solidFill>
            <a:ln w="6350">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358775"/>
              <a:r>
                <a:rPr lang="da-DK" sz="800" i="1" noProof="0" dirty="0">
                  <a:solidFill>
                    <a:schemeClr val="accent3"/>
                  </a:solidFill>
                </a:rPr>
                <a:t>Containerbaseret arkitektur</a:t>
              </a:r>
            </a:p>
          </p:txBody>
        </p:sp>
        <p:pic>
          <p:nvPicPr>
            <p:cNvPr id="347" name="Grafik 346" descr="Kasse åben kontur">
              <a:extLst>
                <a:ext uri="{FF2B5EF4-FFF2-40B4-BE49-F238E27FC236}">
                  <a16:creationId xmlns:a16="http://schemas.microsoft.com/office/drawing/2014/main" id="{C3B1C429-E0C8-88BF-7CA6-335B85181FB1}"/>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8647093" y="5085010"/>
              <a:ext cx="388800" cy="388800"/>
            </a:xfrm>
            <a:prstGeom prst="rect">
              <a:avLst/>
            </a:prstGeom>
          </p:spPr>
        </p:pic>
        <p:sp>
          <p:nvSpPr>
            <p:cNvPr id="366" name="Rektangel: afrundede hjørner 365">
              <a:extLst>
                <a:ext uri="{FF2B5EF4-FFF2-40B4-BE49-F238E27FC236}">
                  <a16:creationId xmlns:a16="http://schemas.microsoft.com/office/drawing/2014/main" id="{5E441C6A-A7F5-D40A-F6AB-7D7DBAE9894E}"/>
                </a:ext>
                <a:ext uri="{C183D7F6-B498-43B3-948B-1728B52AA6E4}">
                  <adec:decorative xmlns:adec="http://schemas.microsoft.com/office/drawing/2017/decorative" val="1"/>
                </a:ext>
              </a:extLst>
            </p:cNvPr>
            <p:cNvSpPr/>
            <p:nvPr/>
          </p:nvSpPr>
          <p:spPr>
            <a:xfrm>
              <a:off x="6841749" y="2857502"/>
              <a:ext cx="4948084" cy="2878664"/>
            </a:xfrm>
            <a:prstGeom prst="roundRect">
              <a:avLst>
                <a:gd name="adj" fmla="val 1388"/>
              </a:avLst>
            </a:prstGeom>
            <a:noFill/>
            <a:ln w="6350">
              <a:solidFill>
                <a:srgbClr val="EE2F66"/>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447675"/>
              <a:endParaRPr lang="da-DK" sz="1400" noProof="0" dirty="0">
                <a:solidFill>
                  <a:srgbClr val="024D78"/>
                </a:solidFill>
              </a:endParaRPr>
            </a:p>
          </p:txBody>
        </p:sp>
        <p:grpSp>
          <p:nvGrpSpPr>
            <p:cNvPr id="8" name="Gruppe 7">
              <a:extLst>
                <a:ext uri="{FF2B5EF4-FFF2-40B4-BE49-F238E27FC236}">
                  <a16:creationId xmlns:a16="http://schemas.microsoft.com/office/drawing/2014/main" id="{4A65B17A-BCB9-292D-1F36-F891A2813ED3}"/>
                </a:ext>
                <a:ext uri="{C183D7F6-B498-43B3-948B-1728B52AA6E4}">
                  <adec:decorative xmlns:adec="http://schemas.microsoft.com/office/drawing/2017/decorative" val="1"/>
                </a:ext>
              </a:extLst>
            </p:cNvPr>
            <p:cNvGrpSpPr>
              <a:grpSpLocks/>
            </p:cNvGrpSpPr>
            <p:nvPr/>
          </p:nvGrpSpPr>
          <p:grpSpPr>
            <a:xfrm>
              <a:off x="10129817" y="3295593"/>
              <a:ext cx="1512908" cy="2271239"/>
              <a:chOff x="6962055" y="3295593"/>
              <a:chExt cx="1512908" cy="2271239"/>
            </a:xfrm>
          </p:grpSpPr>
          <p:sp>
            <p:nvSpPr>
              <p:cNvPr id="382" name="Rektangel: afrundede hjørner 381">
                <a:extLst>
                  <a:ext uri="{FF2B5EF4-FFF2-40B4-BE49-F238E27FC236}">
                    <a16:creationId xmlns:a16="http://schemas.microsoft.com/office/drawing/2014/main" id="{35973DED-DE75-8456-D3B5-F74CF36A4D67}"/>
                  </a:ext>
                </a:extLst>
              </p:cNvPr>
              <p:cNvSpPr>
                <a:spLocks/>
              </p:cNvSpPr>
              <p:nvPr/>
            </p:nvSpPr>
            <p:spPr>
              <a:xfrm>
                <a:off x="6962055" y="3660735"/>
                <a:ext cx="1512908" cy="1906097"/>
              </a:xfrm>
              <a:prstGeom prst="roundRect">
                <a:avLst>
                  <a:gd name="adj" fmla="val 2075"/>
                </a:avLst>
              </a:prstGeom>
              <a:solidFill>
                <a:srgbClr val="CDDFE5"/>
              </a:solidFill>
              <a:ln w="6350">
                <a:solidFill>
                  <a:srgbClr val="04607D"/>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58775"/>
                <a:endParaRPr lang="da-DK" sz="800" i="1" noProof="0" dirty="0">
                  <a:solidFill>
                    <a:schemeClr val="accent3"/>
                  </a:solidFill>
                </a:endParaRPr>
              </a:p>
            </p:txBody>
          </p:sp>
          <p:sp>
            <p:nvSpPr>
              <p:cNvPr id="28" name="Rektangel: afrundede hjørner 27">
                <a:extLst>
                  <a:ext uri="{FF2B5EF4-FFF2-40B4-BE49-F238E27FC236}">
                    <a16:creationId xmlns:a16="http://schemas.microsoft.com/office/drawing/2014/main" id="{FD4F2C1E-FAFA-03CE-8A82-A425248A66CF}"/>
                  </a:ext>
                </a:extLst>
              </p:cNvPr>
              <p:cNvSpPr>
                <a:spLocks/>
              </p:cNvSpPr>
              <p:nvPr/>
            </p:nvSpPr>
            <p:spPr>
              <a:xfrm>
                <a:off x="6969081" y="3669771"/>
                <a:ext cx="1498856" cy="431232"/>
              </a:xfrm>
              <a:prstGeom prst="roundRect">
                <a:avLst>
                  <a:gd name="adj" fmla="val 9910"/>
                </a:avLst>
              </a:prstGeom>
              <a:solidFill>
                <a:srgbClr val="CDDFE5"/>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58775"/>
                <a:r>
                  <a:rPr lang="da-DK" sz="800" b="1" i="1" noProof="0" dirty="0">
                    <a:solidFill>
                      <a:schemeClr val="accent3"/>
                    </a:solidFill>
                  </a:rPr>
                  <a:t>Hybrid cloud</a:t>
                </a:r>
              </a:p>
            </p:txBody>
          </p:sp>
          <p:pic>
            <p:nvPicPr>
              <p:cNvPr id="331" name="Grafik 330" descr="Tingenes internet kontur">
                <a:extLst>
                  <a:ext uri="{FF2B5EF4-FFF2-40B4-BE49-F238E27FC236}">
                    <a16:creationId xmlns:a16="http://schemas.microsoft.com/office/drawing/2014/main" id="{12E9434A-D67E-0298-A089-057AC66102EA}"/>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7000636" y="3686470"/>
                <a:ext cx="388800" cy="388800"/>
              </a:xfrm>
              <a:prstGeom prst="rect">
                <a:avLst/>
              </a:prstGeom>
            </p:spPr>
          </p:pic>
          <p:sp>
            <p:nvSpPr>
              <p:cNvPr id="334" name="Rektangel: afrundede hjørner 333">
                <a:extLst>
                  <a:ext uri="{FF2B5EF4-FFF2-40B4-BE49-F238E27FC236}">
                    <a16:creationId xmlns:a16="http://schemas.microsoft.com/office/drawing/2014/main" id="{6A7AE13A-D04D-CEE9-DC33-C210D6C97938}"/>
                  </a:ext>
                </a:extLst>
              </p:cNvPr>
              <p:cNvSpPr>
                <a:spLocks/>
              </p:cNvSpPr>
              <p:nvPr/>
            </p:nvSpPr>
            <p:spPr>
              <a:xfrm>
                <a:off x="7024412" y="4360007"/>
                <a:ext cx="1388195" cy="440266"/>
              </a:xfrm>
              <a:prstGeom prst="roundRect">
                <a:avLst>
                  <a:gd name="adj" fmla="val 9910"/>
                </a:avLst>
              </a:prstGeom>
              <a:solidFill>
                <a:srgbClr val="CDDFE5"/>
              </a:solidFill>
              <a:ln w="6350">
                <a:solidFill>
                  <a:srgbClr val="04607D"/>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58775"/>
                <a:r>
                  <a:rPr lang="da-DK" sz="800" i="1" noProof="0" dirty="0">
                    <a:solidFill>
                      <a:schemeClr val="accent3"/>
                    </a:solidFill>
                  </a:rPr>
                  <a:t>Cloud – AWS </a:t>
                </a:r>
              </a:p>
            </p:txBody>
          </p:sp>
          <p:pic>
            <p:nvPicPr>
              <p:cNvPr id="353" name="Grafik 352" descr="Cloud Computing kontur">
                <a:extLst>
                  <a:ext uri="{FF2B5EF4-FFF2-40B4-BE49-F238E27FC236}">
                    <a16:creationId xmlns:a16="http://schemas.microsoft.com/office/drawing/2014/main" id="{5AB92421-A6AD-FF8C-65B9-EA076338BFC2}"/>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7062993" y="4385740"/>
                <a:ext cx="388800" cy="388800"/>
              </a:xfrm>
              <a:prstGeom prst="rect">
                <a:avLst/>
              </a:prstGeom>
            </p:spPr>
          </p:pic>
          <p:sp>
            <p:nvSpPr>
              <p:cNvPr id="337" name="Rektangel: afrundede hjørner 336">
                <a:extLst>
                  <a:ext uri="{FF2B5EF4-FFF2-40B4-BE49-F238E27FC236}">
                    <a16:creationId xmlns:a16="http://schemas.microsoft.com/office/drawing/2014/main" id="{C0895092-40B1-A9D2-1803-840169BD1DA8}"/>
                  </a:ext>
                </a:extLst>
              </p:cNvPr>
              <p:cNvSpPr>
                <a:spLocks/>
              </p:cNvSpPr>
              <p:nvPr/>
            </p:nvSpPr>
            <p:spPr>
              <a:xfrm>
                <a:off x="7024412" y="5059277"/>
                <a:ext cx="1388195" cy="440266"/>
              </a:xfrm>
              <a:prstGeom prst="roundRect">
                <a:avLst>
                  <a:gd name="adj" fmla="val 9910"/>
                </a:avLst>
              </a:prstGeom>
              <a:solidFill>
                <a:srgbClr val="CDDFE5"/>
              </a:solidFill>
              <a:ln w="6350">
                <a:solidFill>
                  <a:srgbClr val="04607D"/>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358775"/>
                <a:r>
                  <a:rPr lang="da-DK" sz="800" i="1" noProof="0" dirty="0">
                    <a:solidFill>
                      <a:schemeClr val="accent3"/>
                    </a:solidFill>
                  </a:rPr>
                  <a:t>Suveræn Cloud – Crown Hosting</a:t>
                </a:r>
              </a:p>
            </p:txBody>
          </p:sp>
          <p:pic>
            <p:nvPicPr>
              <p:cNvPr id="351" name="Grafik 350" descr="Lås kontur">
                <a:extLst>
                  <a:ext uri="{FF2B5EF4-FFF2-40B4-BE49-F238E27FC236}">
                    <a16:creationId xmlns:a16="http://schemas.microsoft.com/office/drawing/2014/main" id="{089D554F-FC85-2968-E0D6-B8FA06560A25}"/>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7062993" y="5085010"/>
                <a:ext cx="388800" cy="388800"/>
              </a:xfrm>
              <a:prstGeom prst="rect">
                <a:avLst/>
              </a:prstGeom>
            </p:spPr>
          </p:pic>
          <p:pic>
            <p:nvPicPr>
              <p:cNvPr id="390" name="Graphic 47" descr="Caret Left with solid fill">
                <a:extLst>
                  <a:ext uri="{FF2B5EF4-FFF2-40B4-BE49-F238E27FC236}">
                    <a16:creationId xmlns:a16="http://schemas.microsoft.com/office/drawing/2014/main" id="{9C35722E-1100-AE11-57FF-DDD0C0BEDE46}"/>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rot="5400000">
                <a:off x="7557524" y="4766010"/>
                <a:ext cx="367316" cy="327530"/>
              </a:xfrm>
              <a:prstGeom prst="rect">
                <a:avLst/>
              </a:prstGeom>
            </p:spPr>
          </p:pic>
          <p:pic>
            <p:nvPicPr>
              <p:cNvPr id="425" name="Graphic 47" descr="Caret Left with solid fill">
                <a:extLst>
                  <a:ext uri="{FF2B5EF4-FFF2-40B4-BE49-F238E27FC236}">
                    <a16:creationId xmlns:a16="http://schemas.microsoft.com/office/drawing/2014/main" id="{FF3F9254-33EC-90C3-02AB-A0E425AFED98}"/>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rot="5400000">
                <a:off x="7557524" y="4066740"/>
                <a:ext cx="367316" cy="327530"/>
              </a:xfrm>
              <a:prstGeom prst="rect">
                <a:avLst/>
              </a:prstGeom>
            </p:spPr>
          </p:pic>
          <p:pic>
            <p:nvPicPr>
              <p:cNvPr id="426" name="Graphic 47" descr="Caret Left with solid fill">
                <a:extLst>
                  <a:ext uri="{FF2B5EF4-FFF2-40B4-BE49-F238E27FC236}">
                    <a16:creationId xmlns:a16="http://schemas.microsoft.com/office/drawing/2014/main" id="{F7A338B8-C856-7CB0-4D46-C9C282CACEF9}"/>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rot="5400000">
                <a:off x="7557524" y="3315486"/>
                <a:ext cx="367316" cy="327530"/>
              </a:xfrm>
              <a:prstGeom prst="rect">
                <a:avLst/>
              </a:prstGeom>
            </p:spPr>
          </p:pic>
        </p:grpSp>
        <p:pic>
          <p:nvPicPr>
            <p:cNvPr id="437" name="Graphic 47" descr="Caret Left with solid fill">
              <a:extLst>
                <a:ext uri="{FF2B5EF4-FFF2-40B4-BE49-F238E27FC236}">
                  <a16:creationId xmlns:a16="http://schemas.microsoft.com/office/drawing/2014/main" id="{98BEC2F4-2D54-DA4C-FB5C-9B185A4981C9}"/>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rot="5400000">
              <a:off x="9120623" y="4766010"/>
              <a:ext cx="367316" cy="327530"/>
            </a:xfrm>
            <a:prstGeom prst="rect">
              <a:avLst/>
            </a:prstGeom>
          </p:spPr>
        </p:pic>
        <p:pic>
          <p:nvPicPr>
            <p:cNvPr id="438" name="Graphic 47" descr="Caret Left with solid fill">
              <a:extLst>
                <a:ext uri="{FF2B5EF4-FFF2-40B4-BE49-F238E27FC236}">
                  <a16:creationId xmlns:a16="http://schemas.microsoft.com/office/drawing/2014/main" id="{4DCB5788-2631-0CB4-2FE5-D2FD66F33504}"/>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rot="5400000">
              <a:off x="9120623" y="4066740"/>
              <a:ext cx="367316" cy="327530"/>
            </a:xfrm>
            <a:prstGeom prst="rect">
              <a:avLst/>
            </a:prstGeom>
          </p:spPr>
        </p:pic>
        <p:pic>
          <p:nvPicPr>
            <p:cNvPr id="439" name="Graphic 47" descr="Caret Left with solid fill">
              <a:extLst>
                <a:ext uri="{FF2B5EF4-FFF2-40B4-BE49-F238E27FC236}">
                  <a16:creationId xmlns:a16="http://schemas.microsoft.com/office/drawing/2014/main" id="{1EC6021F-C72B-54BA-39A8-8934B48ADCC9}"/>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rot="5400000">
              <a:off x="9120623" y="3315486"/>
              <a:ext cx="367316" cy="327530"/>
            </a:xfrm>
            <a:prstGeom prst="rect">
              <a:avLst/>
            </a:prstGeom>
          </p:spPr>
        </p:pic>
        <p:grpSp>
          <p:nvGrpSpPr>
            <p:cNvPr id="10" name="Gruppe 9">
              <a:extLst>
                <a:ext uri="{FF2B5EF4-FFF2-40B4-BE49-F238E27FC236}">
                  <a16:creationId xmlns:a16="http://schemas.microsoft.com/office/drawing/2014/main" id="{EA2337E3-F910-A8CF-351E-06ED1615839F}"/>
                </a:ext>
                <a:ext uri="{C183D7F6-B498-43B3-948B-1728B52AA6E4}">
                  <adec:decorative xmlns:adec="http://schemas.microsoft.com/office/drawing/2017/decorative" val="1"/>
                </a:ext>
              </a:extLst>
            </p:cNvPr>
            <p:cNvGrpSpPr>
              <a:grpSpLocks/>
            </p:cNvGrpSpPr>
            <p:nvPr/>
          </p:nvGrpSpPr>
          <p:grpSpPr>
            <a:xfrm>
              <a:off x="6962055" y="3295593"/>
              <a:ext cx="1512908" cy="2271239"/>
              <a:chOff x="10129817" y="3295593"/>
              <a:chExt cx="1512908" cy="2271239"/>
            </a:xfrm>
          </p:grpSpPr>
          <p:sp>
            <p:nvSpPr>
              <p:cNvPr id="386" name="Rektangel: afrundede hjørner 385">
                <a:extLst>
                  <a:ext uri="{FF2B5EF4-FFF2-40B4-BE49-F238E27FC236}">
                    <a16:creationId xmlns:a16="http://schemas.microsoft.com/office/drawing/2014/main" id="{1D47483F-BAAC-D398-E7B4-DB2A497A6D29}"/>
                  </a:ext>
                </a:extLst>
              </p:cNvPr>
              <p:cNvSpPr>
                <a:spLocks/>
              </p:cNvSpPr>
              <p:nvPr/>
            </p:nvSpPr>
            <p:spPr>
              <a:xfrm>
                <a:off x="10129817" y="3660735"/>
                <a:ext cx="1512908" cy="1906097"/>
              </a:xfrm>
              <a:prstGeom prst="roundRect">
                <a:avLst>
                  <a:gd name="adj" fmla="val 2075"/>
                </a:avLst>
              </a:prstGeom>
              <a:solidFill>
                <a:srgbClr val="E5EDF1"/>
              </a:solidFill>
              <a:ln w="6350">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58775"/>
                <a:endParaRPr lang="da-DK" sz="800" i="1" noProof="0" dirty="0">
                  <a:solidFill>
                    <a:schemeClr val="accent3"/>
                  </a:solidFill>
                </a:endParaRPr>
              </a:p>
            </p:txBody>
          </p:sp>
          <p:sp>
            <p:nvSpPr>
              <p:cNvPr id="321" name="Rektangel: afrundede hjørner 320">
                <a:extLst>
                  <a:ext uri="{FF2B5EF4-FFF2-40B4-BE49-F238E27FC236}">
                    <a16:creationId xmlns:a16="http://schemas.microsoft.com/office/drawing/2014/main" id="{5D4DE01A-E9D4-363C-30B1-0B04EC0FF2AA}"/>
                  </a:ext>
                </a:extLst>
              </p:cNvPr>
              <p:cNvSpPr>
                <a:spLocks/>
              </p:cNvSpPr>
              <p:nvPr/>
            </p:nvSpPr>
            <p:spPr>
              <a:xfrm>
                <a:off x="10136843" y="3669771"/>
                <a:ext cx="1498856" cy="431232"/>
              </a:xfrm>
              <a:prstGeom prst="roundRect">
                <a:avLst>
                  <a:gd name="adj" fmla="val 9910"/>
                </a:avLst>
              </a:prstGeom>
              <a:solidFill>
                <a:srgbClr val="E5EDF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58775"/>
                <a:r>
                  <a:rPr lang="da-DK" sz="800" b="1" i="1" noProof="0" dirty="0">
                    <a:solidFill>
                      <a:schemeClr val="accent3"/>
                    </a:solidFill>
                  </a:rPr>
                  <a:t>Strategi</a:t>
                </a:r>
              </a:p>
            </p:txBody>
          </p:sp>
          <p:grpSp>
            <p:nvGrpSpPr>
              <p:cNvPr id="9" name="Gruppe 8">
                <a:extLst>
                  <a:ext uri="{FF2B5EF4-FFF2-40B4-BE49-F238E27FC236}">
                    <a16:creationId xmlns:a16="http://schemas.microsoft.com/office/drawing/2014/main" id="{9B4DDECE-5226-9F76-3C25-A82E0DE8DFEA}"/>
                  </a:ext>
                </a:extLst>
              </p:cNvPr>
              <p:cNvGrpSpPr/>
              <p:nvPr/>
            </p:nvGrpSpPr>
            <p:grpSpPr>
              <a:xfrm>
                <a:off x="10169645" y="3295593"/>
                <a:ext cx="1412779" cy="2206922"/>
                <a:chOff x="10169645" y="3295593"/>
                <a:chExt cx="1412779" cy="2206922"/>
              </a:xfrm>
            </p:grpSpPr>
            <p:pic>
              <p:nvPicPr>
                <p:cNvPr id="333" name="Grafik 332" descr="Mål kontur">
                  <a:extLst>
                    <a:ext uri="{FF2B5EF4-FFF2-40B4-BE49-F238E27FC236}">
                      <a16:creationId xmlns:a16="http://schemas.microsoft.com/office/drawing/2014/main" id="{264D244E-C64E-AC2A-2B1A-B576D1D4ECEA}"/>
                    </a:ext>
                  </a:extLst>
                </p:cNvPr>
                <p:cNvPicPr>
                  <a:picLocks noChangeAspect="1"/>
                </p:cNvPicPr>
                <p:nvPr/>
              </p:nvPicPr>
              <p:blipFill>
                <a:blip r:embed="rId22">
                  <a:extLst>
                    <a:ext uri="{96DAC541-7B7A-43D3-8B79-37D633B846F1}">
                      <asvg:svgBlip xmlns:asvg="http://schemas.microsoft.com/office/drawing/2016/SVG/main" r:embed="rId23"/>
                    </a:ext>
                  </a:extLst>
                </a:blip>
                <a:stretch>
                  <a:fillRect/>
                </a:stretch>
              </p:blipFill>
              <p:spPr>
                <a:xfrm>
                  <a:off x="10169645" y="3686470"/>
                  <a:ext cx="388800" cy="388800"/>
                </a:xfrm>
                <a:prstGeom prst="rect">
                  <a:avLst/>
                </a:prstGeom>
              </p:spPr>
            </p:pic>
            <p:sp>
              <p:nvSpPr>
                <p:cNvPr id="336" name="Rektangel: afrundede hjørner 335">
                  <a:extLst>
                    <a:ext uri="{FF2B5EF4-FFF2-40B4-BE49-F238E27FC236}">
                      <a16:creationId xmlns:a16="http://schemas.microsoft.com/office/drawing/2014/main" id="{BBDBD865-BEE4-9BB2-34F7-62EA602FDA4C}"/>
                    </a:ext>
                  </a:extLst>
                </p:cNvPr>
                <p:cNvSpPr>
                  <a:spLocks/>
                </p:cNvSpPr>
                <p:nvPr/>
              </p:nvSpPr>
              <p:spPr>
                <a:xfrm>
                  <a:off x="10194229" y="4360007"/>
                  <a:ext cx="1388195" cy="440266"/>
                </a:xfrm>
                <a:prstGeom prst="roundRect">
                  <a:avLst>
                    <a:gd name="adj" fmla="val 9910"/>
                  </a:avLst>
                </a:prstGeom>
                <a:solidFill>
                  <a:srgbClr val="E5EDF1"/>
                </a:solidFill>
                <a:ln w="6350">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358775"/>
                  <a:r>
                    <a:rPr lang="da-DK" sz="800" i="1" noProof="0" dirty="0">
                      <a:solidFill>
                        <a:schemeClr val="accent3"/>
                      </a:solidFill>
                    </a:rPr>
                    <a:t>Digital, Data and Technology </a:t>
                  </a:r>
                  <a:r>
                    <a:rPr lang="da-DK" sz="800" i="1" noProof="0" dirty="0" err="1">
                      <a:solidFill>
                        <a:schemeClr val="accent3"/>
                      </a:solidFill>
                    </a:rPr>
                    <a:t>Strategy</a:t>
                  </a:r>
                  <a:r>
                    <a:rPr lang="da-DK" sz="800" i="1" noProof="0" dirty="0">
                      <a:solidFill>
                        <a:schemeClr val="accent3"/>
                      </a:solidFill>
                    </a:rPr>
                    <a:t> 2024</a:t>
                  </a:r>
                </a:p>
              </p:txBody>
            </p:sp>
            <p:pic>
              <p:nvPicPr>
                <p:cNvPr id="345" name="Grafik 344" descr="Puslespil kontur">
                  <a:extLst>
                    <a:ext uri="{FF2B5EF4-FFF2-40B4-BE49-F238E27FC236}">
                      <a16:creationId xmlns:a16="http://schemas.microsoft.com/office/drawing/2014/main" id="{FCE4B8E6-066A-C7C5-5B7E-0AE4C7E3747F}"/>
                    </a:ext>
                  </a:extLst>
                </p:cNvPr>
                <p:cNvPicPr>
                  <a:picLocks noChangeAspect="1"/>
                </p:cNvPicPr>
                <p:nvPr/>
              </p:nvPicPr>
              <p:blipFill>
                <a:blip r:embed="rId24">
                  <a:extLst>
                    <a:ext uri="{96DAC541-7B7A-43D3-8B79-37D633B846F1}">
                      <asvg:svgBlip xmlns:asvg="http://schemas.microsoft.com/office/drawing/2016/SVG/main" r:embed="rId25"/>
                    </a:ext>
                  </a:extLst>
                </a:blip>
                <a:stretch>
                  <a:fillRect/>
                </a:stretch>
              </p:blipFill>
              <p:spPr>
                <a:xfrm>
                  <a:off x="10232002" y="4385740"/>
                  <a:ext cx="388800" cy="388800"/>
                </a:xfrm>
                <a:prstGeom prst="rect">
                  <a:avLst/>
                </a:prstGeom>
              </p:spPr>
            </p:pic>
            <p:sp>
              <p:nvSpPr>
                <p:cNvPr id="339" name="Rektangel: afrundede hjørner 338">
                  <a:extLst>
                    <a:ext uri="{FF2B5EF4-FFF2-40B4-BE49-F238E27FC236}">
                      <a16:creationId xmlns:a16="http://schemas.microsoft.com/office/drawing/2014/main" id="{C459A1EC-D253-0E04-5123-6AF2C3A328BE}"/>
                    </a:ext>
                  </a:extLst>
                </p:cNvPr>
                <p:cNvSpPr>
                  <a:spLocks/>
                </p:cNvSpPr>
                <p:nvPr/>
              </p:nvSpPr>
              <p:spPr>
                <a:xfrm>
                  <a:off x="10194229" y="5062249"/>
                  <a:ext cx="1388195" cy="440266"/>
                </a:xfrm>
                <a:prstGeom prst="roundRect">
                  <a:avLst>
                    <a:gd name="adj" fmla="val 9910"/>
                  </a:avLst>
                </a:prstGeom>
                <a:solidFill>
                  <a:srgbClr val="E5EDF1"/>
                </a:solidFill>
                <a:ln w="6350">
                  <a:solidFill>
                    <a:srgbClr val="04607D"/>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358775"/>
                  <a:r>
                    <a:rPr lang="da-DK" sz="800" i="1" noProof="0" dirty="0">
                      <a:solidFill>
                        <a:schemeClr val="accent3"/>
                      </a:solidFill>
                    </a:rPr>
                    <a:t>2030 Digital </a:t>
                  </a:r>
                  <a:r>
                    <a:rPr lang="da-DK" sz="800" i="1" noProof="0" dirty="0" err="1">
                      <a:solidFill>
                        <a:schemeClr val="accent3"/>
                      </a:solidFill>
                    </a:rPr>
                    <a:t>Strategy</a:t>
                  </a:r>
                  <a:endParaRPr lang="da-DK" sz="800" i="1" noProof="0" dirty="0">
                    <a:solidFill>
                      <a:schemeClr val="accent3"/>
                    </a:solidFill>
                  </a:endParaRPr>
                </a:p>
              </p:txBody>
            </p:sp>
            <p:pic>
              <p:nvPicPr>
                <p:cNvPr id="359" name="Grafik 358" descr="Ambition kontur">
                  <a:extLst>
                    <a:ext uri="{FF2B5EF4-FFF2-40B4-BE49-F238E27FC236}">
                      <a16:creationId xmlns:a16="http://schemas.microsoft.com/office/drawing/2014/main" id="{EACE357D-1F32-7428-9013-0D6B19A69816}"/>
                    </a:ext>
                  </a:extLst>
                </p:cNvPr>
                <p:cNvPicPr>
                  <a:picLocks noChangeAspect="1"/>
                </p:cNvPicPr>
                <p:nvPr/>
              </p:nvPicPr>
              <p:blipFill>
                <a:blip r:embed="rId26">
                  <a:extLst>
                    <a:ext uri="{96DAC541-7B7A-43D3-8B79-37D633B846F1}">
                      <asvg:svgBlip xmlns:asvg="http://schemas.microsoft.com/office/drawing/2016/SVG/main" r:embed="rId27"/>
                    </a:ext>
                  </a:extLst>
                </a:blip>
                <a:stretch>
                  <a:fillRect/>
                </a:stretch>
              </p:blipFill>
              <p:spPr>
                <a:xfrm>
                  <a:off x="10232002" y="5085010"/>
                  <a:ext cx="388800" cy="388800"/>
                </a:xfrm>
                <a:prstGeom prst="rect">
                  <a:avLst/>
                </a:prstGeom>
              </p:spPr>
            </p:pic>
            <p:pic>
              <p:nvPicPr>
                <p:cNvPr id="440" name="Graphic 47" descr="Caret Left with solid fill">
                  <a:extLst>
                    <a:ext uri="{FF2B5EF4-FFF2-40B4-BE49-F238E27FC236}">
                      <a16:creationId xmlns:a16="http://schemas.microsoft.com/office/drawing/2014/main" id="{78ED68CB-BFE2-F60C-472D-0EEEA84BAFEE}"/>
                    </a:ext>
                  </a:extLst>
                </p:cNvPr>
                <p:cNvPicPr>
                  <a:picLocks noChangeAspect="1"/>
                </p:cNvPicPr>
                <p:nvPr/>
              </p:nvPicPr>
              <p:blipFill>
                <a:blip r:embed="rId28">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rot="5400000">
                  <a:off x="10737112" y="4766010"/>
                  <a:ext cx="367316" cy="327530"/>
                </a:xfrm>
                <a:prstGeom prst="rect">
                  <a:avLst/>
                </a:prstGeom>
              </p:spPr>
            </p:pic>
            <p:pic>
              <p:nvPicPr>
                <p:cNvPr id="441" name="Graphic 47" descr="Caret Left with solid fill">
                  <a:extLst>
                    <a:ext uri="{FF2B5EF4-FFF2-40B4-BE49-F238E27FC236}">
                      <a16:creationId xmlns:a16="http://schemas.microsoft.com/office/drawing/2014/main" id="{E4991196-AF86-B9B8-9BC0-D0D6F1F640C4}"/>
                    </a:ext>
                  </a:extLst>
                </p:cNvPr>
                <p:cNvPicPr>
                  <a:picLocks noChangeAspect="1"/>
                </p:cNvPicPr>
                <p:nvPr/>
              </p:nvPicPr>
              <p:blipFill>
                <a:blip r:embed="rId28">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rot="5400000">
                  <a:off x="10737112" y="4066740"/>
                  <a:ext cx="367316" cy="327530"/>
                </a:xfrm>
                <a:prstGeom prst="rect">
                  <a:avLst/>
                </a:prstGeom>
              </p:spPr>
            </p:pic>
            <p:pic>
              <p:nvPicPr>
                <p:cNvPr id="442" name="Graphic 47" descr="Caret Left with solid fill">
                  <a:extLst>
                    <a:ext uri="{FF2B5EF4-FFF2-40B4-BE49-F238E27FC236}">
                      <a16:creationId xmlns:a16="http://schemas.microsoft.com/office/drawing/2014/main" id="{7384457E-73F2-D3C3-6060-DC608FD49665}"/>
                    </a:ext>
                  </a:extLst>
                </p:cNvPr>
                <p:cNvPicPr>
                  <a:picLocks noChangeAspect="1"/>
                </p:cNvPicPr>
                <p:nvPr/>
              </p:nvPicPr>
              <p:blipFill>
                <a:blip r:embed="rId28">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blipFill>
              <p:spPr>
                <a:xfrm rot="5400000">
                  <a:off x="10737112" y="3315486"/>
                  <a:ext cx="367316" cy="327530"/>
                </a:xfrm>
                <a:prstGeom prst="rect">
                  <a:avLst/>
                </a:prstGeom>
              </p:spPr>
            </p:pic>
          </p:grpSp>
        </p:grpSp>
      </p:grpSp>
      <p:grpSp>
        <p:nvGrpSpPr>
          <p:cNvPr id="4" name="Group 3">
            <a:extLst>
              <a:ext uri="{FF2B5EF4-FFF2-40B4-BE49-F238E27FC236}">
                <a16:creationId xmlns:a16="http://schemas.microsoft.com/office/drawing/2014/main" id="{021A763E-76FA-6E53-618D-2ED03D9E0F2E}"/>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5" name="Rectangle 4">
              <a:extLst>
                <a:ext uri="{FF2B5EF4-FFF2-40B4-BE49-F238E27FC236}">
                  <a16:creationId xmlns:a16="http://schemas.microsoft.com/office/drawing/2014/main" id="{FD647459-B333-5045-F65C-E8500C9197CA}"/>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7" name="Rectangle 6">
              <a:extLst>
                <a:ext uri="{FF2B5EF4-FFF2-40B4-BE49-F238E27FC236}">
                  <a16:creationId xmlns:a16="http://schemas.microsoft.com/office/drawing/2014/main" id="{32257DB2-CED3-F723-D934-18B501B32CD3}"/>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12" name="TextBox 11">
            <a:extLst>
              <a:ext uri="{FF2B5EF4-FFF2-40B4-BE49-F238E27FC236}">
                <a16:creationId xmlns:a16="http://schemas.microsoft.com/office/drawing/2014/main" id="{6A7E29BE-3A5F-6885-60CC-A727868553DC}"/>
              </a:ext>
            </a:extLst>
          </p:cNvPr>
          <p:cNvSpPr txBox="1"/>
          <p:nvPr/>
        </p:nvSpPr>
        <p:spPr>
          <a:xfrm>
            <a:off x="6649627" y="1732116"/>
            <a:ext cx="5083664" cy="330646"/>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endParaRPr lang="da-DK" sz="1100" noProof="0" dirty="0"/>
          </a:p>
          <a:p>
            <a:r>
              <a:rPr lang="da-DK" sz="1100" noProof="0" dirty="0"/>
              <a:t>Home Offices arbejde med digital suverænitet omfatter en række forskellige tiltag </a:t>
            </a:r>
          </a:p>
          <a:p>
            <a:endParaRPr lang="da-DK" sz="1100" noProof="0" dirty="0"/>
          </a:p>
        </p:txBody>
      </p:sp>
    </p:spTree>
    <p:extLst>
      <p:ext uri="{BB962C8B-B14F-4D97-AF65-F5344CB8AC3E}">
        <p14:creationId xmlns:p14="http://schemas.microsoft.com/office/powerpoint/2010/main" val="2829327053"/>
      </p:ext>
    </p:extLst>
  </p:cSld>
  <p:clrMapOvr>
    <a:masterClrMapping/>
  </p:clrMapOvr>
  <p:transition>
    <p:fade/>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D09A14D-020C-200A-6426-A51896684897}"/>
            </a:ext>
          </a:extLst>
        </p:cNvPr>
        <p:cNvGrpSpPr/>
        <p:nvPr/>
      </p:nvGrpSpPr>
      <p:grpSpPr>
        <a:xfrm>
          <a:off x="0" y="0"/>
          <a:ext cx="0" cy="0"/>
          <a:chOff x="0" y="0"/>
          <a:chExt cx="0" cy="0"/>
        </a:xfrm>
      </p:grpSpPr>
      <p:sp>
        <p:nvSpPr>
          <p:cNvPr id="19" name="Rectangle: Rounded Corners 18">
            <a:extLst>
              <a:ext uri="{FF2B5EF4-FFF2-40B4-BE49-F238E27FC236}">
                <a16:creationId xmlns:a16="http://schemas.microsoft.com/office/drawing/2014/main" id="{36E9F766-2599-60C6-DE60-05A154856CC1}"/>
              </a:ext>
            </a:extLst>
          </p:cNvPr>
          <p:cNvSpPr/>
          <p:nvPr/>
        </p:nvSpPr>
        <p:spPr>
          <a:xfrm>
            <a:off x="169303" y="11734"/>
            <a:ext cx="8749697"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6 | Open source, hybride cloudmiljøer og digital strategi hos UK Home Office</a:t>
            </a:r>
          </a:p>
        </p:txBody>
      </p:sp>
      <p:pic>
        <p:nvPicPr>
          <p:cNvPr id="28" name="Billede 27">
            <a:extLst>
              <a:ext uri="{FF2B5EF4-FFF2-40B4-BE49-F238E27FC236}">
                <a16:creationId xmlns:a16="http://schemas.microsoft.com/office/drawing/2014/main" id="{51BF9D43-8AC6-2F45-3307-FE7E879B3969}"/>
              </a:ext>
              <a:ext uri="{C183D7F6-B498-43B3-948B-1728B52AA6E4}">
                <adec:decorative xmlns:adec="http://schemas.microsoft.com/office/drawing/2017/decorative" val="1"/>
              </a:ext>
            </a:extLst>
          </p:cNvPr>
          <p:cNvPicPr>
            <a:picLocks noChangeAspect="1"/>
          </p:cNvPicPr>
          <p:nvPr/>
        </p:nvPicPr>
        <p:blipFill>
          <a:blip r:embed="rId3"/>
          <a:stretch>
            <a:fillRect/>
          </a:stretch>
        </p:blipFill>
        <p:spPr>
          <a:xfrm>
            <a:off x="10265215" y="209073"/>
            <a:ext cx="1664144" cy="710035"/>
          </a:xfrm>
          <a:prstGeom prst="rect">
            <a:avLst/>
          </a:prstGeom>
        </p:spPr>
      </p:pic>
      <p:sp>
        <p:nvSpPr>
          <p:cNvPr id="2" name="Title 1">
            <a:extLst>
              <a:ext uri="{FF2B5EF4-FFF2-40B4-BE49-F238E27FC236}">
                <a16:creationId xmlns:a16="http://schemas.microsoft.com/office/drawing/2014/main" id="{F2D7AC29-7091-9C6E-4883-D729AFF3CFAB}"/>
              </a:ext>
            </a:extLst>
          </p:cNvPr>
          <p:cNvSpPr>
            <a:spLocks noGrp="1"/>
          </p:cNvSpPr>
          <p:nvPr>
            <p:ph type="title"/>
          </p:nvPr>
        </p:nvSpPr>
        <p:spPr/>
        <p:txBody>
          <a:bodyPr/>
          <a:lstStyle/>
          <a:p>
            <a:r>
              <a:rPr lang="da-DK" sz="2200" noProof="0" dirty="0"/>
              <a:t>Side 3/3 | </a:t>
            </a:r>
            <a:r>
              <a:rPr lang="da-DK" sz="2200" b="1" noProof="0" dirty="0"/>
              <a:t>Teknologisk og organisatorisk transformation</a:t>
            </a:r>
            <a:endParaRPr lang="da-DK" sz="2200" noProof="0" dirty="0"/>
          </a:p>
        </p:txBody>
      </p:sp>
      <p:sp>
        <p:nvSpPr>
          <p:cNvPr id="10" name="Rectangle: Rounded Corners 9">
            <a:extLst>
              <a:ext uri="{FF2B5EF4-FFF2-40B4-BE49-F238E27FC236}">
                <a16:creationId xmlns:a16="http://schemas.microsoft.com/office/drawing/2014/main" id="{8EACACB5-8E27-5C25-D438-8BACE23319D3}"/>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Teknologisk transformation</a:t>
            </a:r>
          </a:p>
        </p:txBody>
      </p:sp>
      <p:sp>
        <p:nvSpPr>
          <p:cNvPr id="3" name="Rectangle 2">
            <a:extLst>
              <a:ext uri="{FF2B5EF4-FFF2-40B4-BE49-F238E27FC236}">
                <a16:creationId xmlns:a16="http://schemas.microsoft.com/office/drawing/2014/main" id="{525C5CD9-AA42-E835-19E5-1D2762B2F090}"/>
              </a:ext>
            </a:extLst>
          </p:cNvPr>
          <p:cNvSpPr/>
          <p:nvPr/>
        </p:nvSpPr>
        <p:spPr>
          <a:xfrm>
            <a:off x="560498" y="2069025"/>
            <a:ext cx="3009994" cy="4608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rPr>
              <a:t>Teknologisk målbillede</a:t>
            </a:r>
          </a:p>
          <a:p>
            <a:r>
              <a:rPr lang="da-DK" sz="900" noProof="0">
                <a:solidFill>
                  <a:schemeClr val="tx1"/>
                </a:solidFill>
                <a:sym typeface="Wingdings" panose="05000000000000000000" pitchFamily="2" charset="2"/>
              </a:rPr>
              <a:t>Home Office sigter mod en arkitektur, der kombinerer hybrid cloud med strenge krav til datasuverænitet. Målet er at sikre, at alle kritiske data opbevares og behandles under britisk jurisdiktion, samtidig med at løsningen er skalerbar og kan integreres med biometriske systemer. Arkitekturen skal være fleksibel, så systemer kan migreres mellem leverandører for at undgå afhængighed, og understøtte automatisering af sagsbehandling.</a:t>
            </a:r>
          </a:p>
          <a:p>
            <a:endParaRPr lang="da-DK" sz="900" b="1" noProof="0">
              <a:solidFill>
                <a:schemeClr val="tx1"/>
              </a:solidFill>
            </a:endParaRPr>
          </a:p>
          <a:p>
            <a:r>
              <a:rPr lang="da-DK" sz="900" b="1" noProof="0">
                <a:solidFill>
                  <a:srgbClr val="36465A"/>
                </a:solidFill>
              </a:rPr>
              <a:t>Udskiftning af teknologier</a:t>
            </a:r>
          </a:p>
          <a:p>
            <a:r>
              <a:rPr lang="da-DK" sz="900" noProof="0">
                <a:solidFill>
                  <a:schemeClr val="tx1"/>
                </a:solidFill>
                <a:sym typeface="Wingdings" panose="05000000000000000000" pitchFamily="2" charset="2"/>
              </a:rPr>
              <a:t>Udskiftningen af teknologier har bl.a. omfattet:</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Delvis migrering fra AWS og </a:t>
            </a:r>
            <a:r>
              <a:rPr lang="da-DK" sz="900" noProof="0" err="1">
                <a:solidFill>
                  <a:schemeClr val="tx1"/>
                </a:solidFill>
                <a:sym typeface="Wingdings" panose="05000000000000000000" pitchFamily="2" charset="2"/>
              </a:rPr>
              <a:t>Azure</a:t>
            </a:r>
            <a:r>
              <a:rPr lang="da-DK" sz="900" noProof="0">
                <a:solidFill>
                  <a:schemeClr val="tx1"/>
                </a:solidFill>
                <a:sym typeface="Wingdings" panose="05000000000000000000" pitchFamily="2" charset="2"/>
              </a:rPr>
              <a:t> til en nationalt kontrolleret cloud-platform (Oracle UK Sovereign Cloud).</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Erstatning af Microsoft AD med en statskontrolleret identitets- og adgangsstyringsløsning.</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Erstatning af </a:t>
            </a:r>
            <a:r>
              <a:rPr lang="da-DK" sz="900" noProof="0" err="1">
                <a:solidFill>
                  <a:schemeClr val="tx1"/>
                </a:solidFill>
                <a:sym typeface="Wingdings" panose="05000000000000000000" pitchFamily="2" charset="2"/>
              </a:rPr>
              <a:t>proprietære</a:t>
            </a:r>
            <a:r>
              <a:rPr lang="da-DK" sz="900" noProof="0">
                <a:solidFill>
                  <a:schemeClr val="tx1"/>
                </a:solidFill>
                <a:sym typeface="Wingdings" panose="05000000000000000000" pitchFamily="2" charset="2"/>
              </a:rPr>
              <a:t> fagsystemer med open source- og containerbaserede systemer.</a:t>
            </a:r>
          </a:p>
          <a:p>
            <a:endParaRPr lang="da-DK" sz="900" b="1" noProof="0">
              <a:solidFill>
                <a:schemeClr val="tx1"/>
              </a:solidFill>
            </a:endParaRPr>
          </a:p>
          <a:p>
            <a:r>
              <a:rPr lang="da-DK" sz="900" b="1" noProof="0">
                <a:solidFill>
                  <a:srgbClr val="36465A"/>
                </a:solidFill>
              </a:rPr>
              <a:t>Teknologisk omstilling </a:t>
            </a:r>
          </a:p>
          <a:p>
            <a:r>
              <a:rPr lang="da-DK" sz="900" noProof="0">
                <a:solidFill>
                  <a:schemeClr val="tx1"/>
                </a:solidFill>
                <a:sym typeface="Wingdings" panose="05000000000000000000" pitchFamily="2" charset="2"/>
              </a:rPr>
              <a:t>Som en del af den teknologiske omstilling i Home Office er ældre </a:t>
            </a:r>
            <a:r>
              <a:rPr lang="da-DK" sz="900" noProof="0" err="1">
                <a:solidFill>
                  <a:schemeClr val="tx1"/>
                </a:solidFill>
                <a:sym typeface="Wingdings" panose="05000000000000000000" pitchFamily="2" charset="2"/>
              </a:rPr>
              <a:t>proprietære</a:t>
            </a:r>
            <a:r>
              <a:rPr lang="da-DK" sz="900" noProof="0">
                <a:solidFill>
                  <a:schemeClr val="tx1"/>
                </a:solidFill>
                <a:sym typeface="Wingdings" panose="05000000000000000000" pitchFamily="2" charset="2"/>
              </a:rPr>
              <a:t> on-</a:t>
            </a:r>
            <a:r>
              <a:rPr lang="da-DK" sz="900" noProof="0" err="1">
                <a:solidFill>
                  <a:schemeClr val="tx1"/>
                </a:solidFill>
                <a:sym typeface="Wingdings" panose="05000000000000000000" pitchFamily="2" charset="2"/>
              </a:rPr>
              <a:t>premise</a:t>
            </a:r>
            <a:r>
              <a:rPr lang="da-DK" sz="900" noProof="0">
                <a:solidFill>
                  <a:schemeClr val="tx1"/>
                </a:solidFill>
                <a:sym typeface="Wingdings" panose="05000000000000000000" pitchFamily="2" charset="2"/>
              </a:rPr>
              <a:t>-systemer blevet erstattet af en hybrid cloud-arkitektur. Dertil er der indført en containerbaseret arkitektur med </a:t>
            </a:r>
            <a:r>
              <a:rPr lang="da-DK" sz="900" noProof="0" err="1">
                <a:solidFill>
                  <a:schemeClr val="tx1"/>
                </a:solidFill>
                <a:sym typeface="Wingdings" panose="05000000000000000000" pitchFamily="2" charset="2"/>
              </a:rPr>
              <a:t>Kubernetes</a:t>
            </a:r>
            <a:r>
              <a:rPr lang="da-DK" sz="900" noProof="0">
                <a:solidFill>
                  <a:schemeClr val="tx1"/>
                </a:solidFill>
                <a:sym typeface="Wingdings" panose="05000000000000000000" pitchFamily="2" charset="2"/>
              </a:rPr>
              <a:t> og Docker, som gør det muligt at opdele systemer i mindre enheder og </a:t>
            </a:r>
            <a:r>
              <a:rPr lang="da-DK" sz="900" noProof="0" err="1">
                <a:solidFill>
                  <a:schemeClr val="tx1"/>
                </a:solidFill>
                <a:sym typeface="Wingdings" panose="05000000000000000000" pitchFamily="2" charset="2"/>
              </a:rPr>
              <a:t>microservices</a:t>
            </a:r>
            <a:r>
              <a:rPr lang="da-DK" sz="900" noProof="0">
                <a:solidFill>
                  <a:schemeClr val="tx1"/>
                </a:solidFill>
                <a:sym typeface="Wingdings" panose="05000000000000000000" pitchFamily="2" charset="2"/>
              </a:rPr>
              <a:t>. Derudover er der valgt en open source first-tilgang, hvor kode deles offentligt via GitHub, og hvor åbne standarder sikrer fleksibilitet.</a:t>
            </a:r>
            <a:endParaRPr lang="da-DK" sz="900" noProof="0">
              <a:solidFill>
                <a:srgbClr val="00172D"/>
              </a:solidFill>
              <a:highlight>
                <a:srgbClr val="FFFF00"/>
              </a:highlight>
            </a:endParaRPr>
          </a:p>
        </p:txBody>
      </p:sp>
      <p:sp>
        <p:nvSpPr>
          <p:cNvPr id="11" name="Rectangle: Rounded Corners 10">
            <a:extLst>
              <a:ext uri="{FF2B5EF4-FFF2-40B4-BE49-F238E27FC236}">
                <a16:creationId xmlns:a16="http://schemas.microsoft.com/office/drawing/2014/main" id="{23FCC3E0-A343-2B64-8EB7-7B777276AA1E}"/>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Organisatorisk transformation</a:t>
            </a:r>
          </a:p>
        </p:txBody>
      </p:sp>
      <p:sp>
        <p:nvSpPr>
          <p:cNvPr id="5" name="Rectangle 4">
            <a:extLst>
              <a:ext uri="{FF2B5EF4-FFF2-40B4-BE49-F238E27FC236}">
                <a16:creationId xmlns:a16="http://schemas.microsoft.com/office/drawing/2014/main" id="{58F61A23-61F4-F705-5DBB-87BA60F47BE4}"/>
              </a:ext>
            </a:extLst>
          </p:cNvPr>
          <p:cNvSpPr/>
          <p:nvPr/>
        </p:nvSpPr>
        <p:spPr>
          <a:xfrm>
            <a:off x="3565418" y="2069025"/>
            <a:ext cx="2985319" cy="424222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Projektorganisering</a:t>
            </a:r>
          </a:p>
          <a:p>
            <a:r>
              <a:rPr lang="da-DK" sz="900" noProof="0">
                <a:solidFill>
                  <a:schemeClr val="tx1"/>
                </a:solidFill>
                <a:sym typeface="Wingdings" panose="05000000000000000000" pitchFamily="2" charset="2"/>
              </a:rPr>
              <a:t>Home Offices arbejde med digital suverænitet er ikke organiseret i én samlet indsats. Der kan fremhæves flere nedslagspunkter i arbejdet med digital suverænitet:</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2014-2016: Udvikling og implementering af Atlas-platformen som erstatning for det gamle </a:t>
            </a:r>
            <a:r>
              <a:rPr lang="da-DK" sz="900" noProof="0">
                <a:solidFill>
                  <a:schemeClr val="tx1"/>
                </a:solidFill>
              </a:rPr>
              <a:t>Case Information Database (</a:t>
            </a:r>
            <a:r>
              <a:rPr lang="da-DK" sz="900" noProof="0">
                <a:solidFill>
                  <a:schemeClr val="tx1"/>
                </a:solidFill>
                <a:sym typeface="Wingdings" panose="05000000000000000000" pitchFamily="2" charset="2"/>
              </a:rPr>
              <a:t>CID-systemet).</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2021: Offentliggørelse af Home Office Digital, Data and Technology </a:t>
            </a:r>
            <a:r>
              <a:rPr lang="da-DK" sz="900" noProof="0" err="1">
                <a:solidFill>
                  <a:schemeClr val="tx1"/>
                </a:solidFill>
                <a:sym typeface="Wingdings" panose="05000000000000000000" pitchFamily="2" charset="2"/>
              </a:rPr>
              <a:t>Strategy</a:t>
            </a:r>
            <a:r>
              <a:rPr lang="da-DK" sz="900" noProof="0">
                <a:solidFill>
                  <a:schemeClr val="tx1"/>
                </a:solidFill>
                <a:sym typeface="Wingdings" panose="05000000000000000000" pitchFamily="2" charset="2"/>
              </a:rPr>
              <a:t> 2024.</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2023-2024: Migrering af kritiske systemer til hybrid cloud-arkitektur og introduktion af containerbaseret platform.</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2026-2030: Fuld implementering af hybrid cloud og åbne standarder.</a:t>
            </a:r>
          </a:p>
          <a:p>
            <a:br>
              <a:rPr lang="da-DK" sz="900" noProof="0">
                <a:solidFill>
                  <a:schemeClr val="tx1"/>
                </a:solidFill>
                <a:sym typeface="Wingdings" panose="05000000000000000000" pitchFamily="2" charset="2"/>
              </a:rPr>
            </a:br>
            <a:r>
              <a:rPr lang="da-DK" sz="900" noProof="0">
                <a:solidFill>
                  <a:schemeClr val="tx1"/>
                </a:solidFill>
                <a:sym typeface="Wingdings" panose="05000000000000000000" pitchFamily="2" charset="2"/>
              </a:rPr>
              <a:t>Initiativerne </a:t>
            </a:r>
            <a:r>
              <a:rPr lang="da-DK" sz="900" noProof="0">
                <a:solidFill>
                  <a:schemeClr val="tx1"/>
                </a:solidFill>
              </a:rPr>
              <a:t>har været drevet på strategisk niveau af </a:t>
            </a:r>
            <a:r>
              <a:rPr lang="da-DK" sz="900" i="1" noProof="0">
                <a:solidFill>
                  <a:schemeClr val="tx1"/>
                </a:solidFill>
              </a:rPr>
              <a:t>Digital, Data og Technology (</a:t>
            </a:r>
            <a:r>
              <a:rPr lang="da-DK" sz="900" i="1" noProof="0" err="1">
                <a:solidFill>
                  <a:schemeClr val="tx1"/>
                </a:solidFill>
              </a:rPr>
              <a:t>DDaT</a:t>
            </a:r>
            <a:r>
              <a:rPr lang="da-DK" sz="900" i="1" noProof="0">
                <a:solidFill>
                  <a:schemeClr val="tx1"/>
                </a:solidFill>
              </a:rPr>
              <a:t>)</a:t>
            </a:r>
            <a:r>
              <a:rPr lang="da-DK" sz="900" noProof="0">
                <a:solidFill>
                  <a:schemeClr val="tx1"/>
                </a:solidFill>
              </a:rPr>
              <a:t> og implementeret gennem </a:t>
            </a:r>
            <a:r>
              <a:rPr lang="da-DK" sz="900" i="1" noProof="0">
                <a:solidFill>
                  <a:schemeClr val="tx1"/>
                </a:solidFill>
              </a:rPr>
              <a:t>Migration and </a:t>
            </a:r>
            <a:r>
              <a:rPr lang="da-DK" sz="900" i="1" noProof="0" err="1">
                <a:solidFill>
                  <a:schemeClr val="tx1"/>
                </a:solidFill>
              </a:rPr>
              <a:t>Borders</a:t>
            </a:r>
            <a:r>
              <a:rPr lang="da-DK" sz="900" i="1" noProof="0">
                <a:solidFill>
                  <a:schemeClr val="tx1"/>
                </a:solidFill>
              </a:rPr>
              <a:t> Technology Portfolio (MBTP).</a:t>
            </a:r>
            <a:endParaRPr lang="da-DK" sz="900"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r>
              <a:rPr lang="da-DK" sz="900" b="1" noProof="0">
                <a:solidFill>
                  <a:srgbClr val="36465A"/>
                </a:solidFill>
                <a:sym typeface="Wingdings" panose="05000000000000000000" pitchFamily="2" charset="2"/>
              </a:rPr>
              <a:t>Målgruppe og påvirkning af it-brugere</a:t>
            </a:r>
          </a:p>
          <a:p>
            <a:r>
              <a:rPr lang="da-DK" sz="900" noProof="0">
                <a:solidFill>
                  <a:schemeClr val="tx1"/>
                </a:solidFill>
                <a:sym typeface="Wingdings" panose="05000000000000000000" pitchFamily="2" charset="2"/>
              </a:rPr>
              <a:t>Målgruppen for initiativerne omfatter primært interne medarbejder, der arbejder med sagsbehandling, grænsekontrol og administrative processer. Initiativerne betyder, at brugerne oplever systemer med højere hastighed, bedre tilgængelighed og øget sikkerhed. For It-medarbejdere i Home Office medfører ændringer nye arbejdsmetoder, herunder brug af </a:t>
            </a:r>
            <a:r>
              <a:rPr lang="da-DK" sz="900" noProof="0" err="1">
                <a:solidFill>
                  <a:schemeClr val="tx1"/>
                </a:solidFill>
                <a:sym typeface="Wingdings" panose="05000000000000000000" pitchFamily="2" charset="2"/>
              </a:rPr>
              <a:t>DevOps</a:t>
            </a:r>
            <a:r>
              <a:rPr lang="da-DK" sz="900" noProof="0">
                <a:solidFill>
                  <a:schemeClr val="tx1"/>
                </a:solidFill>
                <a:sym typeface="Wingdings" panose="05000000000000000000" pitchFamily="2" charset="2"/>
              </a:rPr>
              <a:t> og open source-værktøjer. Dette kræver opkvalificering af tilpasning til nye platforme.</a:t>
            </a:r>
            <a:endParaRPr lang="da-DK" sz="900" b="1" noProof="0">
              <a:solidFill>
                <a:schemeClr val="tx1"/>
              </a:solidFill>
            </a:endParaRPr>
          </a:p>
        </p:txBody>
      </p:sp>
      <p:sp>
        <p:nvSpPr>
          <p:cNvPr id="7" name="Rectangle 6">
            <a:extLst>
              <a:ext uri="{FF2B5EF4-FFF2-40B4-BE49-F238E27FC236}">
                <a16:creationId xmlns:a16="http://schemas.microsoft.com/office/drawing/2014/main" id="{8ADABAF8-FF77-2219-62B6-A8F5DF18B478}"/>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B90878E3-CFD7-4EAB-02E2-1E308F9136E3}"/>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04AF0FDB-2248-6542-4F90-BC7B728EDBE8}"/>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A50E3A9F-DB86-9D10-036A-8609276FD869}"/>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06555ADD-9EA7-0798-0224-8E01AA4675CF}"/>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 name="Freeform 29">
            <a:extLst>
              <a:ext uri="{FF2B5EF4-FFF2-40B4-BE49-F238E27FC236}">
                <a16:creationId xmlns:a16="http://schemas.microsoft.com/office/drawing/2014/main" id="{F0BF2BC5-D441-B7F8-0FED-3BBA31E4B045}"/>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21">
            <a:extLst>
              <a:ext uri="{FF2B5EF4-FFF2-40B4-BE49-F238E27FC236}">
                <a16:creationId xmlns:a16="http://schemas.microsoft.com/office/drawing/2014/main" id="{1F96EE9D-C6C3-DFB8-CC60-711F703983BF}"/>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32" name="Rectangle: Rounded Corners 131">
            <a:extLst>
              <a:ext uri="{FF2B5EF4-FFF2-40B4-BE49-F238E27FC236}">
                <a16:creationId xmlns:a16="http://schemas.microsoft.com/office/drawing/2014/main" id="{22A1B9B3-E18B-5CDA-EE5B-12CC5C084703}"/>
              </a:ext>
              <a:ext uri="{C183D7F6-B498-43B3-948B-1728B52AA6E4}">
                <adec:decorative xmlns:adec="http://schemas.microsoft.com/office/drawing/2017/decorative" val="1"/>
              </a:ext>
            </a:extLst>
          </p:cNvPr>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99" name="Freeform 9">
            <a:extLst>
              <a:ext uri="{FF2B5EF4-FFF2-40B4-BE49-F238E27FC236}">
                <a16:creationId xmlns:a16="http://schemas.microsoft.com/office/drawing/2014/main" id="{A2784C56-F236-832A-3E01-B91AEF30ECE8}"/>
              </a:ext>
              <a:ext uri="{C183D7F6-B498-43B3-948B-1728B52AA6E4}">
                <adec:decorative xmlns:adec="http://schemas.microsoft.com/office/drawing/2017/decorative" val="1"/>
              </a:ext>
            </a:extLst>
          </p:cNvPr>
          <p:cNvSpPr>
            <a:spLocks noEditPoints="1"/>
          </p:cNvSpPr>
          <p:nvPr/>
        </p:nvSpPr>
        <p:spPr bwMode="auto">
          <a:xfrm>
            <a:off x="9677024" y="2107062"/>
            <a:ext cx="383113" cy="368290"/>
          </a:xfrm>
          <a:custGeom>
            <a:avLst/>
            <a:gdLst>
              <a:gd name="T0" fmla="*/ 168 w 208"/>
              <a:gd name="T1" fmla="*/ 56 h 200"/>
              <a:gd name="T2" fmla="*/ 56 w 208"/>
              <a:gd name="T3" fmla="*/ 56 h 200"/>
              <a:gd name="T4" fmla="*/ 112 w 208"/>
              <a:gd name="T5" fmla="*/ 8 h 200"/>
              <a:gd name="T6" fmla="*/ 112 w 208"/>
              <a:gd name="T7" fmla="*/ 104 h 200"/>
              <a:gd name="T8" fmla="*/ 112 w 208"/>
              <a:gd name="T9" fmla="*/ 8 h 200"/>
              <a:gd name="T10" fmla="*/ 24 w 208"/>
              <a:gd name="T11" fmla="*/ 168 h 200"/>
              <a:gd name="T12" fmla="*/ 24 w 208"/>
              <a:gd name="T13" fmla="*/ 184 h 200"/>
              <a:gd name="T14" fmla="*/ 207 w 208"/>
              <a:gd name="T15" fmla="*/ 117 h 200"/>
              <a:gd name="T16" fmla="*/ 190 w 208"/>
              <a:gd name="T17" fmla="*/ 108 h 200"/>
              <a:gd name="T18" fmla="*/ 170 w 208"/>
              <a:gd name="T19" fmla="*/ 108 h 200"/>
              <a:gd name="T20" fmla="*/ 150 w 208"/>
              <a:gd name="T21" fmla="*/ 108 h 200"/>
              <a:gd name="T22" fmla="*/ 130 w 208"/>
              <a:gd name="T23" fmla="*/ 120 h 200"/>
              <a:gd name="T24" fmla="*/ 61 w 208"/>
              <a:gd name="T25" fmla="*/ 130 h 200"/>
              <a:gd name="T26" fmla="*/ 48 w 208"/>
              <a:gd name="T27" fmla="*/ 140 h 200"/>
              <a:gd name="T28" fmla="*/ 47 w 208"/>
              <a:gd name="T29" fmla="*/ 129 h 200"/>
              <a:gd name="T30" fmla="*/ 4 w 208"/>
              <a:gd name="T31" fmla="*/ 128 h 200"/>
              <a:gd name="T32" fmla="*/ 4 w 208"/>
              <a:gd name="T33" fmla="*/ 136 h 200"/>
              <a:gd name="T34" fmla="*/ 40 w 208"/>
              <a:gd name="T35" fmla="*/ 192 h 200"/>
              <a:gd name="T36" fmla="*/ 0 w 208"/>
              <a:gd name="T37" fmla="*/ 196 h 200"/>
              <a:gd name="T38" fmla="*/ 44 w 208"/>
              <a:gd name="T39" fmla="*/ 200 h 200"/>
              <a:gd name="T40" fmla="*/ 48 w 208"/>
              <a:gd name="T41" fmla="*/ 196 h 200"/>
              <a:gd name="T42" fmla="*/ 96 w 208"/>
              <a:gd name="T43" fmla="*/ 192 h 200"/>
              <a:gd name="T44" fmla="*/ 153 w 208"/>
              <a:gd name="T45" fmla="*/ 176 h 200"/>
              <a:gd name="T46" fmla="*/ 207 w 208"/>
              <a:gd name="T47" fmla="*/ 123 h 200"/>
              <a:gd name="T48" fmla="*/ 207 w 208"/>
              <a:gd name="T49" fmla="*/ 117 h 200"/>
              <a:gd name="T50" fmla="*/ 150 w 208"/>
              <a:gd name="T51" fmla="*/ 116 h 200"/>
              <a:gd name="T52" fmla="*/ 140 w 208"/>
              <a:gd name="T53" fmla="*/ 130 h 200"/>
              <a:gd name="T54" fmla="*/ 140 w 208"/>
              <a:gd name="T55" fmla="*/ 124 h 200"/>
              <a:gd name="T56" fmla="*/ 143 w 208"/>
              <a:gd name="T57" fmla="*/ 119 h 200"/>
              <a:gd name="T58" fmla="*/ 170 w 208"/>
              <a:gd name="T59" fmla="*/ 116 h 200"/>
              <a:gd name="T60" fmla="*/ 146 w 208"/>
              <a:gd name="T61" fmla="*/ 144 h 200"/>
              <a:gd name="T62" fmla="*/ 163 w 208"/>
              <a:gd name="T63" fmla="*/ 119 h 200"/>
              <a:gd name="T64" fmla="*/ 95 w 208"/>
              <a:gd name="T65" fmla="*/ 184 h 200"/>
              <a:gd name="T66" fmla="*/ 48 w 208"/>
              <a:gd name="T67" fmla="*/ 148 h 200"/>
              <a:gd name="T68" fmla="*/ 66 w 208"/>
              <a:gd name="T69" fmla="*/ 135 h 200"/>
              <a:gd name="T70" fmla="*/ 132 w 208"/>
              <a:gd name="T71" fmla="*/ 128 h 200"/>
              <a:gd name="T72" fmla="*/ 120 w 208"/>
              <a:gd name="T73" fmla="*/ 140 h 200"/>
              <a:gd name="T74" fmla="*/ 92 w 208"/>
              <a:gd name="T75" fmla="*/ 146 h 200"/>
              <a:gd name="T76" fmla="*/ 148 w 208"/>
              <a:gd name="T77" fmla="*/ 152 h 200"/>
              <a:gd name="T78" fmla="*/ 183 w 208"/>
              <a:gd name="T79" fmla="*/ 119 h 200"/>
              <a:gd name="T80" fmla="*/ 197 w 208"/>
              <a:gd name="T81" fmla="*/ 119 h 200"/>
              <a:gd name="T82" fmla="*/ 150 w 208"/>
              <a:gd name="T83" fmla="*/ 168 h 200"/>
              <a:gd name="T84" fmla="*/ 116 w 208"/>
              <a:gd name="T85" fmla="*/ 60 h 200"/>
              <a:gd name="T86" fmla="*/ 116 w 208"/>
              <a:gd name="T87" fmla="*/ 76 h 200"/>
              <a:gd name="T88" fmla="*/ 92 w 208"/>
              <a:gd name="T89" fmla="*/ 80 h 200"/>
              <a:gd name="T90" fmla="*/ 108 w 208"/>
              <a:gd name="T91" fmla="*/ 84 h 200"/>
              <a:gd name="T92" fmla="*/ 112 w 208"/>
              <a:gd name="T93" fmla="*/ 96 h 200"/>
              <a:gd name="T94" fmla="*/ 116 w 208"/>
              <a:gd name="T95" fmla="*/ 84 h 200"/>
              <a:gd name="T96" fmla="*/ 116 w 208"/>
              <a:gd name="T97" fmla="*/ 52 h 200"/>
              <a:gd name="T98" fmla="*/ 100 w 208"/>
              <a:gd name="T99" fmla="*/ 44 h 200"/>
              <a:gd name="T100" fmla="*/ 128 w 208"/>
              <a:gd name="T101" fmla="*/ 36 h 200"/>
              <a:gd name="T102" fmla="*/ 128 w 208"/>
              <a:gd name="T103" fmla="*/ 28 h 200"/>
              <a:gd name="T104" fmla="*/ 116 w 208"/>
              <a:gd name="T105" fmla="*/ 28 h 200"/>
              <a:gd name="T106" fmla="*/ 112 w 208"/>
              <a:gd name="T107" fmla="*/ 16 h 200"/>
              <a:gd name="T108" fmla="*/ 108 w 208"/>
              <a:gd name="T109" fmla="*/ 28 h 200"/>
              <a:gd name="T110" fmla="*/ 92 w 208"/>
              <a:gd name="T111" fmla="*/ 44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208" h="200">
                <a:moveTo>
                  <a:pt x="112" y="112"/>
                </a:moveTo>
                <a:cubicBezTo>
                  <a:pt x="143" y="112"/>
                  <a:pt x="168" y="87"/>
                  <a:pt x="168" y="56"/>
                </a:cubicBezTo>
                <a:cubicBezTo>
                  <a:pt x="168" y="25"/>
                  <a:pt x="143" y="0"/>
                  <a:pt x="112" y="0"/>
                </a:cubicBezTo>
                <a:cubicBezTo>
                  <a:pt x="81" y="0"/>
                  <a:pt x="56" y="25"/>
                  <a:pt x="56" y="56"/>
                </a:cubicBezTo>
                <a:cubicBezTo>
                  <a:pt x="56" y="87"/>
                  <a:pt x="81" y="112"/>
                  <a:pt x="112" y="112"/>
                </a:cubicBezTo>
                <a:close/>
                <a:moveTo>
                  <a:pt x="112" y="8"/>
                </a:moveTo>
                <a:cubicBezTo>
                  <a:pt x="139" y="8"/>
                  <a:pt x="160" y="29"/>
                  <a:pt x="160" y="56"/>
                </a:cubicBezTo>
                <a:cubicBezTo>
                  <a:pt x="160" y="83"/>
                  <a:pt x="139" y="104"/>
                  <a:pt x="112" y="104"/>
                </a:cubicBezTo>
                <a:cubicBezTo>
                  <a:pt x="85" y="104"/>
                  <a:pt x="64" y="83"/>
                  <a:pt x="64" y="56"/>
                </a:cubicBezTo>
                <a:cubicBezTo>
                  <a:pt x="64" y="29"/>
                  <a:pt x="85" y="8"/>
                  <a:pt x="112" y="8"/>
                </a:cubicBezTo>
                <a:close/>
                <a:moveTo>
                  <a:pt x="32" y="176"/>
                </a:moveTo>
                <a:cubicBezTo>
                  <a:pt x="32" y="172"/>
                  <a:pt x="28" y="168"/>
                  <a:pt x="24" y="168"/>
                </a:cubicBezTo>
                <a:cubicBezTo>
                  <a:pt x="20" y="168"/>
                  <a:pt x="16" y="172"/>
                  <a:pt x="16" y="176"/>
                </a:cubicBezTo>
                <a:cubicBezTo>
                  <a:pt x="16" y="180"/>
                  <a:pt x="20" y="184"/>
                  <a:pt x="24" y="184"/>
                </a:cubicBezTo>
                <a:cubicBezTo>
                  <a:pt x="28" y="184"/>
                  <a:pt x="32" y="180"/>
                  <a:pt x="32" y="176"/>
                </a:cubicBezTo>
                <a:close/>
                <a:moveTo>
                  <a:pt x="207" y="117"/>
                </a:moveTo>
                <a:cubicBezTo>
                  <a:pt x="203" y="113"/>
                  <a:pt x="203" y="113"/>
                  <a:pt x="203" y="113"/>
                </a:cubicBezTo>
                <a:cubicBezTo>
                  <a:pt x="199" y="110"/>
                  <a:pt x="195" y="108"/>
                  <a:pt x="190" y="108"/>
                </a:cubicBezTo>
                <a:cubicBezTo>
                  <a:pt x="187" y="108"/>
                  <a:pt x="183" y="109"/>
                  <a:pt x="180" y="111"/>
                </a:cubicBezTo>
                <a:cubicBezTo>
                  <a:pt x="177" y="109"/>
                  <a:pt x="173" y="108"/>
                  <a:pt x="170" y="108"/>
                </a:cubicBezTo>
                <a:cubicBezTo>
                  <a:pt x="167" y="108"/>
                  <a:pt x="163" y="109"/>
                  <a:pt x="160" y="111"/>
                </a:cubicBezTo>
                <a:cubicBezTo>
                  <a:pt x="157" y="109"/>
                  <a:pt x="153" y="108"/>
                  <a:pt x="150" y="108"/>
                </a:cubicBezTo>
                <a:cubicBezTo>
                  <a:pt x="145" y="108"/>
                  <a:pt x="141" y="110"/>
                  <a:pt x="137" y="113"/>
                </a:cubicBezTo>
                <a:cubicBezTo>
                  <a:pt x="130" y="120"/>
                  <a:pt x="130" y="120"/>
                  <a:pt x="130" y="120"/>
                </a:cubicBezTo>
                <a:cubicBezTo>
                  <a:pt x="84" y="120"/>
                  <a:pt x="84" y="120"/>
                  <a:pt x="84" y="120"/>
                </a:cubicBezTo>
                <a:cubicBezTo>
                  <a:pt x="75" y="120"/>
                  <a:pt x="67" y="123"/>
                  <a:pt x="61" y="130"/>
                </a:cubicBezTo>
                <a:cubicBezTo>
                  <a:pt x="52" y="138"/>
                  <a:pt x="52" y="138"/>
                  <a:pt x="52" y="138"/>
                </a:cubicBezTo>
                <a:cubicBezTo>
                  <a:pt x="51" y="139"/>
                  <a:pt x="49" y="140"/>
                  <a:pt x="48" y="140"/>
                </a:cubicBezTo>
                <a:cubicBezTo>
                  <a:pt x="48" y="132"/>
                  <a:pt x="48" y="132"/>
                  <a:pt x="48" y="132"/>
                </a:cubicBezTo>
                <a:cubicBezTo>
                  <a:pt x="48" y="131"/>
                  <a:pt x="48" y="130"/>
                  <a:pt x="47" y="129"/>
                </a:cubicBezTo>
                <a:cubicBezTo>
                  <a:pt x="46" y="128"/>
                  <a:pt x="45" y="128"/>
                  <a:pt x="44" y="128"/>
                </a:cubicBezTo>
                <a:cubicBezTo>
                  <a:pt x="4" y="128"/>
                  <a:pt x="4" y="128"/>
                  <a:pt x="4" y="128"/>
                </a:cubicBezTo>
                <a:cubicBezTo>
                  <a:pt x="2" y="128"/>
                  <a:pt x="0" y="130"/>
                  <a:pt x="0" y="132"/>
                </a:cubicBezTo>
                <a:cubicBezTo>
                  <a:pt x="0" y="134"/>
                  <a:pt x="2" y="136"/>
                  <a:pt x="4" y="136"/>
                </a:cubicBezTo>
                <a:cubicBezTo>
                  <a:pt x="40" y="136"/>
                  <a:pt x="40" y="136"/>
                  <a:pt x="40" y="136"/>
                </a:cubicBezTo>
                <a:cubicBezTo>
                  <a:pt x="40" y="192"/>
                  <a:pt x="40" y="192"/>
                  <a:pt x="40" y="192"/>
                </a:cubicBezTo>
                <a:cubicBezTo>
                  <a:pt x="4" y="192"/>
                  <a:pt x="4" y="192"/>
                  <a:pt x="4" y="192"/>
                </a:cubicBezTo>
                <a:cubicBezTo>
                  <a:pt x="2" y="192"/>
                  <a:pt x="0" y="194"/>
                  <a:pt x="0" y="196"/>
                </a:cubicBezTo>
                <a:cubicBezTo>
                  <a:pt x="0" y="198"/>
                  <a:pt x="2" y="200"/>
                  <a:pt x="4" y="200"/>
                </a:cubicBezTo>
                <a:cubicBezTo>
                  <a:pt x="44" y="200"/>
                  <a:pt x="44" y="200"/>
                  <a:pt x="44" y="200"/>
                </a:cubicBezTo>
                <a:cubicBezTo>
                  <a:pt x="45" y="200"/>
                  <a:pt x="46" y="200"/>
                  <a:pt x="47" y="199"/>
                </a:cubicBezTo>
                <a:cubicBezTo>
                  <a:pt x="48" y="198"/>
                  <a:pt x="48" y="197"/>
                  <a:pt x="48" y="196"/>
                </a:cubicBezTo>
                <a:cubicBezTo>
                  <a:pt x="48" y="192"/>
                  <a:pt x="48" y="192"/>
                  <a:pt x="48" y="192"/>
                </a:cubicBezTo>
                <a:cubicBezTo>
                  <a:pt x="96" y="192"/>
                  <a:pt x="96" y="192"/>
                  <a:pt x="96" y="192"/>
                </a:cubicBezTo>
                <a:cubicBezTo>
                  <a:pt x="97" y="192"/>
                  <a:pt x="97" y="192"/>
                  <a:pt x="97" y="192"/>
                </a:cubicBezTo>
                <a:cubicBezTo>
                  <a:pt x="153" y="176"/>
                  <a:pt x="153" y="176"/>
                  <a:pt x="153" y="176"/>
                </a:cubicBezTo>
                <a:cubicBezTo>
                  <a:pt x="154" y="176"/>
                  <a:pt x="154" y="175"/>
                  <a:pt x="155" y="175"/>
                </a:cubicBezTo>
                <a:cubicBezTo>
                  <a:pt x="207" y="123"/>
                  <a:pt x="207" y="123"/>
                  <a:pt x="207" y="123"/>
                </a:cubicBezTo>
                <a:cubicBezTo>
                  <a:pt x="208" y="122"/>
                  <a:pt x="208" y="121"/>
                  <a:pt x="208" y="120"/>
                </a:cubicBezTo>
                <a:cubicBezTo>
                  <a:pt x="208" y="119"/>
                  <a:pt x="208" y="118"/>
                  <a:pt x="207" y="117"/>
                </a:cubicBezTo>
                <a:close/>
                <a:moveTo>
                  <a:pt x="143" y="119"/>
                </a:moveTo>
                <a:cubicBezTo>
                  <a:pt x="145" y="117"/>
                  <a:pt x="147" y="116"/>
                  <a:pt x="150" y="116"/>
                </a:cubicBezTo>
                <a:cubicBezTo>
                  <a:pt x="151" y="116"/>
                  <a:pt x="153" y="116"/>
                  <a:pt x="154" y="117"/>
                </a:cubicBezTo>
                <a:cubicBezTo>
                  <a:pt x="140" y="130"/>
                  <a:pt x="140" y="130"/>
                  <a:pt x="140" y="130"/>
                </a:cubicBezTo>
                <a:cubicBezTo>
                  <a:pt x="140" y="130"/>
                  <a:pt x="140" y="129"/>
                  <a:pt x="140" y="128"/>
                </a:cubicBezTo>
                <a:cubicBezTo>
                  <a:pt x="140" y="124"/>
                  <a:pt x="140" y="124"/>
                  <a:pt x="140" y="124"/>
                </a:cubicBezTo>
                <a:cubicBezTo>
                  <a:pt x="140" y="123"/>
                  <a:pt x="140" y="123"/>
                  <a:pt x="140" y="122"/>
                </a:cubicBezTo>
                <a:lnTo>
                  <a:pt x="143" y="119"/>
                </a:lnTo>
                <a:close/>
                <a:moveTo>
                  <a:pt x="163" y="119"/>
                </a:moveTo>
                <a:cubicBezTo>
                  <a:pt x="165" y="117"/>
                  <a:pt x="167" y="116"/>
                  <a:pt x="170" y="116"/>
                </a:cubicBezTo>
                <a:cubicBezTo>
                  <a:pt x="171" y="116"/>
                  <a:pt x="173" y="116"/>
                  <a:pt x="174" y="117"/>
                </a:cubicBezTo>
                <a:cubicBezTo>
                  <a:pt x="146" y="144"/>
                  <a:pt x="146" y="144"/>
                  <a:pt x="146" y="144"/>
                </a:cubicBezTo>
                <a:cubicBezTo>
                  <a:pt x="138" y="144"/>
                  <a:pt x="138" y="144"/>
                  <a:pt x="138" y="144"/>
                </a:cubicBezTo>
                <a:lnTo>
                  <a:pt x="163" y="119"/>
                </a:lnTo>
                <a:close/>
                <a:moveTo>
                  <a:pt x="150" y="168"/>
                </a:moveTo>
                <a:cubicBezTo>
                  <a:pt x="95" y="184"/>
                  <a:pt x="95" y="184"/>
                  <a:pt x="95" y="184"/>
                </a:cubicBezTo>
                <a:cubicBezTo>
                  <a:pt x="48" y="184"/>
                  <a:pt x="48" y="184"/>
                  <a:pt x="48" y="184"/>
                </a:cubicBezTo>
                <a:cubicBezTo>
                  <a:pt x="48" y="148"/>
                  <a:pt x="48" y="148"/>
                  <a:pt x="48" y="148"/>
                </a:cubicBezTo>
                <a:cubicBezTo>
                  <a:pt x="52" y="148"/>
                  <a:pt x="55" y="147"/>
                  <a:pt x="58" y="144"/>
                </a:cubicBezTo>
                <a:cubicBezTo>
                  <a:pt x="66" y="135"/>
                  <a:pt x="66" y="135"/>
                  <a:pt x="66" y="135"/>
                </a:cubicBezTo>
                <a:cubicBezTo>
                  <a:pt x="71" y="131"/>
                  <a:pt x="77" y="128"/>
                  <a:pt x="84" y="128"/>
                </a:cubicBezTo>
                <a:cubicBezTo>
                  <a:pt x="132" y="128"/>
                  <a:pt x="132" y="128"/>
                  <a:pt x="132" y="128"/>
                </a:cubicBezTo>
                <a:cubicBezTo>
                  <a:pt x="132" y="128"/>
                  <a:pt x="132" y="128"/>
                  <a:pt x="132" y="128"/>
                </a:cubicBezTo>
                <a:cubicBezTo>
                  <a:pt x="132" y="135"/>
                  <a:pt x="127" y="140"/>
                  <a:pt x="120" y="140"/>
                </a:cubicBezTo>
                <a:cubicBezTo>
                  <a:pt x="98" y="140"/>
                  <a:pt x="98" y="140"/>
                  <a:pt x="98" y="140"/>
                </a:cubicBezTo>
                <a:cubicBezTo>
                  <a:pt x="95" y="140"/>
                  <a:pt x="92" y="143"/>
                  <a:pt x="92" y="146"/>
                </a:cubicBezTo>
                <a:cubicBezTo>
                  <a:pt x="92" y="149"/>
                  <a:pt x="95" y="152"/>
                  <a:pt x="98" y="152"/>
                </a:cubicBezTo>
                <a:cubicBezTo>
                  <a:pt x="148" y="152"/>
                  <a:pt x="148" y="152"/>
                  <a:pt x="148" y="152"/>
                </a:cubicBezTo>
                <a:cubicBezTo>
                  <a:pt x="149" y="152"/>
                  <a:pt x="150" y="152"/>
                  <a:pt x="151" y="151"/>
                </a:cubicBezTo>
                <a:cubicBezTo>
                  <a:pt x="183" y="119"/>
                  <a:pt x="183" y="119"/>
                  <a:pt x="183" y="119"/>
                </a:cubicBezTo>
                <a:cubicBezTo>
                  <a:pt x="185" y="117"/>
                  <a:pt x="187" y="116"/>
                  <a:pt x="190" y="116"/>
                </a:cubicBezTo>
                <a:cubicBezTo>
                  <a:pt x="193" y="116"/>
                  <a:pt x="195" y="117"/>
                  <a:pt x="197" y="119"/>
                </a:cubicBezTo>
                <a:cubicBezTo>
                  <a:pt x="198" y="120"/>
                  <a:pt x="198" y="120"/>
                  <a:pt x="198" y="120"/>
                </a:cubicBezTo>
                <a:lnTo>
                  <a:pt x="150" y="168"/>
                </a:lnTo>
                <a:close/>
                <a:moveTo>
                  <a:pt x="108" y="60"/>
                </a:moveTo>
                <a:cubicBezTo>
                  <a:pt x="116" y="60"/>
                  <a:pt x="116" y="60"/>
                  <a:pt x="116" y="60"/>
                </a:cubicBezTo>
                <a:cubicBezTo>
                  <a:pt x="120" y="60"/>
                  <a:pt x="124" y="64"/>
                  <a:pt x="124" y="68"/>
                </a:cubicBezTo>
                <a:cubicBezTo>
                  <a:pt x="124" y="72"/>
                  <a:pt x="120" y="76"/>
                  <a:pt x="116" y="76"/>
                </a:cubicBezTo>
                <a:cubicBezTo>
                  <a:pt x="96" y="76"/>
                  <a:pt x="96" y="76"/>
                  <a:pt x="96" y="76"/>
                </a:cubicBezTo>
                <a:cubicBezTo>
                  <a:pt x="94" y="76"/>
                  <a:pt x="92" y="78"/>
                  <a:pt x="92" y="80"/>
                </a:cubicBezTo>
                <a:cubicBezTo>
                  <a:pt x="92" y="82"/>
                  <a:pt x="94" y="84"/>
                  <a:pt x="96" y="84"/>
                </a:cubicBezTo>
                <a:cubicBezTo>
                  <a:pt x="108" y="84"/>
                  <a:pt x="108" y="84"/>
                  <a:pt x="108" y="84"/>
                </a:cubicBezTo>
                <a:cubicBezTo>
                  <a:pt x="108" y="92"/>
                  <a:pt x="108" y="92"/>
                  <a:pt x="108" y="92"/>
                </a:cubicBezTo>
                <a:cubicBezTo>
                  <a:pt x="108" y="94"/>
                  <a:pt x="110" y="96"/>
                  <a:pt x="112" y="96"/>
                </a:cubicBezTo>
                <a:cubicBezTo>
                  <a:pt x="114" y="96"/>
                  <a:pt x="116" y="94"/>
                  <a:pt x="116" y="92"/>
                </a:cubicBezTo>
                <a:cubicBezTo>
                  <a:pt x="116" y="84"/>
                  <a:pt x="116" y="84"/>
                  <a:pt x="116" y="84"/>
                </a:cubicBezTo>
                <a:cubicBezTo>
                  <a:pt x="125" y="84"/>
                  <a:pt x="132" y="77"/>
                  <a:pt x="132" y="68"/>
                </a:cubicBezTo>
                <a:cubicBezTo>
                  <a:pt x="132" y="59"/>
                  <a:pt x="125" y="52"/>
                  <a:pt x="116" y="52"/>
                </a:cubicBezTo>
                <a:cubicBezTo>
                  <a:pt x="108" y="52"/>
                  <a:pt x="108" y="52"/>
                  <a:pt x="108" y="52"/>
                </a:cubicBezTo>
                <a:cubicBezTo>
                  <a:pt x="104" y="52"/>
                  <a:pt x="100" y="48"/>
                  <a:pt x="100" y="44"/>
                </a:cubicBezTo>
                <a:cubicBezTo>
                  <a:pt x="100" y="40"/>
                  <a:pt x="104" y="36"/>
                  <a:pt x="108" y="36"/>
                </a:cubicBezTo>
                <a:cubicBezTo>
                  <a:pt x="128" y="36"/>
                  <a:pt x="128" y="36"/>
                  <a:pt x="128" y="36"/>
                </a:cubicBezTo>
                <a:cubicBezTo>
                  <a:pt x="130" y="36"/>
                  <a:pt x="132" y="34"/>
                  <a:pt x="132" y="32"/>
                </a:cubicBezTo>
                <a:cubicBezTo>
                  <a:pt x="132" y="30"/>
                  <a:pt x="130" y="28"/>
                  <a:pt x="128" y="28"/>
                </a:cubicBezTo>
                <a:cubicBezTo>
                  <a:pt x="128" y="28"/>
                  <a:pt x="128" y="28"/>
                  <a:pt x="128" y="28"/>
                </a:cubicBezTo>
                <a:cubicBezTo>
                  <a:pt x="116" y="28"/>
                  <a:pt x="116" y="28"/>
                  <a:pt x="116" y="28"/>
                </a:cubicBezTo>
                <a:cubicBezTo>
                  <a:pt x="116" y="20"/>
                  <a:pt x="116" y="20"/>
                  <a:pt x="116" y="20"/>
                </a:cubicBezTo>
                <a:cubicBezTo>
                  <a:pt x="116" y="18"/>
                  <a:pt x="114" y="16"/>
                  <a:pt x="112" y="16"/>
                </a:cubicBezTo>
                <a:cubicBezTo>
                  <a:pt x="110" y="16"/>
                  <a:pt x="108" y="18"/>
                  <a:pt x="108" y="20"/>
                </a:cubicBezTo>
                <a:cubicBezTo>
                  <a:pt x="108" y="28"/>
                  <a:pt x="108" y="28"/>
                  <a:pt x="108" y="28"/>
                </a:cubicBezTo>
                <a:cubicBezTo>
                  <a:pt x="108" y="28"/>
                  <a:pt x="108" y="28"/>
                  <a:pt x="108" y="28"/>
                </a:cubicBezTo>
                <a:cubicBezTo>
                  <a:pt x="99" y="28"/>
                  <a:pt x="92" y="35"/>
                  <a:pt x="92" y="44"/>
                </a:cubicBezTo>
                <a:cubicBezTo>
                  <a:pt x="92" y="53"/>
                  <a:pt x="99" y="60"/>
                  <a:pt x="108" y="60"/>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205" name="Freeform 17">
            <a:extLst>
              <a:ext uri="{FF2B5EF4-FFF2-40B4-BE49-F238E27FC236}">
                <a16:creationId xmlns:a16="http://schemas.microsoft.com/office/drawing/2014/main" id="{2B994B62-B4ED-CAF0-2D80-9AA229BA95A8}"/>
              </a:ext>
              <a:ext uri="{C183D7F6-B498-43B3-948B-1728B52AA6E4}">
                <adec:decorative xmlns:adec="http://schemas.microsoft.com/office/drawing/2017/decorative" val="1"/>
              </a:ext>
            </a:extLst>
          </p:cNvPr>
          <p:cNvSpPr>
            <a:spLocks noEditPoints="1"/>
          </p:cNvSpPr>
          <p:nvPr/>
        </p:nvSpPr>
        <p:spPr bwMode="auto">
          <a:xfrm>
            <a:off x="9689044" y="2748929"/>
            <a:ext cx="359072" cy="359072"/>
          </a:xfrm>
          <a:custGeom>
            <a:avLst/>
            <a:gdLst>
              <a:gd name="T0" fmla="*/ 204 w 208"/>
              <a:gd name="T1" fmla="*/ 80 h 208"/>
              <a:gd name="T2" fmla="*/ 163 w 208"/>
              <a:gd name="T3" fmla="*/ 73 h 208"/>
              <a:gd name="T4" fmla="*/ 132 w 208"/>
              <a:gd name="T5" fmla="*/ 72 h 208"/>
              <a:gd name="T6" fmla="*/ 128 w 208"/>
              <a:gd name="T7" fmla="*/ 76 h 208"/>
              <a:gd name="T8" fmla="*/ 129 w 208"/>
              <a:gd name="T9" fmla="*/ 127 h 208"/>
              <a:gd name="T10" fmla="*/ 164 w 208"/>
              <a:gd name="T11" fmla="*/ 128 h 208"/>
              <a:gd name="T12" fmla="*/ 156 w 208"/>
              <a:gd name="T13" fmla="*/ 144 h 208"/>
              <a:gd name="T14" fmla="*/ 108 w 208"/>
              <a:gd name="T15" fmla="*/ 56 h 208"/>
              <a:gd name="T16" fmla="*/ 143 w 208"/>
              <a:gd name="T17" fmla="*/ 55 h 208"/>
              <a:gd name="T18" fmla="*/ 144 w 208"/>
              <a:gd name="T19" fmla="*/ 12 h 208"/>
              <a:gd name="T20" fmla="*/ 140 w 208"/>
              <a:gd name="T21" fmla="*/ 8 h 208"/>
              <a:gd name="T22" fmla="*/ 99 w 208"/>
              <a:gd name="T23" fmla="*/ 1 h 208"/>
              <a:gd name="T24" fmla="*/ 68 w 208"/>
              <a:gd name="T25" fmla="*/ 0 h 208"/>
              <a:gd name="T26" fmla="*/ 64 w 208"/>
              <a:gd name="T27" fmla="*/ 4 h 208"/>
              <a:gd name="T28" fmla="*/ 65 w 208"/>
              <a:gd name="T29" fmla="*/ 55 h 208"/>
              <a:gd name="T30" fmla="*/ 100 w 208"/>
              <a:gd name="T31" fmla="*/ 56 h 208"/>
              <a:gd name="T32" fmla="*/ 52 w 208"/>
              <a:gd name="T33" fmla="*/ 144 h 208"/>
              <a:gd name="T34" fmla="*/ 44 w 208"/>
              <a:gd name="T35" fmla="*/ 128 h 208"/>
              <a:gd name="T36" fmla="*/ 79 w 208"/>
              <a:gd name="T37" fmla="*/ 127 h 208"/>
              <a:gd name="T38" fmla="*/ 80 w 208"/>
              <a:gd name="T39" fmla="*/ 84 h 208"/>
              <a:gd name="T40" fmla="*/ 76 w 208"/>
              <a:gd name="T41" fmla="*/ 80 h 208"/>
              <a:gd name="T42" fmla="*/ 35 w 208"/>
              <a:gd name="T43" fmla="*/ 73 h 208"/>
              <a:gd name="T44" fmla="*/ 4 w 208"/>
              <a:gd name="T45" fmla="*/ 72 h 208"/>
              <a:gd name="T46" fmla="*/ 0 w 208"/>
              <a:gd name="T47" fmla="*/ 76 h 208"/>
              <a:gd name="T48" fmla="*/ 1 w 208"/>
              <a:gd name="T49" fmla="*/ 127 h 208"/>
              <a:gd name="T50" fmla="*/ 36 w 208"/>
              <a:gd name="T51" fmla="*/ 128 h 208"/>
              <a:gd name="T52" fmla="*/ 52 w 208"/>
              <a:gd name="T53" fmla="*/ 152 h 208"/>
              <a:gd name="T54" fmla="*/ 100 w 208"/>
              <a:gd name="T55" fmla="*/ 168 h 208"/>
              <a:gd name="T56" fmla="*/ 44 w 208"/>
              <a:gd name="T57" fmla="*/ 184 h 208"/>
              <a:gd name="T58" fmla="*/ 44 w 208"/>
              <a:gd name="T59" fmla="*/ 192 h 208"/>
              <a:gd name="T60" fmla="*/ 104 w 208"/>
              <a:gd name="T61" fmla="*/ 208 h 208"/>
              <a:gd name="T62" fmla="*/ 164 w 208"/>
              <a:gd name="T63" fmla="*/ 192 h 208"/>
              <a:gd name="T64" fmla="*/ 164 w 208"/>
              <a:gd name="T65" fmla="*/ 184 h 208"/>
              <a:gd name="T66" fmla="*/ 108 w 208"/>
              <a:gd name="T67" fmla="*/ 168 h 208"/>
              <a:gd name="T68" fmla="*/ 156 w 208"/>
              <a:gd name="T69" fmla="*/ 152 h 208"/>
              <a:gd name="T70" fmla="*/ 172 w 208"/>
              <a:gd name="T71" fmla="*/ 128 h 208"/>
              <a:gd name="T72" fmla="*/ 207 w 208"/>
              <a:gd name="T73" fmla="*/ 127 h 208"/>
              <a:gd name="T74" fmla="*/ 208 w 208"/>
              <a:gd name="T75" fmla="*/ 84 h 208"/>
              <a:gd name="T76" fmla="*/ 72 w 208"/>
              <a:gd name="T77" fmla="*/ 48 h 208"/>
              <a:gd name="T78" fmla="*/ 94 w 208"/>
              <a:gd name="T79" fmla="*/ 8 h 208"/>
              <a:gd name="T80" fmla="*/ 104 w 208"/>
              <a:gd name="T81" fmla="*/ 16 h 208"/>
              <a:gd name="T82" fmla="*/ 136 w 208"/>
              <a:gd name="T83" fmla="*/ 48 h 208"/>
              <a:gd name="T84" fmla="*/ 8 w 208"/>
              <a:gd name="T85" fmla="*/ 80 h 208"/>
              <a:gd name="T86" fmla="*/ 37 w 208"/>
              <a:gd name="T87" fmla="*/ 87 h 208"/>
              <a:gd name="T88" fmla="*/ 72 w 208"/>
              <a:gd name="T89" fmla="*/ 88 h 208"/>
              <a:gd name="T90" fmla="*/ 8 w 208"/>
              <a:gd name="T91" fmla="*/ 120 h 208"/>
              <a:gd name="T92" fmla="*/ 116 w 208"/>
              <a:gd name="T93" fmla="*/ 188 h 208"/>
              <a:gd name="T94" fmla="*/ 92 w 208"/>
              <a:gd name="T95" fmla="*/ 188 h 208"/>
              <a:gd name="T96" fmla="*/ 92 w 208"/>
              <a:gd name="T97" fmla="*/ 188 h 208"/>
              <a:gd name="T98" fmla="*/ 116 w 208"/>
              <a:gd name="T99" fmla="*/ 188 h 208"/>
              <a:gd name="T100" fmla="*/ 136 w 208"/>
              <a:gd name="T101" fmla="*/ 80 h 208"/>
              <a:gd name="T102" fmla="*/ 165 w 208"/>
              <a:gd name="T103" fmla="*/ 87 h 208"/>
              <a:gd name="T104" fmla="*/ 200 w 208"/>
              <a:gd name="T105" fmla="*/ 88 h 208"/>
              <a:gd name="T106" fmla="*/ 136 w 208"/>
              <a:gd name="T107" fmla="*/ 12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208" h="208">
                <a:moveTo>
                  <a:pt x="207" y="81"/>
                </a:moveTo>
                <a:cubicBezTo>
                  <a:pt x="206" y="80"/>
                  <a:pt x="205" y="80"/>
                  <a:pt x="204" y="80"/>
                </a:cubicBezTo>
                <a:cubicBezTo>
                  <a:pt x="170" y="80"/>
                  <a:pt x="170" y="80"/>
                  <a:pt x="170" y="80"/>
                </a:cubicBezTo>
                <a:cubicBezTo>
                  <a:pt x="163" y="73"/>
                  <a:pt x="163" y="73"/>
                  <a:pt x="163" y="73"/>
                </a:cubicBezTo>
                <a:cubicBezTo>
                  <a:pt x="162" y="72"/>
                  <a:pt x="161" y="72"/>
                  <a:pt x="160" y="72"/>
                </a:cubicBezTo>
                <a:cubicBezTo>
                  <a:pt x="132" y="72"/>
                  <a:pt x="132" y="72"/>
                  <a:pt x="132" y="72"/>
                </a:cubicBezTo>
                <a:cubicBezTo>
                  <a:pt x="131" y="72"/>
                  <a:pt x="130" y="72"/>
                  <a:pt x="129" y="73"/>
                </a:cubicBezTo>
                <a:cubicBezTo>
                  <a:pt x="128" y="74"/>
                  <a:pt x="128" y="75"/>
                  <a:pt x="128" y="76"/>
                </a:cubicBezTo>
                <a:cubicBezTo>
                  <a:pt x="128" y="124"/>
                  <a:pt x="128" y="124"/>
                  <a:pt x="128" y="124"/>
                </a:cubicBezTo>
                <a:cubicBezTo>
                  <a:pt x="128" y="125"/>
                  <a:pt x="128" y="126"/>
                  <a:pt x="129" y="127"/>
                </a:cubicBezTo>
                <a:cubicBezTo>
                  <a:pt x="130" y="128"/>
                  <a:pt x="131" y="128"/>
                  <a:pt x="132" y="128"/>
                </a:cubicBezTo>
                <a:cubicBezTo>
                  <a:pt x="164" y="128"/>
                  <a:pt x="164" y="128"/>
                  <a:pt x="164" y="128"/>
                </a:cubicBezTo>
                <a:cubicBezTo>
                  <a:pt x="164" y="136"/>
                  <a:pt x="164" y="136"/>
                  <a:pt x="164" y="136"/>
                </a:cubicBezTo>
                <a:cubicBezTo>
                  <a:pt x="164" y="140"/>
                  <a:pt x="160" y="144"/>
                  <a:pt x="156" y="144"/>
                </a:cubicBezTo>
                <a:cubicBezTo>
                  <a:pt x="108" y="144"/>
                  <a:pt x="108" y="144"/>
                  <a:pt x="108" y="144"/>
                </a:cubicBezTo>
                <a:cubicBezTo>
                  <a:pt x="108" y="56"/>
                  <a:pt x="108" y="56"/>
                  <a:pt x="108" y="56"/>
                </a:cubicBezTo>
                <a:cubicBezTo>
                  <a:pt x="140" y="56"/>
                  <a:pt x="140" y="56"/>
                  <a:pt x="140" y="56"/>
                </a:cubicBezTo>
                <a:cubicBezTo>
                  <a:pt x="141" y="56"/>
                  <a:pt x="142" y="56"/>
                  <a:pt x="143" y="55"/>
                </a:cubicBezTo>
                <a:cubicBezTo>
                  <a:pt x="144" y="54"/>
                  <a:pt x="144" y="53"/>
                  <a:pt x="144" y="52"/>
                </a:cubicBezTo>
                <a:cubicBezTo>
                  <a:pt x="144" y="12"/>
                  <a:pt x="144" y="12"/>
                  <a:pt x="144" y="12"/>
                </a:cubicBezTo>
                <a:cubicBezTo>
                  <a:pt x="144" y="11"/>
                  <a:pt x="144" y="10"/>
                  <a:pt x="143" y="9"/>
                </a:cubicBezTo>
                <a:cubicBezTo>
                  <a:pt x="142" y="8"/>
                  <a:pt x="141" y="8"/>
                  <a:pt x="140" y="8"/>
                </a:cubicBezTo>
                <a:cubicBezTo>
                  <a:pt x="106" y="8"/>
                  <a:pt x="106" y="8"/>
                  <a:pt x="106" y="8"/>
                </a:cubicBezTo>
                <a:cubicBezTo>
                  <a:pt x="99" y="1"/>
                  <a:pt x="99" y="1"/>
                  <a:pt x="99" y="1"/>
                </a:cubicBezTo>
                <a:cubicBezTo>
                  <a:pt x="98" y="0"/>
                  <a:pt x="97" y="0"/>
                  <a:pt x="96" y="0"/>
                </a:cubicBezTo>
                <a:cubicBezTo>
                  <a:pt x="68" y="0"/>
                  <a:pt x="68" y="0"/>
                  <a:pt x="68" y="0"/>
                </a:cubicBezTo>
                <a:cubicBezTo>
                  <a:pt x="67" y="0"/>
                  <a:pt x="66" y="0"/>
                  <a:pt x="65" y="1"/>
                </a:cubicBezTo>
                <a:cubicBezTo>
                  <a:pt x="64" y="2"/>
                  <a:pt x="64" y="3"/>
                  <a:pt x="64" y="4"/>
                </a:cubicBezTo>
                <a:cubicBezTo>
                  <a:pt x="64" y="52"/>
                  <a:pt x="64" y="52"/>
                  <a:pt x="64" y="52"/>
                </a:cubicBezTo>
                <a:cubicBezTo>
                  <a:pt x="64" y="53"/>
                  <a:pt x="64" y="54"/>
                  <a:pt x="65" y="55"/>
                </a:cubicBezTo>
                <a:cubicBezTo>
                  <a:pt x="66" y="56"/>
                  <a:pt x="67" y="56"/>
                  <a:pt x="68" y="56"/>
                </a:cubicBezTo>
                <a:cubicBezTo>
                  <a:pt x="100" y="56"/>
                  <a:pt x="100" y="56"/>
                  <a:pt x="100" y="56"/>
                </a:cubicBezTo>
                <a:cubicBezTo>
                  <a:pt x="100" y="144"/>
                  <a:pt x="100" y="144"/>
                  <a:pt x="100" y="144"/>
                </a:cubicBezTo>
                <a:cubicBezTo>
                  <a:pt x="52" y="144"/>
                  <a:pt x="52" y="144"/>
                  <a:pt x="52" y="144"/>
                </a:cubicBezTo>
                <a:cubicBezTo>
                  <a:pt x="48" y="144"/>
                  <a:pt x="44" y="140"/>
                  <a:pt x="44" y="136"/>
                </a:cubicBezTo>
                <a:cubicBezTo>
                  <a:pt x="44" y="128"/>
                  <a:pt x="44" y="128"/>
                  <a:pt x="44" y="128"/>
                </a:cubicBezTo>
                <a:cubicBezTo>
                  <a:pt x="76" y="128"/>
                  <a:pt x="76" y="128"/>
                  <a:pt x="76" y="128"/>
                </a:cubicBezTo>
                <a:cubicBezTo>
                  <a:pt x="77" y="128"/>
                  <a:pt x="78" y="128"/>
                  <a:pt x="79" y="127"/>
                </a:cubicBezTo>
                <a:cubicBezTo>
                  <a:pt x="80" y="126"/>
                  <a:pt x="80" y="125"/>
                  <a:pt x="80" y="124"/>
                </a:cubicBezTo>
                <a:cubicBezTo>
                  <a:pt x="80" y="84"/>
                  <a:pt x="80" y="84"/>
                  <a:pt x="80" y="84"/>
                </a:cubicBezTo>
                <a:cubicBezTo>
                  <a:pt x="80" y="83"/>
                  <a:pt x="80" y="82"/>
                  <a:pt x="79" y="81"/>
                </a:cubicBezTo>
                <a:cubicBezTo>
                  <a:pt x="78" y="80"/>
                  <a:pt x="77" y="80"/>
                  <a:pt x="76" y="80"/>
                </a:cubicBezTo>
                <a:cubicBezTo>
                  <a:pt x="42" y="80"/>
                  <a:pt x="42" y="80"/>
                  <a:pt x="42" y="80"/>
                </a:cubicBezTo>
                <a:cubicBezTo>
                  <a:pt x="35" y="73"/>
                  <a:pt x="35" y="73"/>
                  <a:pt x="35" y="73"/>
                </a:cubicBezTo>
                <a:cubicBezTo>
                  <a:pt x="34" y="72"/>
                  <a:pt x="33" y="72"/>
                  <a:pt x="32" y="72"/>
                </a:cubicBezTo>
                <a:cubicBezTo>
                  <a:pt x="4" y="72"/>
                  <a:pt x="4" y="72"/>
                  <a:pt x="4" y="72"/>
                </a:cubicBezTo>
                <a:cubicBezTo>
                  <a:pt x="3" y="72"/>
                  <a:pt x="2" y="72"/>
                  <a:pt x="1" y="73"/>
                </a:cubicBezTo>
                <a:cubicBezTo>
                  <a:pt x="0" y="74"/>
                  <a:pt x="0" y="75"/>
                  <a:pt x="0" y="76"/>
                </a:cubicBezTo>
                <a:cubicBezTo>
                  <a:pt x="0" y="124"/>
                  <a:pt x="0" y="124"/>
                  <a:pt x="0" y="124"/>
                </a:cubicBezTo>
                <a:cubicBezTo>
                  <a:pt x="0" y="125"/>
                  <a:pt x="0" y="126"/>
                  <a:pt x="1" y="127"/>
                </a:cubicBezTo>
                <a:cubicBezTo>
                  <a:pt x="2" y="128"/>
                  <a:pt x="3" y="128"/>
                  <a:pt x="4" y="128"/>
                </a:cubicBezTo>
                <a:cubicBezTo>
                  <a:pt x="36" y="128"/>
                  <a:pt x="36" y="128"/>
                  <a:pt x="36" y="128"/>
                </a:cubicBezTo>
                <a:cubicBezTo>
                  <a:pt x="36" y="136"/>
                  <a:pt x="36" y="136"/>
                  <a:pt x="36" y="136"/>
                </a:cubicBezTo>
                <a:cubicBezTo>
                  <a:pt x="36" y="145"/>
                  <a:pt x="43" y="152"/>
                  <a:pt x="52" y="152"/>
                </a:cubicBezTo>
                <a:cubicBezTo>
                  <a:pt x="100" y="152"/>
                  <a:pt x="100" y="152"/>
                  <a:pt x="100" y="152"/>
                </a:cubicBezTo>
                <a:cubicBezTo>
                  <a:pt x="100" y="168"/>
                  <a:pt x="100" y="168"/>
                  <a:pt x="100" y="168"/>
                </a:cubicBezTo>
                <a:cubicBezTo>
                  <a:pt x="92" y="170"/>
                  <a:pt x="86" y="176"/>
                  <a:pt x="84" y="184"/>
                </a:cubicBezTo>
                <a:cubicBezTo>
                  <a:pt x="44" y="184"/>
                  <a:pt x="44" y="184"/>
                  <a:pt x="44" y="184"/>
                </a:cubicBezTo>
                <a:cubicBezTo>
                  <a:pt x="42" y="184"/>
                  <a:pt x="40" y="186"/>
                  <a:pt x="40" y="188"/>
                </a:cubicBezTo>
                <a:cubicBezTo>
                  <a:pt x="40" y="190"/>
                  <a:pt x="42" y="192"/>
                  <a:pt x="44" y="192"/>
                </a:cubicBezTo>
                <a:cubicBezTo>
                  <a:pt x="84" y="192"/>
                  <a:pt x="84" y="192"/>
                  <a:pt x="84" y="192"/>
                </a:cubicBezTo>
                <a:cubicBezTo>
                  <a:pt x="86" y="201"/>
                  <a:pt x="94" y="208"/>
                  <a:pt x="104" y="208"/>
                </a:cubicBezTo>
                <a:cubicBezTo>
                  <a:pt x="114" y="208"/>
                  <a:pt x="122" y="201"/>
                  <a:pt x="124" y="192"/>
                </a:cubicBezTo>
                <a:cubicBezTo>
                  <a:pt x="164" y="192"/>
                  <a:pt x="164" y="192"/>
                  <a:pt x="164" y="192"/>
                </a:cubicBezTo>
                <a:cubicBezTo>
                  <a:pt x="166" y="192"/>
                  <a:pt x="168" y="190"/>
                  <a:pt x="168" y="188"/>
                </a:cubicBezTo>
                <a:cubicBezTo>
                  <a:pt x="168" y="186"/>
                  <a:pt x="166" y="184"/>
                  <a:pt x="164" y="184"/>
                </a:cubicBezTo>
                <a:cubicBezTo>
                  <a:pt x="124" y="184"/>
                  <a:pt x="124" y="184"/>
                  <a:pt x="124" y="184"/>
                </a:cubicBezTo>
                <a:cubicBezTo>
                  <a:pt x="122" y="176"/>
                  <a:pt x="116" y="170"/>
                  <a:pt x="108" y="168"/>
                </a:cubicBezTo>
                <a:cubicBezTo>
                  <a:pt x="108" y="152"/>
                  <a:pt x="108" y="152"/>
                  <a:pt x="108" y="152"/>
                </a:cubicBezTo>
                <a:cubicBezTo>
                  <a:pt x="156" y="152"/>
                  <a:pt x="156" y="152"/>
                  <a:pt x="156" y="152"/>
                </a:cubicBezTo>
                <a:cubicBezTo>
                  <a:pt x="165" y="152"/>
                  <a:pt x="172" y="145"/>
                  <a:pt x="172" y="136"/>
                </a:cubicBezTo>
                <a:cubicBezTo>
                  <a:pt x="172" y="128"/>
                  <a:pt x="172" y="128"/>
                  <a:pt x="172" y="128"/>
                </a:cubicBezTo>
                <a:cubicBezTo>
                  <a:pt x="204" y="128"/>
                  <a:pt x="204" y="128"/>
                  <a:pt x="204" y="128"/>
                </a:cubicBezTo>
                <a:cubicBezTo>
                  <a:pt x="205" y="128"/>
                  <a:pt x="206" y="128"/>
                  <a:pt x="207" y="127"/>
                </a:cubicBezTo>
                <a:cubicBezTo>
                  <a:pt x="208" y="126"/>
                  <a:pt x="208" y="125"/>
                  <a:pt x="208" y="124"/>
                </a:cubicBezTo>
                <a:cubicBezTo>
                  <a:pt x="208" y="84"/>
                  <a:pt x="208" y="84"/>
                  <a:pt x="208" y="84"/>
                </a:cubicBezTo>
                <a:cubicBezTo>
                  <a:pt x="208" y="83"/>
                  <a:pt x="208" y="82"/>
                  <a:pt x="207" y="81"/>
                </a:cubicBezTo>
                <a:close/>
                <a:moveTo>
                  <a:pt x="72" y="48"/>
                </a:moveTo>
                <a:cubicBezTo>
                  <a:pt x="72" y="8"/>
                  <a:pt x="72" y="8"/>
                  <a:pt x="72" y="8"/>
                </a:cubicBezTo>
                <a:cubicBezTo>
                  <a:pt x="94" y="8"/>
                  <a:pt x="94" y="8"/>
                  <a:pt x="94" y="8"/>
                </a:cubicBezTo>
                <a:cubicBezTo>
                  <a:pt x="101" y="15"/>
                  <a:pt x="101" y="15"/>
                  <a:pt x="101" y="15"/>
                </a:cubicBezTo>
                <a:cubicBezTo>
                  <a:pt x="102" y="16"/>
                  <a:pt x="103" y="16"/>
                  <a:pt x="104" y="16"/>
                </a:cubicBezTo>
                <a:cubicBezTo>
                  <a:pt x="136" y="16"/>
                  <a:pt x="136" y="16"/>
                  <a:pt x="136" y="16"/>
                </a:cubicBezTo>
                <a:cubicBezTo>
                  <a:pt x="136" y="48"/>
                  <a:pt x="136" y="48"/>
                  <a:pt x="136" y="48"/>
                </a:cubicBezTo>
                <a:lnTo>
                  <a:pt x="72" y="48"/>
                </a:lnTo>
                <a:close/>
                <a:moveTo>
                  <a:pt x="8" y="80"/>
                </a:moveTo>
                <a:cubicBezTo>
                  <a:pt x="30" y="80"/>
                  <a:pt x="30" y="80"/>
                  <a:pt x="30" y="80"/>
                </a:cubicBezTo>
                <a:cubicBezTo>
                  <a:pt x="37" y="87"/>
                  <a:pt x="37" y="87"/>
                  <a:pt x="37" y="87"/>
                </a:cubicBezTo>
                <a:cubicBezTo>
                  <a:pt x="38" y="88"/>
                  <a:pt x="39" y="88"/>
                  <a:pt x="40" y="88"/>
                </a:cubicBezTo>
                <a:cubicBezTo>
                  <a:pt x="72" y="88"/>
                  <a:pt x="72" y="88"/>
                  <a:pt x="72" y="88"/>
                </a:cubicBezTo>
                <a:cubicBezTo>
                  <a:pt x="72" y="120"/>
                  <a:pt x="72" y="120"/>
                  <a:pt x="72" y="120"/>
                </a:cubicBezTo>
                <a:cubicBezTo>
                  <a:pt x="8" y="120"/>
                  <a:pt x="8" y="120"/>
                  <a:pt x="8" y="120"/>
                </a:cubicBezTo>
                <a:lnTo>
                  <a:pt x="8" y="80"/>
                </a:lnTo>
                <a:close/>
                <a:moveTo>
                  <a:pt x="116" y="188"/>
                </a:moveTo>
                <a:cubicBezTo>
                  <a:pt x="116" y="195"/>
                  <a:pt x="111" y="200"/>
                  <a:pt x="104" y="200"/>
                </a:cubicBezTo>
                <a:cubicBezTo>
                  <a:pt x="97" y="200"/>
                  <a:pt x="92" y="195"/>
                  <a:pt x="92" y="188"/>
                </a:cubicBezTo>
                <a:cubicBezTo>
                  <a:pt x="92" y="188"/>
                  <a:pt x="92" y="188"/>
                  <a:pt x="92" y="188"/>
                </a:cubicBezTo>
                <a:cubicBezTo>
                  <a:pt x="92" y="188"/>
                  <a:pt x="92" y="188"/>
                  <a:pt x="92" y="188"/>
                </a:cubicBezTo>
                <a:cubicBezTo>
                  <a:pt x="92" y="181"/>
                  <a:pt x="97" y="176"/>
                  <a:pt x="104" y="176"/>
                </a:cubicBezTo>
                <a:cubicBezTo>
                  <a:pt x="111" y="176"/>
                  <a:pt x="116" y="181"/>
                  <a:pt x="116" y="188"/>
                </a:cubicBezTo>
                <a:close/>
                <a:moveTo>
                  <a:pt x="136" y="120"/>
                </a:moveTo>
                <a:cubicBezTo>
                  <a:pt x="136" y="80"/>
                  <a:pt x="136" y="80"/>
                  <a:pt x="136" y="80"/>
                </a:cubicBezTo>
                <a:cubicBezTo>
                  <a:pt x="158" y="80"/>
                  <a:pt x="158" y="80"/>
                  <a:pt x="158" y="80"/>
                </a:cubicBezTo>
                <a:cubicBezTo>
                  <a:pt x="165" y="87"/>
                  <a:pt x="165" y="87"/>
                  <a:pt x="165" y="87"/>
                </a:cubicBezTo>
                <a:cubicBezTo>
                  <a:pt x="166" y="88"/>
                  <a:pt x="167" y="88"/>
                  <a:pt x="168" y="88"/>
                </a:cubicBezTo>
                <a:cubicBezTo>
                  <a:pt x="200" y="88"/>
                  <a:pt x="200" y="88"/>
                  <a:pt x="200" y="88"/>
                </a:cubicBezTo>
                <a:cubicBezTo>
                  <a:pt x="200" y="120"/>
                  <a:pt x="200" y="120"/>
                  <a:pt x="200" y="120"/>
                </a:cubicBezTo>
                <a:lnTo>
                  <a:pt x="136" y="120"/>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pic>
        <p:nvPicPr>
          <p:cNvPr id="207" name="Graphic 9">
            <a:extLst>
              <a:ext uri="{FF2B5EF4-FFF2-40B4-BE49-F238E27FC236}">
                <a16:creationId xmlns:a16="http://schemas.microsoft.com/office/drawing/2014/main" id="{6DB8FBC7-3862-539F-1F54-40FF9831455A}"/>
              </a:ext>
              <a:ext uri="{C183D7F6-B498-43B3-948B-1728B52AA6E4}">
                <adec:decorative xmlns:adec="http://schemas.microsoft.com/office/drawing/2017/decorative" val="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473144" y="4350702"/>
            <a:ext cx="431800" cy="349250"/>
          </a:xfrm>
          <a:prstGeom prst="rect">
            <a:avLst/>
          </a:prstGeom>
        </p:spPr>
      </p:pic>
      <p:pic>
        <p:nvPicPr>
          <p:cNvPr id="26" name="Grafik 25">
            <a:extLst>
              <a:ext uri="{FF2B5EF4-FFF2-40B4-BE49-F238E27FC236}">
                <a16:creationId xmlns:a16="http://schemas.microsoft.com/office/drawing/2014/main" id="{FA66FA2C-01FB-AC31-E089-3DF70EAA4707}"/>
              </a:ext>
              <a:ext uri="{C183D7F6-B498-43B3-948B-1728B52AA6E4}">
                <adec:decorative xmlns:adec="http://schemas.microsoft.com/office/drawing/2017/decorative" val="1"/>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9709779" y="3459043"/>
            <a:ext cx="383113" cy="383113"/>
          </a:xfrm>
          <a:prstGeom prst="rect">
            <a:avLst/>
          </a:prstGeom>
        </p:spPr>
      </p:pic>
      <p:grpSp>
        <p:nvGrpSpPr>
          <p:cNvPr id="20" name="Group 19">
            <a:extLst>
              <a:ext uri="{FF2B5EF4-FFF2-40B4-BE49-F238E27FC236}">
                <a16:creationId xmlns:a16="http://schemas.microsoft.com/office/drawing/2014/main" id="{282D93CC-6E4C-8C9B-4F9E-76E3B4199988}"/>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21" name="Rectangle 20">
              <a:extLst>
                <a:ext uri="{FF2B5EF4-FFF2-40B4-BE49-F238E27FC236}">
                  <a16:creationId xmlns:a16="http://schemas.microsoft.com/office/drawing/2014/main" id="{C839C23C-6963-3042-BBBA-B76A0C968499}"/>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2" name="Rectangle 21">
              <a:extLst>
                <a:ext uri="{FF2B5EF4-FFF2-40B4-BE49-F238E27FC236}">
                  <a16:creationId xmlns:a16="http://schemas.microsoft.com/office/drawing/2014/main" id="{A71055C6-3510-2E3C-6F16-CB980B01C126}"/>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23" name="Rectangle: Rounded Corners 22">
            <a:extLst>
              <a:ext uri="{FF2B5EF4-FFF2-40B4-BE49-F238E27FC236}">
                <a16:creationId xmlns:a16="http://schemas.microsoft.com/office/drawing/2014/main" id="{D1EB4935-A5E3-A1C3-B382-6A457B8B540E}"/>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4" name="TextBox 23">
            <a:extLst>
              <a:ext uri="{FF2B5EF4-FFF2-40B4-BE49-F238E27FC236}">
                <a16:creationId xmlns:a16="http://schemas.microsoft.com/office/drawing/2014/main" id="{6797CB8C-9587-BD13-37ED-774C0A6CCA21}"/>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Omkostningsdrivere</a:t>
            </a:r>
          </a:p>
        </p:txBody>
      </p:sp>
      <p:sp>
        <p:nvSpPr>
          <p:cNvPr id="98" name="Content Placeholder 5">
            <a:extLst>
              <a:ext uri="{FF2B5EF4-FFF2-40B4-BE49-F238E27FC236}">
                <a16:creationId xmlns:a16="http://schemas.microsoft.com/office/drawing/2014/main" id="{9F922546-A27A-44C4-15C7-916686E57049}"/>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a:solidFill>
                  <a:schemeClr val="tx1"/>
                </a:solidFill>
              </a:rPr>
              <a:t>Omkostningsniveauer er udtryk for en relativ vurdering på tværs af cases foretaget af PA.</a:t>
            </a:r>
          </a:p>
        </p:txBody>
      </p:sp>
      <p:grpSp>
        <p:nvGrpSpPr>
          <p:cNvPr id="32" name="Group 31" descr="Projektledelse er en stor midlertidig omkostningsdriver">
            <a:extLst>
              <a:ext uri="{FF2B5EF4-FFF2-40B4-BE49-F238E27FC236}">
                <a16:creationId xmlns:a16="http://schemas.microsoft.com/office/drawing/2014/main" id="{EC451F2D-BB87-AF63-C6D0-AA90FF26AEEE}"/>
              </a:ext>
              <a:ext uri="{C183D7F6-B498-43B3-948B-1728B52AA6E4}">
                <adec:decorative xmlns:adec="http://schemas.microsoft.com/office/drawing/2017/decorative" val="0"/>
              </a:ext>
            </a:extLst>
          </p:cNvPr>
          <p:cNvGrpSpPr/>
          <p:nvPr/>
        </p:nvGrpSpPr>
        <p:grpSpPr>
          <a:xfrm>
            <a:off x="7290762" y="2788420"/>
            <a:ext cx="1577742" cy="265864"/>
            <a:chOff x="860772" y="4884291"/>
            <a:chExt cx="1487909" cy="250726"/>
          </a:xfrm>
        </p:grpSpPr>
        <p:grpSp>
          <p:nvGrpSpPr>
            <p:cNvPr id="33" name="Group 32">
              <a:extLst>
                <a:ext uri="{FF2B5EF4-FFF2-40B4-BE49-F238E27FC236}">
                  <a16:creationId xmlns:a16="http://schemas.microsoft.com/office/drawing/2014/main" id="{29C1843E-CA7F-8404-80D1-E1BE2606F6A7}"/>
                </a:ext>
              </a:extLst>
            </p:cNvPr>
            <p:cNvGrpSpPr/>
            <p:nvPr/>
          </p:nvGrpSpPr>
          <p:grpSpPr>
            <a:xfrm>
              <a:off x="860772" y="4884291"/>
              <a:ext cx="1487909" cy="212473"/>
              <a:chOff x="5354949" y="3009711"/>
              <a:chExt cx="1645739" cy="202758"/>
            </a:xfrm>
          </p:grpSpPr>
          <p:grpSp>
            <p:nvGrpSpPr>
              <p:cNvPr id="35" name="Group 34">
                <a:extLst>
                  <a:ext uri="{FF2B5EF4-FFF2-40B4-BE49-F238E27FC236}">
                    <a16:creationId xmlns:a16="http://schemas.microsoft.com/office/drawing/2014/main" id="{71E33925-6B27-9338-C5E7-F29A597F3B88}"/>
                  </a:ext>
                </a:extLst>
              </p:cNvPr>
              <p:cNvGrpSpPr/>
              <p:nvPr/>
            </p:nvGrpSpPr>
            <p:grpSpPr>
              <a:xfrm>
                <a:off x="5458296" y="3153610"/>
                <a:ext cx="1445092" cy="45719"/>
                <a:chOff x="5458296" y="3153610"/>
                <a:chExt cx="1445092" cy="45719"/>
              </a:xfrm>
            </p:grpSpPr>
            <p:cxnSp>
              <p:nvCxnSpPr>
                <p:cNvPr id="39" name="Straight Connector 38">
                  <a:extLst>
                    <a:ext uri="{FF2B5EF4-FFF2-40B4-BE49-F238E27FC236}">
                      <a16:creationId xmlns:a16="http://schemas.microsoft.com/office/drawing/2014/main" id="{32BBD660-12B0-14C1-54B9-E6CA0D66D0AC}"/>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40" name="Oval 39">
                  <a:extLst>
                    <a:ext uri="{FF2B5EF4-FFF2-40B4-BE49-F238E27FC236}">
                      <a16:creationId xmlns:a16="http://schemas.microsoft.com/office/drawing/2014/main" id="{C10C0BC6-C04B-05E1-7960-79F02102D434}"/>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41" name="Oval 40">
                  <a:extLst>
                    <a:ext uri="{FF2B5EF4-FFF2-40B4-BE49-F238E27FC236}">
                      <a16:creationId xmlns:a16="http://schemas.microsoft.com/office/drawing/2014/main" id="{4FBF8185-8F85-0516-FC58-3D525B39BE88}"/>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36" name="Straight Connector 35">
                <a:extLst>
                  <a:ext uri="{FF2B5EF4-FFF2-40B4-BE49-F238E27FC236}">
                    <a16:creationId xmlns:a16="http://schemas.microsoft.com/office/drawing/2014/main" id="{3F61A065-8BB6-EA3C-E59B-CCD292436510}"/>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37" name="TextBox 36">
                <a:extLst>
                  <a:ext uri="{FF2B5EF4-FFF2-40B4-BE49-F238E27FC236}">
                    <a16:creationId xmlns:a16="http://schemas.microsoft.com/office/drawing/2014/main" id="{5C9A6A86-8D4C-3975-7C64-0999AC6EC08C}"/>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38" name="TextBox 37">
                <a:extLst>
                  <a:ext uri="{FF2B5EF4-FFF2-40B4-BE49-F238E27FC236}">
                    <a16:creationId xmlns:a16="http://schemas.microsoft.com/office/drawing/2014/main" id="{09448F12-F8B2-3B30-ED3E-CBDB75566421}"/>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34" name="Oval 33">
              <a:extLst>
                <a:ext uri="{FF2B5EF4-FFF2-40B4-BE49-F238E27FC236}">
                  <a16:creationId xmlns:a16="http://schemas.microsoft.com/office/drawing/2014/main" id="{83DA3F6E-4236-DB6E-3812-14BAAE9A707A}"/>
                </a:ext>
              </a:extLst>
            </p:cNvPr>
            <p:cNvSpPr/>
            <p:nvPr/>
          </p:nvSpPr>
          <p:spPr>
            <a:xfrm>
              <a:off x="2152868"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45" name="Group 44" descr="Organisatorisk implementering er en stor midlertidig omkostningsdriver">
            <a:extLst>
              <a:ext uri="{FF2B5EF4-FFF2-40B4-BE49-F238E27FC236}">
                <a16:creationId xmlns:a16="http://schemas.microsoft.com/office/drawing/2014/main" id="{29C8CA69-0881-CF21-D411-A8A2D94E2FF3}"/>
              </a:ext>
              <a:ext uri="{C183D7F6-B498-43B3-948B-1728B52AA6E4}">
                <adec:decorative xmlns:adec="http://schemas.microsoft.com/office/drawing/2017/decorative" val="0"/>
              </a:ext>
            </a:extLst>
          </p:cNvPr>
          <p:cNvGrpSpPr/>
          <p:nvPr/>
        </p:nvGrpSpPr>
        <p:grpSpPr>
          <a:xfrm>
            <a:off x="7290762" y="3344608"/>
            <a:ext cx="1577742" cy="265864"/>
            <a:chOff x="860772" y="4884291"/>
            <a:chExt cx="1487909" cy="250726"/>
          </a:xfrm>
        </p:grpSpPr>
        <p:grpSp>
          <p:nvGrpSpPr>
            <p:cNvPr id="46" name="Group 45">
              <a:extLst>
                <a:ext uri="{FF2B5EF4-FFF2-40B4-BE49-F238E27FC236}">
                  <a16:creationId xmlns:a16="http://schemas.microsoft.com/office/drawing/2014/main" id="{CEDAF77B-46D5-D061-BE88-27AE83EBEFEA}"/>
                </a:ext>
              </a:extLst>
            </p:cNvPr>
            <p:cNvGrpSpPr/>
            <p:nvPr/>
          </p:nvGrpSpPr>
          <p:grpSpPr>
            <a:xfrm>
              <a:off x="860772" y="4884291"/>
              <a:ext cx="1487909" cy="212473"/>
              <a:chOff x="5354949" y="3009711"/>
              <a:chExt cx="1645739" cy="202758"/>
            </a:xfrm>
          </p:grpSpPr>
          <p:grpSp>
            <p:nvGrpSpPr>
              <p:cNvPr id="48" name="Group 47">
                <a:extLst>
                  <a:ext uri="{FF2B5EF4-FFF2-40B4-BE49-F238E27FC236}">
                    <a16:creationId xmlns:a16="http://schemas.microsoft.com/office/drawing/2014/main" id="{B5DDD17E-F16B-1FFA-20A3-7D9F68D3C14B}"/>
                  </a:ext>
                </a:extLst>
              </p:cNvPr>
              <p:cNvGrpSpPr/>
              <p:nvPr/>
            </p:nvGrpSpPr>
            <p:grpSpPr>
              <a:xfrm>
                <a:off x="5458296" y="3153610"/>
                <a:ext cx="1445092" cy="45719"/>
                <a:chOff x="5458296" y="3153610"/>
                <a:chExt cx="1445092" cy="45719"/>
              </a:xfrm>
            </p:grpSpPr>
            <p:cxnSp>
              <p:nvCxnSpPr>
                <p:cNvPr id="52" name="Straight Connector 51">
                  <a:extLst>
                    <a:ext uri="{FF2B5EF4-FFF2-40B4-BE49-F238E27FC236}">
                      <a16:creationId xmlns:a16="http://schemas.microsoft.com/office/drawing/2014/main" id="{A2C479D8-A2B2-E0DA-9D86-7434122C76BD}"/>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53" name="Oval 52">
                  <a:extLst>
                    <a:ext uri="{FF2B5EF4-FFF2-40B4-BE49-F238E27FC236}">
                      <a16:creationId xmlns:a16="http://schemas.microsoft.com/office/drawing/2014/main" id="{5763D5E6-ACD5-0ED9-D8B6-5DEBD9AC5266}"/>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54" name="Oval 53">
                  <a:extLst>
                    <a:ext uri="{FF2B5EF4-FFF2-40B4-BE49-F238E27FC236}">
                      <a16:creationId xmlns:a16="http://schemas.microsoft.com/office/drawing/2014/main" id="{443FD32E-EEC0-1AD8-603E-80DC5E61493C}"/>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49" name="Straight Connector 48">
                <a:extLst>
                  <a:ext uri="{FF2B5EF4-FFF2-40B4-BE49-F238E27FC236}">
                    <a16:creationId xmlns:a16="http://schemas.microsoft.com/office/drawing/2014/main" id="{8E124A63-8F1E-2217-E3DB-4B84A8D41D18}"/>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50" name="TextBox 49">
                <a:extLst>
                  <a:ext uri="{FF2B5EF4-FFF2-40B4-BE49-F238E27FC236}">
                    <a16:creationId xmlns:a16="http://schemas.microsoft.com/office/drawing/2014/main" id="{97C26F44-2DE9-695F-945D-8F4AB5925F8A}"/>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51" name="TextBox 50">
                <a:extLst>
                  <a:ext uri="{FF2B5EF4-FFF2-40B4-BE49-F238E27FC236}">
                    <a16:creationId xmlns:a16="http://schemas.microsoft.com/office/drawing/2014/main" id="{77237154-1071-49A0-3DA6-4B41753057B9}"/>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47" name="Oval 46">
              <a:extLst>
                <a:ext uri="{FF2B5EF4-FFF2-40B4-BE49-F238E27FC236}">
                  <a16:creationId xmlns:a16="http://schemas.microsoft.com/office/drawing/2014/main" id="{E0F40E03-CCE0-3EA0-F9D3-BBAD68F27F38}"/>
                </a:ext>
              </a:extLst>
            </p:cNvPr>
            <p:cNvSpPr/>
            <p:nvPr/>
          </p:nvSpPr>
          <p:spPr>
            <a:xfrm>
              <a:off x="2148766"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88" name="Group 87" descr="Teknisk implementering er en stor midlertidig omkostningsdriver">
            <a:extLst>
              <a:ext uri="{FF2B5EF4-FFF2-40B4-BE49-F238E27FC236}">
                <a16:creationId xmlns:a16="http://schemas.microsoft.com/office/drawing/2014/main" id="{F7C13FFA-7581-3BAD-C199-9981F3000FE6}"/>
              </a:ext>
              <a:ext uri="{C183D7F6-B498-43B3-948B-1728B52AA6E4}">
                <adec:decorative xmlns:adec="http://schemas.microsoft.com/office/drawing/2017/decorative" val="0"/>
              </a:ext>
            </a:extLst>
          </p:cNvPr>
          <p:cNvGrpSpPr/>
          <p:nvPr/>
        </p:nvGrpSpPr>
        <p:grpSpPr>
          <a:xfrm>
            <a:off x="7290762" y="3922767"/>
            <a:ext cx="1577740" cy="265864"/>
            <a:chOff x="860772" y="4884291"/>
            <a:chExt cx="1487909" cy="250726"/>
          </a:xfrm>
        </p:grpSpPr>
        <p:grpSp>
          <p:nvGrpSpPr>
            <p:cNvPr id="89" name="Group 88">
              <a:extLst>
                <a:ext uri="{FF2B5EF4-FFF2-40B4-BE49-F238E27FC236}">
                  <a16:creationId xmlns:a16="http://schemas.microsoft.com/office/drawing/2014/main" id="{F92CDA0C-22D6-EF75-9AA3-61C49B40FEF2}"/>
                </a:ext>
              </a:extLst>
            </p:cNvPr>
            <p:cNvGrpSpPr/>
            <p:nvPr/>
          </p:nvGrpSpPr>
          <p:grpSpPr>
            <a:xfrm>
              <a:off x="860772" y="4884291"/>
              <a:ext cx="1487909" cy="212473"/>
              <a:chOff x="5354949" y="3009711"/>
              <a:chExt cx="1645739" cy="202758"/>
            </a:xfrm>
          </p:grpSpPr>
          <p:grpSp>
            <p:nvGrpSpPr>
              <p:cNvPr id="91" name="Group 90">
                <a:extLst>
                  <a:ext uri="{FF2B5EF4-FFF2-40B4-BE49-F238E27FC236}">
                    <a16:creationId xmlns:a16="http://schemas.microsoft.com/office/drawing/2014/main" id="{5669C79B-CB02-2712-9725-3F1ABC74E4BC}"/>
                  </a:ext>
                </a:extLst>
              </p:cNvPr>
              <p:cNvGrpSpPr/>
              <p:nvPr/>
            </p:nvGrpSpPr>
            <p:grpSpPr>
              <a:xfrm>
                <a:off x="5458296" y="3153610"/>
                <a:ext cx="1445092" cy="45719"/>
                <a:chOff x="5458296" y="3153610"/>
                <a:chExt cx="1445092" cy="45719"/>
              </a:xfrm>
            </p:grpSpPr>
            <p:cxnSp>
              <p:nvCxnSpPr>
                <p:cNvPr id="95" name="Straight Connector 94">
                  <a:extLst>
                    <a:ext uri="{FF2B5EF4-FFF2-40B4-BE49-F238E27FC236}">
                      <a16:creationId xmlns:a16="http://schemas.microsoft.com/office/drawing/2014/main" id="{80978B26-781E-294C-F6C7-AF83EE3C971D}"/>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96" name="Oval 95">
                  <a:extLst>
                    <a:ext uri="{FF2B5EF4-FFF2-40B4-BE49-F238E27FC236}">
                      <a16:creationId xmlns:a16="http://schemas.microsoft.com/office/drawing/2014/main" id="{F468B864-5BCE-C91F-E41D-BC79150AB8A0}"/>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97" name="Oval 96">
                  <a:extLst>
                    <a:ext uri="{FF2B5EF4-FFF2-40B4-BE49-F238E27FC236}">
                      <a16:creationId xmlns:a16="http://schemas.microsoft.com/office/drawing/2014/main" id="{377F616E-0ECB-E605-2E66-861A74C775DD}"/>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92" name="Straight Connector 91">
                <a:extLst>
                  <a:ext uri="{FF2B5EF4-FFF2-40B4-BE49-F238E27FC236}">
                    <a16:creationId xmlns:a16="http://schemas.microsoft.com/office/drawing/2014/main" id="{0CAC982A-8C77-8FBD-18C1-064B7EC0ABF2}"/>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3" name="TextBox 92">
                <a:extLst>
                  <a:ext uri="{FF2B5EF4-FFF2-40B4-BE49-F238E27FC236}">
                    <a16:creationId xmlns:a16="http://schemas.microsoft.com/office/drawing/2014/main" id="{BF2DEC2C-C1C9-670E-C73F-0A7A81676712}"/>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94" name="TextBox 93">
                <a:extLst>
                  <a:ext uri="{FF2B5EF4-FFF2-40B4-BE49-F238E27FC236}">
                    <a16:creationId xmlns:a16="http://schemas.microsoft.com/office/drawing/2014/main" id="{C64E3E1F-4BCE-FC8A-77FD-99DED44E3EDE}"/>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90" name="Oval 89">
              <a:extLst>
                <a:ext uri="{FF2B5EF4-FFF2-40B4-BE49-F238E27FC236}">
                  <a16:creationId xmlns:a16="http://schemas.microsoft.com/office/drawing/2014/main" id="{4511965A-A351-F3AC-2FEB-602EA8465D88}"/>
                </a:ext>
              </a:extLst>
            </p:cNvPr>
            <p:cNvSpPr/>
            <p:nvPr/>
          </p:nvSpPr>
          <p:spPr>
            <a:xfrm>
              <a:off x="216570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55" name="Group 54" descr="Teknologi er en stor driftsomkostning">
            <a:extLst>
              <a:ext uri="{FF2B5EF4-FFF2-40B4-BE49-F238E27FC236}">
                <a16:creationId xmlns:a16="http://schemas.microsoft.com/office/drawing/2014/main" id="{1AC48401-708C-9BD3-B49B-4591CAB602AD}"/>
              </a:ext>
              <a:ext uri="{C183D7F6-B498-43B3-948B-1728B52AA6E4}">
                <adec:decorative xmlns:adec="http://schemas.microsoft.com/office/drawing/2017/decorative" val="0"/>
              </a:ext>
            </a:extLst>
          </p:cNvPr>
          <p:cNvGrpSpPr/>
          <p:nvPr/>
        </p:nvGrpSpPr>
        <p:grpSpPr>
          <a:xfrm>
            <a:off x="7290762" y="4818452"/>
            <a:ext cx="1577741" cy="265864"/>
            <a:chOff x="860772" y="4884291"/>
            <a:chExt cx="1487909" cy="250726"/>
          </a:xfrm>
        </p:grpSpPr>
        <p:grpSp>
          <p:nvGrpSpPr>
            <p:cNvPr id="56" name="Group 55">
              <a:extLst>
                <a:ext uri="{FF2B5EF4-FFF2-40B4-BE49-F238E27FC236}">
                  <a16:creationId xmlns:a16="http://schemas.microsoft.com/office/drawing/2014/main" id="{1EA642B8-79FA-3787-AB3B-EE205CBDB47E}"/>
                </a:ext>
              </a:extLst>
            </p:cNvPr>
            <p:cNvGrpSpPr/>
            <p:nvPr/>
          </p:nvGrpSpPr>
          <p:grpSpPr>
            <a:xfrm>
              <a:off x="860772" y="4884291"/>
              <a:ext cx="1487909" cy="212473"/>
              <a:chOff x="5354949" y="3009711"/>
              <a:chExt cx="1645739" cy="202758"/>
            </a:xfrm>
          </p:grpSpPr>
          <p:grpSp>
            <p:nvGrpSpPr>
              <p:cNvPr id="58" name="Group 57">
                <a:extLst>
                  <a:ext uri="{FF2B5EF4-FFF2-40B4-BE49-F238E27FC236}">
                    <a16:creationId xmlns:a16="http://schemas.microsoft.com/office/drawing/2014/main" id="{FF5833EF-63DB-F14B-B2EA-2FC75BEC15EB}"/>
                  </a:ext>
                </a:extLst>
              </p:cNvPr>
              <p:cNvGrpSpPr/>
              <p:nvPr/>
            </p:nvGrpSpPr>
            <p:grpSpPr>
              <a:xfrm>
                <a:off x="5458296" y="3153610"/>
                <a:ext cx="1445092" cy="45719"/>
                <a:chOff x="5458296" y="3153610"/>
                <a:chExt cx="1445092" cy="45719"/>
              </a:xfrm>
            </p:grpSpPr>
            <p:cxnSp>
              <p:nvCxnSpPr>
                <p:cNvPr id="62" name="Straight Connector 61">
                  <a:extLst>
                    <a:ext uri="{FF2B5EF4-FFF2-40B4-BE49-F238E27FC236}">
                      <a16:creationId xmlns:a16="http://schemas.microsoft.com/office/drawing/2014/main" id="{3547FEBF-BA90-3B9C-7D81-C738C29D1D05}"/>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63" name="Oval 62">
                  <a:extLst>
                    <a:ext uri="{FF2B5EF4-FFF2-40B4-BE49-F238E27FC236}">
                      <a16:creationId xmlns:a16="http://schemas.microsoft.com/office/drawing/2014/main" id="{C2BE14F8-57B5-D265-C918-A6FF95E04B3D}"/>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64" name="Oval 63">
                  <a:extLst>
                    <a:ext uri="{FF2B5EF4-FFF2-40B4-BE49-F238E27FC236}">
                      <a16:creationId xmlns:a16="http://schemas.microsoft.com/office/drawing/2014/main" id="{B52FD8D9-73E5-F01C-B8D4-F0A8382A586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59" name="Straight Connector 58">
                <a:extLst>
                  <a:ext uri="{FF2B5EF4-FFF2-40B4-BE49-F238E27FC236}">
                    <a16:creationId xmlns:a16="http://schemas.microsoft.com/office/drawing/2014/main" id="{9FB735A1-E067-6771-0C6A-956B8D0C8367}"/>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0" name="TextBox 59">
                <a:extLst>
                  <a:ext uri="{FF2B5EF4-FFF2-40B4-BE49-F238E27FC236}">
                    <a16:creationId xmlns:a16="http://schemas.microsoft.com/office/drawing/2014/main" id="{50B26CAD-8F50-27E1-72AF-3E5EBC7E023B}"/>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61" name="TextBox 60">
                <a:extLst>
                  <a:ext uri="{FF2B5EF4-FFF2-40B4-BE49-F238E27FC236}">
                    <a16:creationId xmlns:a16="http://schemas.microsoft.com/office/drawing/2014/main" id="{2861F867-BD00-EC77-FFB2-6D2BA5F97C5E}"/>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57" name="Oval 56">
              <a:extLst>
                <a:ext uri="{FF2B5EF4-FFF2-40B4-BE49-F238E27FC236}">
                  <a16:creationId xmlns:a16="http://schemas.microsoft.com/office/drawing/2014/main" id="{08B185CD-77C8-932D-9A0B-E579153A916D}"/>
                </a:ext>
              </a:extLst>
            </p:cNvPr>
            <p:cNvSpPr/>
            <p:nvPr/>
          </p:nvSpPr>
          <p:spPr>
            <a:xfrm>
              <a:off x="216040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67" name="Group 66" descr="Nye kompetencer er en stor driftsomkostning">
            <a:extLst>
              <a:ext uri="{FF2B5EF4-FFF2-40B4-BE49-F238E27FC236}">
                <a16:creationId xmlns:a16="http://schemas.microsoft.com/office/drawing/2014/main" id="{6E62AF13-237F-5355-9FAB-3CE7B13FCCB4}"/>
              </a:ext>
              <a:ext uri="{C183D7F6-B498-43B3-948B-1728B52AA6E4}">
                <adec:decorative xmlns:adec="http://schemas.microsoft.com/office/drawing/2017/decorative" val="0"/>
              </a:ext>
            </a:extLst>
          </p:cNvPr>
          <p:cNvGrpSpPr/>
          <p:nvPr/>
        </p:nvGrpSpPr>
        <p:grpSpPr>
          <a:xfrm>
            <a:off x="7290762" y="5350882"/>
            <a:ext cx="1577741" cy="265864"/>
            <a:chOff x="860772" y="4884291"/>
            <a:chExt cx="1487909" cy="250726"/>
          </a:xfrm>
        </p:grpSpPr>
        <p:grpSp>
          <p:nvGrpSpPr>
            <p:cNvPr id="68" name="Group 67">
              <a:extLst>
                <a:ext uri="{FF2B5EF4-FFF2-40B4-BE49-F238E27FC236}">
                  <a16:creationId xmlns:a16="http://schemas.microsoft.com/office/drawing/2014/main" id="{900903CD-15FE-F096-6E0F-C067620F97DC}"/>
                </a:ext>
              </a:extLst>
            </p:cNvPr>
            <p:cNvGrpSpPr/>
            <p:nvPr/>
          </p:nvGrpSpPr>
          <p:grpSpPr>
            <a:xfrm>
              <a:off x="860772" y="4884291"/>
              <a:ext cx="1487909" cy="212473"/>
              <a:chOff x="5354949" y="3009711"/>
              <a:chExt cx="1645739" cy="202758"/>
            </a:xfrm>
          </p:grpSpPr>
          <p:grpSp>
            <p:nvGrpSpPr>
              <p:cNvPr id="70" name="Group 69">
                <a:extLst>
                  <a:ext uri="{FF2B5EF4-FFF2-40B4-BE49-F238E27FC236}">
                    <a16:creationId xmlns:a16="http://schemas.microsoft.com/office/drawing/2014/main" id="{746DD475-7239-BE6E-47A3-14701AB013EE}"/>
                  </a:ext>
                </a:extLst>
              </p:cNvPr>
              <p:cNvGrpSpPr/>
              <p:nvPr/>
            </p:nvGrpSpPr>
            <p:grpSpPr>
              <a:xfrm>
                <a:off x="5458296" y="3153610"/>
                <a:ext cx="1445092" cy="45719"/>
                <a:chOff x="5458296" y="3153610"/>
                <a:chExt cx="1445092" cy="45719"/>
              </a:xfrm>
            </p:grpSpPr>
            <p:cxnSp>
              <p:nvCxnSpPr>
                <p:cNvPr id="74" name="Straight Connector 73">
                  <a:extLst>
                    <a:ext uri="{FF2B5EF4-FFF2-40B4-BE49-F238E27FC236}">
                      <a16:creationId xmlns:a16="http://schemas.microsoft.com/office/drawing/2014/main" id="{52492FFC-D2B5-DAE0-582B-8A10A4AD82EC}"/>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75" name="Oval 74">
                  <a:extLst>
                    <a:ext uri="{FF2B5EF4-FFF2-40B4-BE49-F238E27FC236}">
                      <a16:creationId xmlns:a16="http://schemas.microsoft.com/office/drawing/2014/main" id="{54CB90D5-762F-107B-20D0-3BF3AC142CD8}"/>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76" name="Oval 75">
                  <a:extLst>
                    <a:ext uri="{FF2B5EF4-FFF2-40B4-BE49-F238E27FC236}">
                      <a16:creationId xmlns:a16="http://schemas.microsoft.com/office/drawing/2014/main" id="{3D2ACB9C-F2EA-4547-DD04-EF32FAFC0F3E}"/>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71" name="Straight Connector 70">
                <a:extLst>
                  <a:ext uri="{FF2B5EF4-FFF2-40B4-BE49-F238E27FC236}">
                    <a16:creationId xmlns:a16="http://schemas.microsoft.com/office/drawing/2014/main" id="{AC701976-CF5D-726C-8D3F-92207A6F2257}"/>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2" name="TextBox 71">
                <a:extLst>
                  <a:ext uri="{FF2B5EF4-FFF2-40B4-BE49-F238E27FC236}">
                    <a16:creationId xmlns:a16="http://schemas.microsoft.com/office/drawing/2014/main" id="{EBF76B98-F740-DB50-15B7-7BAD3DE2FA04}"/>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73" name="TextBox 72">
                <a:extLst>
                  <a:ext uri="{FF2B5EF4-FFF2-40B4-BE49-F238E27FC236}">
                    <a16:creationId xmlns:a16="http://schemas.microsoft.com/office/drawing/2014/main" id="{9FB18EA4-A085-61D8-F949-38120FAC8A5B}"/>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69" name="Oval 68">
              <a:extLst>
                <a:ext uri="{FF2B5EF4-FFF2-40B4-BE49-F238E27FC236}">
                  <a16:creationId xmlns:a16="http://schemas.microsoft.com/office/drawing/2014/main" id="{C906DF3E-9B23-EE58-5495-74974D86317B}"/>
                </a:ext>
              </a:extLst>
            </p:cNvPr>
            <p:cNvSpPr/>
            <p:nvPr/>
          </p:nvSpPr>
          <p:spPr>
            <a:xfrm>
              <a:off x="216570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77" name="Group 76" descr="Drift og support er en stor driftsomkostning">
            <a:extLst>
              <a:ext uri="{FF2B5EF4-FFF2-40B4-BE49-F238E27FC236}">
                <a16:creationId xmlns:a16="http://schemas.microsoft.com/office/drawing/2014/main" id="{57E09F9B-C037-2F9F-CF82-CE059F9EB008}"/>
              </a:ext>
              <a:ext uri="{C183D7F6-B498-43B3-948B-1728B52AA6E4}">
                <adec:decorative xmlns:adec="http://schemas.microsoft.com/office/drawing/2017/decorative" val="0"/>
              </a:ext>
            </a:extLst>
          </p:cNvPr>
          <p:cNvGrpSpPr/>
          <p:nvPr/>
        </p:nvGrpSpPr>
        <p:grpSpPr>
          <a:xfrm>
            <a:off x="7290762" y="5883311"/>
            <a:ext cx="1577742" cy="265866"/>
            <a:chOff x="860772" y="4884291"/>
            <a:chExt cx="1487909" cy="250728"/>
          </a:xfrm>
        </p:grpSpPr>
        <p:grpSp>
          <p:nvGrpSpPr>
            <p:cNvPr id="78" name="Group 77">
              <a:extLst>
                <a:ext uri="{FF2B5EF4-FFF2-40B4-BE49-F238E27FC236}">
                  <a16:creationId xmlns:a16="http://schemas.microsoft.com/office/drawing/2014/main" id="{690C8A50-1605-E719-C8C7-C2533F614AE9}"/>
                </a:ext>
              </a:extLst>
            </p:cNvPr>
            <p:cNvGrpSpPr/>
            <p:nvPr/>
          </p:nvGrpSpPr>
          <p:grpSpPr>
            <a:xfrm>
              <a:off x="860772" y="4884291"/>
              <a:ext cx="1487909" cy="212473"/>
              <a:chOff x="5354949" y="3009711"/>
              <a:chExt cx="1645739" cy="202758"/>
            </a:xfrm>
          </p:grpSpPr>
          <p:grpSp>
            <p:nvGrpSpPr>
              <p:cNvPr id="81" name="Group 80">
                <a:extLst>
                  <a:ext uri="{FF2B5EF4-FFF2-40B4-BE49-F238E27FC236}">
                    <a16:creationId xmlns:a16="http://schemas.microsoft.com/office/drawing/2014/main" id="{67A82FE7-81B2-A72A-40D1-D6C28C91BECA}"/>
                  </a:ext>
                </a:extLst>
              </p:cNvPr>
              <p:cNvGrpSpPr/>
              <p:nvPr/>
            </p:nvGrpSpPr>
            <p:grpSpPr>
              <a:xfrm>
                <a:off x="5458296" y="3153610"/>
                <a:ext cx="1445092" cy="45719"/>
                <a:chOff x="5458296" y="3153610"/>
                <a:chExt cx="1445092" cy="45719"/>
              </a:xfrm>
            </p:grpSpPr>
            <p:cxnSp>
              <p:nvCxnSpPr>
                <p:cNvPr id="85" name="Straight Connector 84">
                  <a:extLst>
                    <a:ext uri="{FF2B5EF4-FFF2-40B4-BE49-F238E27FC236}">
                      <a16:creationId xmlns:a16="http://schemas.microsoft.com/office/drawing/2014/main" id="{31B7EC7F-BD1A-DAD8-3184-1A7C2BD8EE5B}"/>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86" name="Oval 85">
                  <a:extLst>
                    <a:ext uri="{FF2B5EF4-FFF2-40B4-BE49-F238E27FC236}">
                      <a16:creationId xmlns:a16="http://schemas.microsoft.com/office/drawing/2014/main" id="{8AECFB80-BEFC-6E75-DBA9-CA85F20FA9BD}"/>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7" name="Oval 86">
                  <a:extLst>
                    <a:ext uri="{FF2B5EF4-FFF2-40B4-BE49-F238E27FC236}">
                      <a16:creationId xmlns:a16="http://schemas.microsoft.com/office/drawing/2014/main" id="{5B0BA58F-4C76-DBDA-BC59-7F719E9829D2}"/>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82" name="Straight Connector 81">
                <a:extLst>
                  <a:ext uri="{FF2B5EF4-FFF2-40B4-BE49-F238E27FC236}">
                    <a16:creationId xmlns:a16="http://schemas.microsoft.com/office/drawing/2014/main" id="{EFC83E58-EBEE-6208-A0C2-E72CE034165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3" name="TextBox 82">
                <a:extLst>
                  <a:ext uri="{FF2B5EF4-FFF2-40B4-BE49-F238E27FC236}">
                    <a16:creationId xmlns:a16="http://schemas.microsoft.com/office/drawing/2014/main" id="{4439A688-A7CF-7DEC-5C8A-C4DC05163BB2}"/>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84" name="TextBox 83">
                <a:extLst>
                  <a:ext uri="{FF2B5EF4-FFF2-40B4-BE49-F238E27FC236}">
                    <a16:creationId xmlns:a16="http://schemas.microsoft.com/office/drawing/2014/main" id="{B3885C9A-CFB5-9CD2-1B7E-0FD318A3646D}"/>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79" name="Oval 78">
              <a:extLst>
                <a:ext uri="{FF2B5EF4-FFF2-40B4-BE49-F238E27FC236}">
                  <a16:creationId xmlns:a16="http://schemas.microsoft.com/office/drawing/2014/main" id="{F7850A51-3EE4-46F3-4AB9-DBDC53E17DB0}"/>
                </a:ext>
              </a:extLst>
            </p:cNvPr>
            <p:cNvSpPr/>
            <p:nvPr/>
          </p:nvSpPr>
          <p:spPr>
            <a:xfrm>
              <a:off x="2170112" y="4991019"/>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34" name="TextBox 133">
            <a:extLst>
              <a:ext uri="{FF2B5EF4-FFF2-40B4-BE49-F238E27FC236}">
                <a16:creationId xmlns:a16="http://schemas.microsoft.com/office/drawing/2014/main" id="{BB2F046B-1007-1D52-3D2C-8ADEFCBCAA59}"/>
              </a:ext>
            </a:extLst>
          </p:cNvPr>
          <p:cNvSpPr txBox="1">
            <a:spLocks/>
          </p:cNvSpPr>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Nøgletal</a:t>
            </a:r>
          </a:p>
        </p:txBody>
      </p:sp>
      <p:sp>
        <p:nvSpPr>
          <p:cNvPr id="198" name="TextBox 197">
            <a:extLst>
              <a:ext uri="{FF2B5EF4-FFF2-40B4-BE49-F238E27FC236}">
                <a16:creationId xmlns:a16="http://schemas.microsoft.com/office/drawing/2014/main" id="{FD58BAC4-080A-03D9-7A61-7DCF8AABF901}"/>
              </a:ext>
            </a:extLst>
          </p:cNvPr>
          <p:cNvSpPr txBox="1">
            <a:spLocks/>
          </p:cNvSpPr>
          <p:nvPr/>
        </p:nvSpPr>
        <p:spPr>
          <a:xfrm>
            <a:off x="10330124" y="2107062"/>
            <a:ext cx="1519861" cy="677108"/>
          </a:xfrm>
          <a:prstGeom prst="rect">
            <a:avLst/>
          </a:prstGeom>
          <a:noFill/>
        </p:spPr>
        <p:txBody>
          <a:bodyPr wrap="square">
            <a:spAutoFit/>
          </a:bodyPr>
          <a:lstStyle/>
          <a:p>
            <a:r>
              <a:rPr lang="da-DK" sz="1400" noProof="0" dirty="0">
                <a:solidFill>
                  <a:srgbClr val="EE2F66"/>
                </a:solidFill>
              </a:rPr>
              <a:t>Ca. £85 mio.* </a:t>
            </a:r>
            <a:endParaRPr lang="da-DK" sz="1400" noProof="0" dirty="0">
              <a:solidFill>
                <a:srgbClr val="2C8027"/>
              </a:solidFill>
              <a:highlight>
                <a:srgbClr val="FFFF00"/>
              </a:highlight>
            </a:endParaRPr>
          </a:p>
          <a:p>
            <a:r>
              <a:rPr lang="da-DK" sz="800" noProof="0" dirty="0"/>
              <a:t>i eksterne udgifter til at udvikle arkitekturen siden 2015.</a:t>
            </a:r>
          </a:p>
        </p:txBody>
      </p:sp>
      <p:sp>
        <p:nvSpPr>
          <p:cNvPr id="204" name="TextBox 203">
            <a:extLst>
              <a:ext uri="{FF2B5EF4-FFF2-40B4-BE49-F238E27FC236}">
                <a16:creationId xmlns:a16="http://schemas.microsoft.com/office/drawing/2014/main" id="{375856DB-90FA-EC4B-2F7A-BE34C8D2C384}"/>
              </a:ext>
            </a:extLst>
          </p:cNvPr>
          <p:cNvSpPr txBox="1">
            <a:spLocks/>
          </p:cNvSpPr>
          <p:nvPr/>
        </p:nvSpPr>
        <p:spPr>
          <a:xfrm>
            <a:off x="10330124" y="2748929"/>
            <a:ext cx="1519861" cy="677108"/>
          </a:xfrm>
          <a:prstGeom prst="rect">
            <a:avLst/>
          </a:prstGeom>
          <a:noFill/>
        </p:spPr>
        <p:txBody>
          <a:bodyPr wrap="square">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400" b="0" i="0" u="none" strike="noStrike" kern="1200" cap="none" spc="0" normalizeH="0" baseline="0" noProof="0">
                <a:ln>
                  <a:noFill/>
                </a:ln>
                <a:solidFill>
                  <a:srgbClr val="EE2F66"/>
                </a:solidFill>
                <a:effectLst/>
                <a:uLnTx/>
                <a:uFillTx/>
                <a:latin typeface="Arial" panose="020B0604020202020204"/>
                <a:ea typeface="+mn-ea"/>
                <a:cs typeface="+mn-cs"/>
              </a:rPr>
              <a:t>+1.200**</a:t>
            </a:r>
            <a:endParaRPr kumimoji="0" lang="da-DK" sz="1400" b="0" i="0" u="none" strike="noStrike" kern="1200" cap="none" spc="0" normalizeH="0" baseline="0" noProof="0">
              <a:ln>
                <a:noFill/>
              </a:ln>
              <a:solidFill>
                <a:srgbClr val="2C8027"/>
              </a:solidFill>
              <a:effectLst/>
              <a:highlight>
                <a:srgbClr val="FFFF00"/>
              </a:highlight>
              <a:uLnTx/>
              <a:uFillTx/>
              <a:latin typeface="Arial" panose="020B0604020202020204"/>
              <a:ea typeface="+mn-ea"/>
              <a:cs typeface="+mn-cs"/>
            </a:endParaRP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srgbClr val="000000"/>
                </a:solidFill>
                <a:effectLst/>
                <a:uLnTx/>
                <a:uFillTx/>
                <a:latin typeface="Arial" panose="020B0604020202020204"/>
                <a:ea typeface="+mn-ea"/>
                <a:cs typeface="+mn-cs"/>
              </a:rPr>
              <a:t>GitHub repositories vidner om en stor investering i open source.</a:t>
            </a:r>
          </a:p>
        </p:txBody>
      </p:sp>
      <p:sp>
        <p:nvSpPr>
          <p:cNvPr id="201" name="TextBox 200">
            <a:extLst>
              <a:ext uri="{FF2B5EF4-FFF2-40B4-BE49-F238E27FC236}">
                <a16:creationId xmlns:a16="http://schemas.microsoft.com/office/drawing/2014/main" id="{8AA97A18-512E-75D1-6339-74C3D238DB9B}"/>
              </a:ext>
            </a:extLst>
          </p:cNvPr>
          <p:cNvSpPr txBox="1">
            <a:spLocks/>
          </p:cNvSpPr>
          <p:nvPr/>
        </p:nvSpPr>
        <p:spPr>
          <a:xfrm>
            <a:off x="10330124" y="3459043"/>
            <a:ext cx="1519861" cy="923330"/>
          </a:xfrm>
          <a:prstGeom prst="rect">
            <a:avLst/>
          </a:prstGeom>
          <a:noFill/>
        </p:spPr>
        <p:txBody>
          <a:bodyPr wrap="square">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400" b="0" i="0" u="none" strike="noStrike" kern="1200" cap="none" spc="0" normalizeH="0" baseline="0" noProof="0">
                <a:ln>
                  <a:noFill/>
                </a:ln>
                <a:solidFill>
                  <a:srgbClr val="EE2F66"/>
                </a:solidFill>
                <a:effectLst/>
                <a:uLnTx/>
                <a:uFillTx/>
                <a:latin typeface="Arial" panose="020B0604020202020204"/>
                <a:ea typeface="+mn-ea"/>
                <a:cs typeface="+mn-cs"/>
              </a:rPr>
              <a:t>£450 mio.***</a:t>
            </a:r>
            <a:br>
              <a:rPr kumimoji="0" lang="da-DK" sz="1400" b="0" i="0" u="none" strike="noStrike" kern="1200" cap="none" spc="0" normalizeH="0" baseline="0" noProof="0">
                <a:ln>
                  <a:noFill/>
                </a:ln>
                <a:solidFill>
                  <a:srgbClr val="EE2F66"/>
                </a:solidFill>
                <a:effectLst/>
                <a:uLnTx/>
                <a:uFillTx/>
                <a:latin typeface="Arial" panose="020B0604020202020204"/>
                <a:ea typeface="+mn-ea"/>
                <a:cs typeface="+mn-cs"/>
              </a:rPr>
            </a:br>
            <a:r>
              <a:rPr kumimoji="0" lang="da-DK" sz="800" b="0" i="0" u="none" strike="noStrike" kern="1200" cap="none" spc="0" normalizeH="0" baseline="0" noProof="0">
                <a:ln>
                  <a:noFill/>
                </a:ln>
                <a:solidFill>
                  <a:srgbClr val="000000"/>
                </a:solidFill>
                <a:effectLst/>
                <a:uLnTx/>
                <a:uFillTx/>
                <a:latin typeface="Arial" panose="020B0604020202020204"/>
                <a:ea typeface="+mn-ea"/>
                <a:cs typeface="+mn-cs"/>
              </a:rPr>
              <a:t>i udgifter til AWS-hosting i 2023-2026 på tværs af Home Office vidner om en fortsat stor afhængighed til internationale hyperscalers.</a:t>
            </a:r>
          </a:p>
        </p:txBody>
      </p:sp>
      <p:sp>
        <p:nvSpPr>
          <p:cNvPr id="25" name="TextBox 24">
            <a:extLst>
              <a:ext uri="{FF2B5EF4-FFF2-40B4-BE49-F238E27FC236}">
                <a16:creationId xmlns:a16="http://schemas.microsoft.com/office/drawing/2014/main" id="{FFA29A89-C966-20A7-0080-AEE1A714D238}"/>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a:t>Midlertidige omkostninger</a:t>
            </a:r>
            <a:endParaRPr lang="da-DK" sz="900" noProof="0"/>
          </a:p>
          <a:p>
            <a:pPr>
              <a:lnSpc>
                <a:spcPct val="200000"/>
              </a:lnSpc>
            </a:pPr>
            <a:r>
              <a:rPr lang="da-DK" sz="900" noProof="0"/>
              <a:t>  Projektledelse </a:t>
            </a:r>
          </a:p>
          <a:p>
            <a:pPr>
              <a:lnSpc>
                <a:spcPct val="200000"/>
              </a:lnSpc>
            </a:pPr>
            <a:endParaRPr lang="da-DK" sz="900" noProof="0"/>
          </a:p>
          <a:p>
            <a:pPr>
              <a:lnSpc>
                <a:spcPct val="200000"/>
              </a:lnSpc>
            </a:pPr>
            <a:r>
              <a:rPr lang="da-DK" sz="900" noProof="0"/>
              <a:t>  Organisatorisk implementering</a:t>
            </a:r>
          </a:p>
          <a:p>
            <a:pPr>
              <a:lnSpc>
                <a:spcPct val="200000"/>
              </a:lnSpc>
            </a:pPr>
            <a:r>
              <a:rPr lang="da-DK" sz="900" noProof="0"/>
              <a:t> </a:t>
            </a:r>
          </a:p>
          <a:p>
            <a:pPr>
              <a:lnSpc>
                <a:spcPct val="200000"/>
              </a:lnSpc>
            </a:pPr>
            <a:r>
              <a:rPr lang="da-DK" sz="900" noProof="0"/>
              <a:t>  Teknisk implementering</a:t>
            </a:r>
          </a:p>
          <a:p>
            <a:pPr>
              <a:lnSpc>
                <a:spcPct val="150000"/>
              </a:lnSpc>
            </a:pPr>
            <a:endParaRPr lang="da-DK" sz="900" noProof="0"/>
          </a:p>
          <a:p>
            <a:pPr>
              <a:lnSpc>
                <a:spcPct val="150000"/>
              </a:lnSpc>
            </a:pPr>
            <a:endParaRPr lang="da-DK" sz="900" b="1" noProof="0">
              <a:solidFill>
                <a:srgbClr val="36465A"/>
              </a:solidFill>
            </a:endParaRPr>
          </a:p>
          <a:p>
            <a:pPr>
              <a:lnSpc>
                <a:spcPct val="150000"/>
              </a:lnSpc>
            </a:pPr>
            <a:r>
              <a:rPr lang="da-DK" sz="900" b="1" noProof="0">
                <a:solidFill>
                  <a:srgbClr val="36465A"/>
                </a:solidFill>
              </a:rPr>
              <a:t>Driftsomkostninger</a:t>
            </a:r>
          </a:p>
          <a:p>
            <a:pPr>
              <a:lnSpc>
                <a:spcPct val="200000"/>
              </a:lnSpc>
            </a:pPr>
            <a:r>
              <a:rPr lang="da-DK" sz="900" noProof="0">
                <a:solidFill>
                  <a:schemeClr val="accent4">
                    <a:lumMod val="50000"/>
                  </a:schemeClr>
                </a:solidFill>
              </a:rPr>
              <a:t>  Teknologi</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Nye kompetencer </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Drift og support</a:t>
            </a:r>
          </a:p>
        </p:txBody>
      </p:sp>
      <p:grpSp>
        <p:nvGrpSpPr>
          <p:cNvPr id="29" name="Group 28">
            <a:extLst>
              <a:ext uri="{FF2B5EF4-FFF2-40B4-BE49-F238E27FC236}">
                <a16:creationId xmlns:a16="http://schemas.microsoft.com/office/drawing/2014/main" id="{777FA7FE-3173-95D5-D10B-08C852FCAD8C}"/>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30" name="Oval 29">
              <a:extLst>
                <a:ext uri="{FF2B5EF4-FFF2-40B4-BE49-F238E27FC236}">
                  <a16:creationId xmlns:a16="http://schemas.microsoft.com/office/drawing/2014/main" id="{79BB358C-C494-FB79-64F8-65AB0A8B4327}"/>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Freeform 11">
              <a:extLst>
                <a:ext uri="{FF2B5EF4-FFF2-40B4-BE49-F238E27FC236}">
                  <a16:creationId xmlns:a16="http://schemas.microsoft.com/office/drawing/2014/main" id="{A22ADC82-9ABA-B837-5885-1EE0A6F47A50}"/>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42" name="Group 41">
            <a:extLst>
              <a:ext uri="{FF2B5EF4-FFF2-40B4-BE49-F238E27FC236}">
                <a16:creationId xmlns:a16="http://schemas.microsoft.com/office/drawing/2014/main" id="{4C728E89-5295-3646-A0E1-FA98ABDA3D02}"/>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43" name="Oval 42">
              <a:extLst>
                <a:ext uri="{FF2B5EF4-FFF2-40B4-BE49-F238E27FC236}">
                  <a16:creationId xmlns:a16="http://schemas.microsoft.com/office/drawing/2014/main" id="{6B02B99F-5694-02AE-DE9B-6C7D5DDE96E2}"/>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4" name="Freeform 19">
              <a:extLst>
                <a:ext uri="{FF2B5EF4-FFF2-40B4-BE49-F238E27FC236}">
                  <a16:creationId xmlns:a16="http://schemas.microsoft.com/office/drawing/2014/main" id="{151CAD31-3A7D-A3E0-B4E1-2E562C03A16A}"/>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4" name="Content Placeholder 5" descr="*Kilde: https://www.publictechnology.net/2025/03/20/international-relations/home-office-signs-85m-digital-deal-to-support-consistent-repeatable-architecture-for-border-it-systems/. ** Kilde: https://github.com/orgs/UKHome Office/repositories. ***Kilde: https://www.datacenterdynamics.com/en/news/uk-home-office-signs-450m-cloud-deal-with-aws/.">
            <a:extLst>
              <a:ext uri="{FF2B5EF4-FFF2-40B4-BE49-F238E27FC236}">
                <a16:creationId xmlns:a16="http://schemas.microsoft.com/office/drawing/2014/main" id="{D0BEF773-A65D-E80C-E02F-4F80BCF6E735}"/>
              </a:ext>
            </a:extLst>
          </p:cNvPr>
          <p:cNvSpPr txBox="1">
            <a:spLocks/>
          </p:cNvSpPr>
          <p:nvPr/>
        </p:nvSpPr>
        <p:spPr>
          <a:xfrm>
            <a:off x="552449" y="6409856"/>
            <a:ext cx="11470014" cy="9724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700" b="0" i="1" noProof="0" dirty="0">
                <a:solidFill>
                  <a:schemeClr val="tx1"/>
                </a:solidFill>
              </a:rPr>
              <a:t>*Kilde: https://www.publictechnology.net/2025/03/20/international-relations/home-office-signs-85m-digital-deal-to-support-consistent-repeatable-architecture-for-border-it-systems/. ** Kilde: </a:t>
            </a:r>
            <a:r>
              <a:rPr lang="da-DK" sz="700" b="0" i="1" noProof="0" dirty="0">
                <a:solidFill>
                  <a:schemeClr val="tx1"/>
                </a:solidFill>
                <a:hlinkClick r:id="rId8" tooltip="GitHub"/>
              </a:rPr>
              <a:t>https://github.com/orgs/UKHome</a:t>
            </a:r>
            <a:r>
              <a:rPr lang="da-DK" sz="700" b="0" i="1" noProof="0" dirty="0">
                <a:solidFill>
                  <a:schemeClr val="tx1"/>
                </a:solidFill>
              </a:rPr>
              <a:t> Office/</a:t>
            </a:r>
            <a:r>
              <a:rPr lang="da-DK" sz="700" b="0" i="1" noProof="0" dirty="0" err="1">
                <a:solidFill>
                  <a:schemeClr val="tx1"/>
                </a:solidFill>
              </a:rPr>
              <a:t>repositories</a:t>
            </a:r>
            <a:r>
              <a:rPr lang="da-DK" sz="700" b="0" i="1" noProof="0" dirty="0">
                <a:solidFill>
                  <a:schemeClr val="tx1"/>
                </a:solidFill>
              </a:rPr>
              <a:t>. ***Kilde: https://www.datacenterdynamics.com/en/news/uk-home-office-signs-450m-cloud-deal-with-aws/.</a:t>
            </a:r>
          </a:p>
        </p:txBody>
      </p:sp>
      <p:sp>
        <p:nvSpPr>
          <p:cNvPr id="80" name="TextBox 79">
            <a:extLst>
              <a:ext uri="{FF2B5EF4-FFF2-40B4-BE49-F238E27FC236}">
                <a16:creationId xmlns:a16="http://schemas.microsoft.com/office/drawing/2014/main" id="{7BB46F29-9F9E-B0CC-E5A4-EF80FD53AB57}"/>
              </a:ext>
            </a:extLst>
          </p:cNvPr>
          <p:cNvSpPr txBox="1"/>
          <p:nvPr/>
        </p:nvSpPr>
        <p:spPr>
          <a:xfrm>
            <a:off x="9393434" y="4757097"/>
            <a:ext cx="2387561" cy="1318310"/>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We’ll</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manage</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technology</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using</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open,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accessible</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tools</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that</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we</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wil</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test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regularly</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to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make</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sure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they</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meet</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government</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and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external</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 standards.”</a:t>
            </a:r>
            <a:endParaRPr kumimoji="0" lang="da-DK" sz="800" b="0" i="1"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Home Office,</a:t>
            </a:r>
            <a:b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b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2030 Digital </a:t>
            </a:r>
            <a:r>
              <a:rPr kumimoji="0" lang="da-DK" sz="900" b="0" i="0" u="none" strike="noStrike" kern="1200" cap="none" spc="0" normalizeH="0" baseline="0" noProof="0" dirty="0" err="1">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Strategy</a:t>
            </a: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a:t>
            </a:r>
            <a:endPar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p:txBody>
      </p:sp>
    </p:spTree>
    <p:extLst>
      <p:ext uri="{BB962C8B-B14F-4D97-AF65-F5344CB8AC3E}">
        <p14:creationId xmlns:p14="http://schemas.microsoft.com/office/powerpoint/2010/main" val="3648832719"/>
      </p:ext>
    </p:extLst>
  </p:cSld>
  <p:clrMapOvr>
    <a:masterClrMapping/>
  </p:clrMapOvr>
  <p:transition>
    <p:fade/>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73324A-5D1F-267C-77D6-F761150C90F0}"/>
            </a:ext>
          </a:extLst>
        </p:cNvPr>
        <p:cNvGrpSpPr/>
        <p:nvPr/>
      </p:nvGrpSpPr>
      <p:grpSpPr>
        <a:xfrm>
          <a:off x="0" y="0"/>
          <a:ext cx="0" cy="0"/>
          <a:chOff x="0" y="0"/>
          <a:chExt cx="0" cy="0"/>
        </a:xfrm>
      </p:grpSpPr>
      <p:sp>
        <p:nvSpPr>
          <p:cNvPr id="43" name="Rectangle: Rounded Corners 42">
            <a:extLst>
              <a:ext uri="{FF2B5EF4-FFF2-40B4-BE49-F238E27FC236}">
                <a16:creationId xmlns:a16="http://schemas.microsoft.com/office/drawing/2014/main" id="{600FB736-FB0D-9268-27B9-37550EC0A50F}"/>
              </a:ext>
            </a:extLst>
          </p:cNvPr>
          <p:cNvSpPr/>
          <p:nvPr/>
        </p:nvSpPr>
        <p:spPr>
          <a:xfrm>
            <a:off x="169304" y="11734"/>
            <a:ext cx="7765328"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7 | Open source som strategisk fundament i Styrelsen for It og Læring</a:t>
            </a:r>
            <a:endParaRPr lang="da-DK" sz="1600" b="1" noProof="0" dirty="0">
              <a:solidFill>
                <a:srgbClr val="36465A"/>
              </a:solidFill>
              <a:highlight>
                <a:srgbClr val="FFFF00"/>
              </a:highlight>
            </a:endParaRPr>
          </a:p>
        </p:txBody>
      </p:sp>
      <p:pic>
        <p:nvPicPr>
          <p:cNvPr id="41" name="Picture 40">
            <a:extLst>
              <a:ext uri="{FF2B5EF4-FFF2-40B4-BE49-F238E27FC236}">
                <a16:creationId xmlns:a16="http://schemas.microsoft.com/office/drawing/2014/main" id="{14B8A74E-B059-9328-1CA0-D4B26E748C2E}"/>
              </a:ext>
              <a:ext uri="{C183D7F6-B498-43B3-948B-1728B52AA6E4}">
                <adec:decorative xmlns:adec="http://schemas.microsoft.com/office/drawing/2017/decorative" val="1"/>
              </a:ext>
            </a:extLst>
          </p:cNvPr>
          <p:cNvPicPr>
            <a:picLocks noChangeAspect="1"/>
          </p:cNvPicPr>
          <p:nvPr/>
        </p:nvPicPr>
        <p:blipFill>
          <a:blip r:embed="rId3"/>
          <a:stretch>
            <a:fillRect/>
          </a:stretch>
        </p:blipFill>
        <p:spPr>
          <a:xfrm>
            <a:off x="10421581" y="288082"/>
            <a:ext cx="1581610" cy="833170"/>
          </a:xfrm>
          <a:prstGeom prst="rect">
            <a:avLst/>
          </a:prstGeom>
        </p:spPr>
      </p:pic>
      <p:sp>
        <p:nvSpPr>
          <p:cNvPr id="4" name="Rectangle: Rounded Corners 3">
            <a:extLst>
              <a:ext uri="{FF2B5EF4-FFF2-40B4-BE49-F238E27FC236}">
                <a16:creationId xmlns:a16="http://schemas.microsoft.com/office/drawing/2014/main" id="{E501792D-E73F-35A9-4A06-0D7099E8F719}"/>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3" name="Rectangle: Rounded Corners 52">
            <a:extLst>
              <a:ext uri="{FF2B5EF4-FFF2-40B4-BE49-F238E27FC236}">
                <a16:creationId xmlns:a16="http://schemas.microsoft.com/office/drawing/2014/main" id="{1A7465A4-947F-8E0E-AB3E-B817546D24BC}"/>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chemeClr val="lt1">
                  <a:alpha val="50000"/>
                </a:schemeClr>
              </a:solidFill>
            </a:endParaRPr>
          </a:p>
        </p:txBody>
      </p:sp>
      <p:sp>
        <p:nvSpPr>
          <p:cNvPr id="2" name="Title 1">
            <a:extLst>
              <a:ext uri="{FF2B5EF4-FFF2-40B4-BE49-F238E27FC236}">
                <a16:creationId xmlns:a16="http://schemas.microsoft.com/office/drawing/2014/main" id="{6CE881EB-5019-64B3-2090-1B58A70DEBB4}"/>
              </a:ext>
            </a:extLst>
          </p:cNvPr>
          <p:cNvSpPr>
            <a:spLocks noGrp="1"/>
          </p:cNvSpPr>
          <p:nvPr>
            <p:ph type="title"/>
          </p:nvPr>
        </p:nvSpPr>
        <p:spPr/>
        <p:txBody>
          <a:bodyPr/>
          <a:lstStyle/>
          <a:p>
            <a:r>
              <a:rPr lang="da-DK" sz="2200" noProof="0" dirty="0"/>
              <a:t>Side 1/3 | </a:t>
            </a:r>
            <a:r>
              <a:rPr lang="da-DK" sz="2200" b="1" noProof="0" dirty="0"/>
              <a:t>Sammenfatning af casen</a:t>
            </a:r>
          </a:p>
        </p:txBody>
      </p:sp>
      <p:sp>
        <p:nvSpPr>
          <p:cNvPr id="9" name="Rectangle: Rounded Corners 8">
            <a:extLst>
              <a:ext uri="{FF2B5EF4-FFF2-40B4-BE49-F238E27FC236}">
                <a16:creationId xmlns:a16="http://schemas.microsoft.com/office/drawing/2014/main" id="{B9C05F43-7F9B-A535-FE5E-E3303F937A6A}"/>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3" name="Content Placeholder 5">
            <a:extLst>
              <a:ext uri="{FF2B5EF4-FFF2-40B4-BE49-F238E27FC236}">
                <a16:creationId xmlns:a16="http://schemas.microsoft.com/office/drawing/2014/main" id="{1501707C-616D-AD09-C1AC-A041B7F6B284}"/>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11" name="Rectangle 10">
            <a:extLst>
              <a:ext uri="{FF2B5EF4-FFF2-40B4-BE49-F238E27FC236}">
                <a16:creationId xmlns:a16="http://schemas.microsoft.com/office/drawing/2014/main" id="{EB1784E8-C36B-F890-AD40-2F2AA562C7C7}"/>
              </a:ext>
            </a:extLst>
          </p:cNvPr>
          <p:cNvSpPr/>
          <p:nvPr/>
        </p:nvSpPr>
        <p:spPr>
          <a:xfrm>
            <a:off x="545725" y="2115689"/>
            <a:ext cx="2775665"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lvl="0">
              <a:spcAft>
                <a:spcPts val="350"/>
              </a:spcAft>
              <a:defRPr/>
            </a:pPr>
            <a:r>
              <a:rPr lang="da-DK" sz="900" noProof="0" dirty="0">
                <a:solidFill>
                  <a:srgbClr val="000000"/>
                </a:solidFill>
                <a:latin typeface="Arial" panose="020B0604020202020204"/>
              </a:rPr>
              <a:t>Casen handler om Styrelsen for It og Lærings (STIL) arbejde med at opbygge en teknologistak, der balancerer åbenhed, kontrol, fleksibilitet og driftssikkerhed. </a:t>
            </a:r>
          </a:p>
          <a:p>
            <a:pPr lvl="0">
              <a:spcAft>
                <a:spcPts val="350"/>
              </a:spcAft>
              <a:defRPr/>
            </a:pP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rPr>
              <a:t>Casen demonstrerer, hvordan STIL har opnået mindre afhængighed til enkeltleverandører og selv er i stand til at styre </a:t>
            </a:r>
            <a:r>
              <a:rPr lang="da-DK" sz="900" noProof="0" dirty="0">
                <a:solidFill>
                  <a:srgbClr val="000000"/>
                </a:solidFill>
                <a:latin typeface="Arial" panose="020B0604020202020204"/>
              </a:rPr>
              <a:t>udvikling</a:t>
            </a: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rPr>
              <a:t> og vedligehold af </a:t>
            </a:r>
            <a:r>
              <a:rPr lang="da-DK" sz="900" noProof="0" dirty="0">
                <a:solidFill>
                  <a:srgbClr val="000000"/>
                </a:solidFill>
                <a:latin typeface="Arial" panose="020B0604020202020204"/>
              </a:rPr>
              <a:t>ca. </a:t>
            </a: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rPr>
              <a:t>150 it-systemer, herunder det samfundskritiske system Uni-login, som i gennemsnit har en million logins fra elever og lærere dagligt, Uddannelsesguiden og digitale prøve- og eksamenssystemer.</a:t>
            </a:r>
            <a:endParaRPr lang="da-DK" sz="900" i="1" noProof="0" dirty="0">
              <a:solidFill>
                <a:schemeClr val="tx1"/>
              </a:solidFill>
            </a:endParaRPr>
          </a:p>
        </p:txBody>
      </p:sp>
      <p:grpSp>
        <p:nvGrpSpPr>
          <p:cNvPr id="145" name="Group 144" descr="Oversigt over teknologistakken og hvor casen rammer. Denne case rammer Koncern og fagsystemer, Digital Arbejdsplads, Datadeling og basis software og Datacenterinfrastruktur">
            <a:extLst>
              <a:ext uri="{FF2B5EF4-FFF2-40B4-BE49-F238E27FC236}">
                <a16:creationId xmlns:a16="http://schemas.microsoft.com/office/drawing/2014/main" id="{97D214D0-60D2-ACC0-F050-093431F7435B}"/>
              </a:ext>
              <a:ext uri="{C183D7F6-B498-43B3-948B-1728B52AA6E4}">
                <adec:decorative xmlns:adec="http://schemas.microsoft.com/office/drawing/2017/decorative" val="0"/>
              </a:ext>
            </a:extLst>
          </p:cNvPr>
          <p:cNvGrpSpPr/>
          <p:nvPr/>
        </p:nvGrpSpPr>
        <p:grpSpPr>
          <a:xfrm>
            <a:off x="713385" y="4086154"/>
            <a:ext cx="2338961" cy="2232878"/>
            <a:chOff x="713385" y="4086154"/>
            <a:chExt cx="2338961" cy="2232878"/>
          </a:xfrm>
        </p:grpSpPr>
        <p:sp>
          <p:nvSpPr>
            <p:cNvPr id="5" name="Rectangle: Rounded Corners 4">
              <a:extLst>
                <a:ext uri="{FF2B5EF4-FFF2-40B4-BE49-F238E27FC236}">
                  <a16:creationId xmlns:a16="http://schemas.microsoft.com/office/drawing/2014/main" id="{ECA40CBB-735E-7E1D-F933-08C7A90DE407}"/>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dirty="0">
                  <a:solidFill>
                    <a:schemeClr val="tx1"/>
                  </a:solidFill>
                </a:rPr>
                <a:t>Digitale løsninger</a:t>
              </a:r>
            </a:p>
          </p:txBody>
        </p:sp>
        <p:sp>
          <p:nvSpPr>
            <p:cNvPr id="7" name="Rectangle: Rounded Corners 6">
              <a:extLst>
                <a:ext uri="{FF2B5EF4-FFF2-40B4-BE49-F238E27FC236}">
                  <a16:creationId xmlns:a16="http://schemas.microsoft.com/office/drawing/2014/main" id="{02D65CDF-86DE-242D-342E-3730CE004C35}"/>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dirty="0">
                  <a:solidFill>
                    <a:schemeClr val="tx1"/>
                  </a:solidFill>
                </a:rPr>
                <a:t>It-infrastruktur</a:t>
              </a:r>
            </a:p>
          </p:txBody>
        </p:sp>
        <p:sp>
          <p:nvSpPr>
            <p:cNvPr id="8" name="Rectangle 36">
              <a:extLst>
                <a:ext uri="{FF2B5EF4-FFF2-40B4-BE49-F238E27FC236}">
                  <a16:creationId xmlns:a16="http://schemas.microsoft.com/office/drawing/2014/main" id="{BA91697D-E286-B61C-3AA4-F6BECB39DE6C}"/>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AI og digitale services</a:t>
              </a:r>
            </a:p>
          </p:txBody>
        </p:sp>
        <p:sp>
          <p:nvSpPr>
            <p:cNvPr id="10" name="Rectangle 43">
              <a:extLst>
                <a:ext uri="{FF2B5EF4-FFF2-40B4-BE49-F238E27FC236}">
                  <a16:creationId xmlns:a16="http://schemas.microsoft.com/office/drawing/2014/main" id="{80F81757-2B16-62B8-AFFA-2FE9B0B88894}"/>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dirty="0">
                  <a:solidFill>
                    <a:schemeClr val="bg1"/>
                  </a:solidFill>
                </a:rPr>
                <a:t>Teknologistak</a:t>
              </a:r>
            </a:p>
          </p:txBody>
        </p:sp>
        <p:sp>
          <p:nvSpPr>
            <p:cNvPr id="15" name="Rectangle 36">
              <a:extLst>
                <a:ext uri="{FF2B5EF4-FFF2-40B4-BE49-F238E27FC236}">
                  <a16:creationId xmlns:a16="http://schemas.microsoft.com/office/drawing/2014/main" id="{E7DA8F0B-69B7-AD56-2ADD-924D5A06AD78}"/>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Koncern- og fagsystemer</a:t>
              </a:r>
            </a:p>
          </p:txBody>
        </p:sp>
        <p:sp>
          <p:nvSpPr>
            <p:cNvPr id="16" name="Rectangle 36">
              <a:extLst>
                <a:ext uri="{FF2B5EF4-FFF2-40B4-BE49-F238E27FC236}">
                  <a16:creationId xmlns:a16="http://schemas.microsoft.com/office/drawing/2014/main" id="{86D8B22F-EE94-973E-824A-DDFBAA7C36AE}"/>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Digital arbejdsplads</a:t>
              </a:r>
            </a:p>
          </p:txBody>
        </p:sp>
        <p:sp>
          <p:nvSpPr>
            <p:cNvPr id="17" name="Rectangle 36">
              <a:extLst>
                <a:ext uri="{FF2B5EF4-FFF2-40B4-BE49-F238E27FC236}">
                  <a16:creationId xmlns:a16="http://schemas.microsoft.com/office/drawing/2014/main" id="{6A3EE10C-DCEA-CD16-9755-86EC902A0FC9}"/>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Sikkerhedsløsninger</a:t>
              </a:r>
            </a:p>
          </p:txBody>
        </p:sp>
        <p:sp>
          <p:nvSpPr>
            <p:cNvPr id="18" name="Rectangle 36">
              <a:extLst>
                <a:ext uri="{FF2B5EF4-FFF2-40B4-BE49-F238E27FC236}">
                  <a16:creationId xmlns:a16="http://schemas.microsoft.com/office/drawing/2014/main" id="{E2C59B6B-A5BD-C0FD-3214-82F856487933}"/>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Datadeling og basis-software</a:t>
              </a:r>
            </a:p>
          </p:txBody>
        </p:sp>
        <p:sp>
          <p:nvSpPr>
            <p:cNvPr id="19" name="Rectangle 36">
              <a:extLst>
                <a:ext uri="{FF2B5EF4-FFF2-40B4-BE49-F238E27FC236}">
                  <a16:creationId xmlns:a16="http://schemas.microsoft.com/office/drawing/2014/main" id="{8D5D7E24-4BCA-062B-8108-7DED0C5E57F7}"/>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Cloud-services</a:t>
              </a:r>
            </a:p>
          </p:txBody>
        </p:sp>
        <p:sp>
          <p:nvSpPr>
            <p:cNvPr id="20" name="Rectangle 36">
              <a:extLst>
                <a:ext uri="{FF2B5EF4-FFF2-40B4-BE49-F238E27FC236}">
                  <a16:creationId xmlns:a16="http://schemas.microsoft.com/office/drawing/2014/main" id="{4AE0664D-57CE-6B2B-21D1-A6BC3911500F}"/>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Devices og slutbrugerudstyr</a:t>
              </a:r>
            </a:p>
          </p:txBody>
        </p:sp>
        <p:sp>
          <p:nvSpPr>
            <p:cNvPr id="21" name="Rectangle 36">
              <a:extLst>
                <a:ext uri="{FF2B5EF4-FFF2-40B4-BE49-F238E27FC236}">
                  <a16:creationId xmlns:a16="http://schemas.microsoft.com/office/drawing/2014/main" id="{884FC51F-D590-13D1-794B-1D2F3888A15A}"/>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Datacenterinfrastruktur</a:t>
              </a:r>
            </a:p>
          </p:txBody>
        </p:sp>
        <p:sp>
          <p:nvSpPr>
            <p:cNvPr id="24" name="Rectangle 36">
              <a:extLst>
                <a:ext uri="{FF2B5EF4-FFF2-40B4-BE49-F238E27FC236}">
                  <a16:creationId xmlns:a16="http://schemas.microsoft.com/office/drawing/2014/main" id="{4E51ECD1-3C41-8ACB-F038-605ADEACA83C}"/>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Netværksinfrastruktur</a:t>
              </a:r>
            </a:p>
          </p:txBody>
        </p:sp>
      </p:grpSp>
      <p:sp>
        <p:nvSpPr>
          <p:cNvPr id="3" name="Content Placeholder 5">
            <a:extLst>
              <a:ext uri="{FF2B5EF4-FFF2-40B4-BE49-F238E27FC236}">
                <a16:creationId xmlns:a16="http://schemas.microsoft.com/office/drawing/2014/main" id="{66A5947E-9E54-2E91-1A34-75ABBF161C08}"/>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Karakteristika, gevinster og barrierer</a:t>
            </a:r>
          </a:p>
        </p:txBody>
      </p:sp>
      <p:grpSp>
        <p:nvGrpSpPr>
          <p:cNvPr id="71" name="Group 70" descr="Casen er i driftsfasen">
            <a:extLst>
              <a:ext uri="{FF2B5EF4-FFF2-40B4-BE49-F238E27FC236}">
                <a16:creationId xmlns:a16="http://schemas.microsoft.com/office/drawing/2014/main" id="{3FA99DB1-19AA-B285-F7BC-4DAD7AA2F95B}"/>
              </a:ext>
              <a:ext uri="{C183D7F6-B498-43B3-948B-1728B52AA6E4}">
                <adec:decorative xmlns:adec="http://schemas.microsoft.com/office/drawing/2017/decorative" val="0"/>
              </a:ext>
            </a:extLst>
          </p:cNvPr>
          <p:cNvGrpSpPr/>
          <p:nvPr/>
        </p:nvGrpSpPr>
        <p:grpSpPr>
          <a:xfrm>
            <a:off x="6937091" y="1945363"/>
            <a:ext cx="2371002" cy="233209"/>
            <a:chOff x="579065" y="3721174"/>
            <a:chExt cx="2371002" cy="233209"/>
          </a:xfrm>
        </p:grpSpPr>
        <p:cxnSp>
          <p:nvCxnSpPr>
            <p:cNvPr id="62" name="Straight Connector 61">
              <a:extLst>
                <a:ext uri="{FF2B5EF4-FFF2-40B4-BE49-F238E27FC236}">
                  <a16:creationId xmlns:a16="http://schemas.microsoft.com/office/drawing/2014/main" id="{8FDBDF86-D3B0-7B5D-3BD0-AD350D87A837}"/>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1903C794-885A-EC75-F413-AFD819637401}"/>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55" name="TextBox 54">
              <a:extLst>
                <a:ext uri="{FF2B5EF4-FFF2-40B4-BE49-F238E27FC236}">
                  <a16:creationId xmlns:a16="http://schemas.microsoft.com/office/drawing/2014/main" id="{0581D7F4-7CE0-4C84-5013-34973A785B57}"/>
                </a:ext>
              </a:extLst>
            </p:cNvPr>
            <p:cNvSpPr txBox="1"/>
            <p:nvPr/>
          </p:nvSpPr>
          <p:spPr>
            <a:xfrm>
              <a:off x="579065" y="3723935"/>
              <a:ext cx="293195" cy="107722"/>
            </a:xfrm>
            <a:prstGeom prst="rect">
              <a:avLst/>
            </a:prstGeom>
            <a:noFill/>
          </p:spPr>
          <p:txBody>
            <a:bodyPr wrap="square" lIns="0" tIns="0" rIns="0" bIns="0" rtlCol="0" anchor="ctr">
              <a:spAutoFit/>
            </a:bodyPr>
            <a:lstStyle/>
            <a:p>
              <a:pPr algn="ctr"/>
              <a:r>
                <a:rPr lang="da-DK" sz="700" noProof="0" dirty="0">
                  <a:latin typeface="KBH Tekst" panose="00000500000000000000" pitchFamily="2" charset="0"/>
                </a:rPr>
                <a:t>Idé</a:t>
              </a:r>
            </a:p>
          </p:txBody>
        </p:sp>
        <p:sp>
          <p:nvSpPr>
            <p:cNvPr id="56" name="TextBox 55">
              <a:extLst>
                <a:ext uri="{FF2B5EF4-FFF2-40B4-BE49-F238E27FC236}">
                  <a16:creationId xmlns:a16="http://schemas.microsoft.com/office/drawing/2014/main" id="{AF295BC8-DD73-9A01-E61C-47BAC5FC71F3}"/>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dirty="0">
                  <a:latin typeface="KBH Tekst" panose="00000500000000000000" pitchFamily="2" charset="0"/>
                </a:rPr>
                <a:t>Projekt</a:t>
              </a:r>
            </a:p>
          </p:txBody>
        </p:sp>
        <p:sp>
          <p:nvSpPr>
            <p:cNvPr id="65" name="TextBox 64">
              <a:extLst>
                <a:ext uri="{FF2B5EF4-FFF2-40B4-BE49-F238E27FC236}">
                  <a16:creationId xmlns:a16="http://schemas.microsoft.com/office/drawing/2014/main" id="{D6F307D9-D07B-B8E1-2F1C-A79AA52CC02B}"/>
                </a:ext>
              </a:extLst>
            </p:cNvPr>
            <p:cNvSpPr txBox="1"/>
            <p:nvPr/>
          </p:nvSpPr>
          <p:spPr>
            <a:xfrm>
              <a:off x="1681056" y="3722668"/>
              <a:ext cx="650230" cy="107722"/>
            </a:xfrm>
            <a:prstGeom prst="rect">
              <a:avLst/>
            </a:prstGeom>
            <a:noFill/>
          </p:spPr>
          <p:txBody>
            <a:bodyPr wrap="square" lIns="0" tIns="0" rIns="0" bIns="0" rtlCol="0" anchor="ctr">
              <a:spAutoFit/>
            </a:bodyPr>
            <a:lstStyle/>
            <a:p>
              <a:pPr algn="ctr"/>
              <a:r>
                <a:rPr lang="da-DK" sz="700" noProof="0" dirty="0">
                  <a:latin typeface="KBH Tekst" panose="00000500000000000000" pitchFamily="2" charset="0"/>
                </a:rPr>
                <a:t>Implementering</a:t>
              </a:r>
            </a:p>
          </p:txBody>
        </p:sp>
        <p:sp>
          <p:nvSpPr>
            <p:cNvPr id="66" name="TextBox 65">
              <a:extLst>
                <a:ext uri="{FF2B5EF4-FFF2-40B4-BE49-F238E27FC236}">
                  <a16:creationId xmlns:a16="http://schemas.microsoft.com/office/drawing/2014/main" id="{0DF80282-857C-C0EB-FB39-78A5EEFE308E}"/>
                </a:ext>
              </a:extLst>
            </p:cNvPr>
            <p:cNvSpPr txBox="1"/>
            <p:nvPr/>
          </p:nvSpPr>
          <p:spPr>
            <a:xfrm>
              <a:off x="2299837" y="3723935"/>
              <a:ext cx="650230" cy="107722"/>
            </a:xfrm>
            <a:prstGeom prst="rect">
              <a:avLst/>
            </a:prstGeom>
            <a:noFill/>
          </p:spPr>
          <p:txBody>
            <a:bodyPr wrap="square" lIns="0" tIns="0" rIns="0" bIns="0" rtlCol="0" anchor="ctr">
              <a:spAutoFit/>
            </a:bodyPr>
            <a:lstStyle/>
            <a:p>
              <a:pPr algn="ctr"/>
              <a:r>
                <a:rPr lang="da-DK" sz="700" noProof="0" dirty="0">
                  <a:latin typeface="KBH Tekst" panose="00000500000000000000" pitchFamily="2" charset="0"/>
                </a:rPr>
                <a:t>Drift</a:t>
              </a:r>
            </a:p>
          </p:txBody>
        </p:sp>
        <p:cxnSp>
          <p:nvCxnSpPr>
            <p:cNvPr id="68" name="Straight Connector 67">
              <a:extLst>
                <a:ext uri="{FF2B5EF4-FFF2-40B4-BE49-F238E27FC236}">
                  <a16:creationId xmlns:a16="http://schemas.microsoft.com/office/drawing/2014/main" id="{1DF2167C-A578-DD5F-5B0E-C03CF0345ADC}"/>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C6226D05-6FB9-BC9A-289F-B04E6AA4D2BF}"/>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80F68144-1CC4-A851-A5F4-A018AF338851}"/>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14" name="Rectangle 13">
            <a:extLst>
              <a:ext uri="{FF2B5EF4-FFF2-40B4-BE49-F238E27FC236}">
                <a16:creationId xmlns:a16="http://schemas.microsoft.com/office/drawing/2014/main" id="{2F115D26-586B-56B5-108D-7D6FBE72A519}"/>
              </a:ext>
            </a:extLst>
          </p:cNvPr>
          <p:cNvSpPr/>
          <p:nvPr/>
        </p:nvSpPr>
        <p:spPr>
          <a:xfrm>
            <a:off x="3408013" y="2139036"/>
            <a:ext cx="584007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900" b="1" noProof="0" dirty="0">
                <a:solidFill>
                  <a:srgbClr val="36465A"/>
                </a:solidFill>
              </a:rPr>
              <a:t>Generelle karakteristika</a:t>
            </a:r>
          </a:p>
          <a:p>
            <a:pPr marL="171450" indent="-171450">
              <a:buFont typeface="Wingdings" panose="05000000000000000000" pitchFamily="2" charset="2"/>
              <a:buChar char="Ø"/>
            </a:pPr>
            <a:r>
              <a:rPr lang="da-DK" sz="900" b="1" noProof="0" dirty="0">
                <a:solidFill>
                  <a:schemeClr val="tx1"/>
                </a:solidFill>
              </a:rPr>
              <a:t>Status på projekt: </a:t>
            </a:r>
            <a:r>
              <a:rPr lang="da-DK" sz="900" noProof="0" dirty="0">
                <a:solidFill>
                  <a:schemeClr val="tx1"/>
                </a:solidFill>
                <a:sym typeface="Wingdings" panose="05000000000000000000" pitchFamily="2" charset="2"/>
              </a:rPr>
              <a:t>STIL vurderer løbende det konkrete behov, og har undervejs truffet enkelte valg om licensbaserede løsninger, når forretningsbehov, økonomisk effektivitet eller modenhed tilsagde det. Overordnet set har STIL dog de seneste 10-15 år målrettet bevæget sig mod en mere åben teknologistak bl.a. for at sikre egenkontrol og teknologisk valgfrihed. STIL har på den baggrund udfaset en række </a:t>
            </a:r>
            <a:r>
              <a:rPr lang="da-DK" sz="900" noProof="0" dirty="0" err="1">
                <a:solidFill>
                  <a:schemeClr val="tx1"/>
                </a:solidFill>
                <a:sym typeface="Wingdings" panose="05000000000000000000" pitchFamily="2" charset="2"/>
              </a:rPr>
              <a:t>proprietære</a:t>
            </a:r>
            <a:r>
              <a:rPr lang="da-DK" sz="900" noProof="0" dirty="0">
                <a:solidFill>
                  <a:schemeClr val="tx1"/>
                </a:solidFill>
                <a:sym typeface="Wingdings" panose="05000000000000000000" pitchFamily="2" charset="2"/>
              </a:rPr>
              <a:t> produkter og investeret i åbne teknologier som </a:t>
            </a:r>
            <a:r>
              <a:rPr lang="da-DK" sz="900" noProof="0" dirty="0" err="1">
                <a:solidFill>
                  <a:schemeClr val="tx1"/>
                </a:solidFill>
                <a:sym typeface="Wingdings" panose="05000000000000000000" pitchFamily="2" charset="2"/>
              </a:rPr>
              <a:t>Openstack</a:t>
            </a:r>
            <a:r>
              <a:rPr lang="da-DK" sz="900" noProof="0" dirty="0">
                <a:solidFill>
                  <a:schemeClr val="tx1"/>
                </a:solidFill>
                <a:sym typeface="Wingdings" panose="05000000000000000000" pitchFamily="2" charset="2"/>
              </a:rPr>
              <a:t>, </a:t>
            </a:r>
            <a:r>
              <a:rPr lang="da-DK" sz="900" noProof="0" dirty="0" err="1">
                <a:solidFill>
                  <a:schemeClr val="tx1"/>
                </a:solidFill>
                <a:sym typeface="Wingdings" panose="05000000000000000000" pitchFamily="2" charset="2"/>
              </a:rPr>
              <a:t>PostgresSQL</a:t>
            </a:r>
            <a:r>
              <a:rPr lang="da-DK" sz="900" noProof="0" dirty="0">
                <a:solidFill>
                  <a:schemeClr val="tx1"/>
                </a:solidFill>
                <a:sym typeface="Wingdings" panose="05000000000000000000" pitchFamily="2" charset="2"/>
              </a:rPr>
              <a:t>, Java, .NET og open source CMS. </a:t>
            </a:r>
          </a:p>
          <a:p>
            <a:pPr marL="171450" indent="-171450">
              <a:buFont typeface="Wingdings" panose="05000000000000000000" pitchFamily="2" charset="2"/>
              <a:buChar char="Ø"/>
            </a:pPr>
            <a:r>
              <a:rPr lang="da-DK" sz="900" b="1" noProof="0" dirty="0">
                <a:solidFill>
                  <a:schemeClr val="tx1"/>
                </a:solidFill>
              </a:rPr>
              <a:t>Antal myndigheder/organisationer: </a:t>
            </a:r>
            <a:r>
              <a:rPr lang="da-DK" sz="900" noProof="0" dirty="0">
                <a:solidFill>
                  <a:schemeClr val="tx1"/>
                </a:solidFill>
              </a:rPr>
              <a:t>STIL leverer dog løsninger til hele uddannelsessektoren, inkl. kommuner, institutioner og gymnasier.</a:t>
            </a:r>
          </a:p>
          <a:p>
            <a:pPr marL="171450" indent="-171450">
              <a:spcAft>
                <a:spcPts val="300"/>
              </a:spcAft>
              <a:buFont typeface="Wingdings" panose="05000000000000000000" pitchFamily="2" charset="2"/>
              <a:buChar char="Ø"/>
            </a:pPr>
            <a:r>
              <a:rPr lang="da-DK" sz="900" b="1" noProof="0" dirty="0">
                <a:solidFill>
                  <a:schemeClr val="tx1"/>
                </a:solidFill>
              </a:rPr>
              <a:t>Geografisk omfang: </a:t>
            </a:r>
            <a:r>
              <a:rPr lang="da-DK" sz="900" noProof="0" dirty="0">
                <a:solidFill>
                  <a:schemeClr val="tx1"/>
                </a:solidFill>
              </a:rPr>
              <a:t>It-understøttelse af børne- og undervisningsområdet inkl. nationalt dækkende løsninger med kritisk betydning for uddannelse og læring.</a:t>
            </a:r>
          </a:p>
          <a:p>
            <a:pPr marL="171450" indent="-171450">
              <a:spcAft>
                <a:spcPts val="300"/>
              </a:spcAft>
              <a:buFont typeface="Wingdings" panose="05000000000000000000" pitchFamily="2" charset="2"/>
              <a:buChar char="Ø"/>
            </a:pPr>
            <a:r>
              <a:rPr lang="da-DK" sz="900" b="1" noProof="0" dirty="0">
                <a:solidFill>
                  <a:schemeClr val="tx1"/>
                </a:solidFill>
              </a:rPr>
              <a:t>Antal brugere omfattet: </a:t>
            </a:r>
            <a:r>
              <a:rPr lang="da-DK" sz="900" noProof="0" dirty="0">
                <a:solidFill>
                  <a:schemeClr val="tx1"/>
                </a:solidFill>
              </a:rPr>
              <a:t>Over 1 million daglige brugere af </a:t>
            </a:r>
            <a:r>
              <a:rPr lang="da-DK" sz="900" noProof="0" dirty="0" err="1">
                <a:solidFill>
                  <a:schemeClr val="tx1"/>
                </a:solidFill>
              </a:rPr>
              <a:t>STILs</a:t>
            </a:r>
            <a:r>
              <a:rPr lang="da-DK" sz="900" noProof="0" dirty="0">
                <a:solidFill>
                  <a:schemeClr val="tx1"/>
                </a:solidFill>
              </a:rPr>
              <a:t> samlede it-portefølje.</a:t>
            </a:r>
          </a:p>
          <a:p>
            <a:pPr marL="171450" indent="-171450">
              <a:spcAft>
                <a:spcPts val="300"/>
              </a:spcAft>
              <a:buFont typeface="Wingdings" panose="05000000000000000000" pitchFamily="2" charset="2"/>
              <a:buChar char="Ø"/>
            </a:pPr>
            <a:r>
              <a:rPr lang="da-DK" sz="900" b="1" noProof="0" dirty="0">
                <a:solidFill>
                  <a:schemeClr val="tx1"/>
                </a:solidFill>
              </a:rPr>
              <a:t>Antal systemer berørt: </a:t>
            </a:r>
            <a:r>
              <a:rPr lang="da-DK" sz="900" noProof="0" dirty="0">
                <a:solidFill>
                  <a:schemeClr val="tx1"/>
                </a:solidFill>
              </a:rPr>
              <a:t>STIL udvikler, drifter og vedligeholder ca. 150 it‑systemer, hvoraf en stor del er migreret til eller baseret på open source teknologier.</a:t>
            </a:r>
            <a:endParaRPr lang="da-DK" sz="900" b="1" noProof="0" dirty="0">
              <a:solidFill>
                <a:schemeClr val="tx1"/>
              </a:solidFill>
            </a:endParaRPr>
          </a:p>
        </p:txBody>
      </p:sp>
      <p:sp>
        <p:nvSpPr>
          <p:cNvPr id="49" name="Isosceles Triangle 48">
            <a:extLst>
              <a:ext uri="{FF2B5EF4-FFF2-40B4-BE49-F238E27FC236}">
                <a16:creationId xmlns:a16="http://schemas.microsoft.com/office/drawing/2014/main" id="{1BA714CA-D2B4-4274-A120-A211FCAA13CB}"/>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6" name="Straight Connector 5">
            <a:extLst>
              <a:ext uri="{FF2B5EF4-FFF2-40B4-BE49-F238E27FC236}">
                <a16:creationId xmlns:a16="http://schemas.microsoft.com/office/drawing/2014/main" id="{AC409178-009B-885B-7A66-5361A45E2154}"/>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28B6E1FC-158A-FE16-17BF-0F039FF51652}"/>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Gevinster </a:t>
            </a:r>
          </a:p>
        </p:txBody>
      </p:sp>
      <p:sp>
        <p:nvSpPr>
          <p:cNvPr id="59" name="Content Placeholder 5">
            <a:extLst>
              <a:ext uri="{FF2B5EF4-FFF2-40B4-BE49-F238E27FC236}">
                <a16:creationId xmlns:a16="http://schemas.microsoft.com/office/drawing/2014/main" id="{626CA17E-C314-9C85-5402-0FBC668F70DC}"/>
              </a:ext>
            </a:extLst>
          </p:cNvPr>
          <p:cNvSpPr txBox="1">
            <a:spLocks/>
          </p:cNvSpPr>
          <p:nvPr/>
        </p:nvSpPr>
        <p:spPr>
          <a:xfrm>
            <a:off x="3484616" y="4541641"/>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dirty="0">
                <a:solidFill>
                  <a:schemeClr val="tx1"/>
                </a:solidFill>
              </a:rPr>
              <a:t>Øget kontrol:</a:t>
            </a:r>
            <a:r>
              <a:rPr lang="da-DK" sz="900" b="0" noProof="0" dirty="0">
                <a:solidFill>
                  <a:schemeClr val="tx1"/>
                </a:solidFill>
              </a:rPr>
              <a:t> Høj kontrol over egne kritiske systemer og reduceret afhængighed til enkeltleverandører og </a:t>
            </a:r>
            <a:r>
              <a:rPr lang="da-DK" sz="900" b="0" noProof="0" dirty="0" err="1">
                <a:solidFill>
                  <a:schemeClr val="tx1"/>
                </a:solidFill>
              </a:rPr>
              <a:t>proprietære</a:t>
            </a:r>
            <a:r>
              <a:rPr lang="da-DK" sz="900" b="0" noProof="0" dirty="0">
                <a:solidFill>
                  <a:schemeClr val="tx1"/>
                </a:solidFill>
              </a:rPr>
              <a:t> platforme.</a:t>
            </a:r>
          </a:p>
          <a:p>
            <a:pPr marL="171450" indent="-171450">
              <a:buFont typeface="Wingdings" panose="05000000000000000000" pitchFamily="2" charset="2"/>
              <a:buChar char="Ø"/>
            </a:pPr>
            <a:r>
              <a:rPr lang="da-DK" sz="900" noProof="0" dirty="0">
                <a:solidFill>
                  <a:schemeClr val="tx1"/>
                </a:solidFill>
              </a:rPr>
              <a:t>Øget digital handlefrihed:</a:t>
            </a:r>
            <a:r>
              <a:rPr lang="da-DK" sz="900" b="0" noProof="0" dirty="0">
                <a:solidFill>
                  <a:schemeClr val="tx1"/>
                </a:solidFill>
              </a:rPr>
              <a:t> Mulighed for selv at vælge/fravælge og tilpasse teknologi, uden at være bundet af licensmodeller eller lukket økosystem.</a:t>
            </a:r>
          </a:p>
          <a:p>
            <a:pPr marL="171450" indent="-171450">
              <a:buFont typeface="Wingdings" panose="05000000000000000000" pitchFamily="2" charset="2"/>
              <a:buChar char="Ø"/>
            </a:pPr>
            <a:r>
              <a:rPr lang="da-DK" sz="900" noProof="0" dirty="0">
                <a:solidFill>
                  <a:schemeClr val="tx1"/>
                </a:solidFill>
              </a:rPr>
              <a:t>Licensbesparelser: </a:t>
            </a:r>
            <a:r>
              <a:rPr lang="da-DK" sz="900" b="0" noProof="0" dirty="0">
                <a:solidFill>
                  <a:schemeClr val="tx1"/>
                </a:solidFill>
              </a:rPr>
              <a:t>Udfasning af </a:t>
            </a:r>
            <a:r>
              <a:rPr lang="da-DK" sz="900" b="0" noProof="0" dirty="0" err="1">
                <a:solidFill>
                  <a:schemeClr val="tx1"/>
                </a:solidFill>
              </a:rPr>
              <a:t>proprietære</a:t>
            </a:r>
            <a:r>
              <a:rPr lang="da-DK" sz="900" b="0" noProof="0" dirty="0">
                <a:solidFill>
                  <a:schemeClr val="tx1"/>
                </a:solidFill>
              </a:rPr>
              <a:t> produkter har mindsket licensudgifter og givet mulighed for at reinvestere i udvikling og interne kompetencer.</a:t>
            </a:r>
          </a:p>
          <a:p>
            <a:pPr marL="171450" indent="-171450">
              <a:buFont typeface="Wingdings" panose="05000000000000000000" pitchFamily="2" charset="2"/>
              <a:buChar char="Ø"/>
            </a:pPr>
            <a:endParaRPr lang="da-DK" b="0" noProof="0" dirty="0">
              <a:solidFill>
                <a:schemeClr val="tx1"/>
              </a:solidFill>
            </a:endParaRPr>
          </a:p>
        </p:txBody>
      </p:sp>
      <p:sp>
        <p:nvSpPr>
          <p:cNvPr id="60" name="Content Placeholder 5">
            <a:extLst>
              <a:ext uri="{FF2B5EF4-FFF2-40B4-BE49-F238E27FC236}">
                <a16:creationId xmlns:a16="http://schemas.microsoft.com/office/drawing/2014/main" id="{DD32747D-6CEE-2001-C877-2A02C93EC6F1}"/>
              </a:ext>
            </a:extLst>
          </p:cNvPr>
          <p:cNvSpPr txBox="1">
            <a:spLocks/>
          </p:cNvSpPr>
          <p:nvPr/>
        </p:nvSpPr>
        <p:spPr>
          <a:xfrm>
            <a:off x="6400789" y="4578217"/>
            <a:ext cx="2829997" cy="163562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lvl="0" indent="-171450" defTabSz="914400" eaLnBrk="0" fontAlgn="base" hangingPunct="0">
              <a:spcBef>
                <a:spcPct val="0"/>
              </a:spcBef>
              <a:spcAft>
                <a:spcPct val="0"/>
              </a:spcAft>
              <a:buFont typeface="Wingdings" panose="05000000000000000000" pitchFamily="2" charset="2"/>
              <a:buChar char="Ø"/>
            </a:pPr>
            <a:r>
              <a:rPr lang="da-DK" sz="900" noProof="0">
                <a:solidFill>
                  <a:schemeClr val="tx1"/>
                </a:solidFill>
              </a:rPr>
              <a:t>Drift og stabilitet: </a:t>
            </a:r>
            <a:r>
              <a:rPr lang="da-DK" sz="900" b="0" noProof="0">
                <a:solidFill>
                  <a:schemeClr val="tx1"/>
                </a:solidFill>
              </a:rPr>
              <a:t>OS‑komponenter har ikke altid en dedikeret leverandør, der kan kontaktes ved driftsproblemer. Det stiller større krav til interne kompetencer og beredskab.</a:t>
            </a:r>
          </a:p>
          <a:p>
            <a:pPr marL="171450" lvl="0" indent="-171450" defTabSz="914400" eaLnBrk="0" fontAlgn="base" hangingPunct="0">
              <a:spcBef>
                <a:spcPct val="0"/>
              </a:spcBef>
              <a:spcAft>
                <a:spcPct val="0"/>
              </a:spcAft>
              <a:buFont typeface="Wingdings" panose="05000000000000000000" pitchFamily="2" charset="2"/>
              <a:buChar char="Ø"/>
            </a:pPr>
            <a:r>
              <a:rPr lang="da-DK" sz="900" noProof="0">
                <a:solidFill>
                  <a:schemeClr val="tx1"/>
                </a:solidFill>
              </a:rPr>
              <a:t>Teknologisk modenhed</a:t>
            </a:r>
            <a:r>
              <a:rPr lang="da-DK" sz="900" b="0" noProof="0" dirty="0">
                <a:solidFill>
                  <a:schemeClr val="tx1"/>
                </a:solidFill>
              </a:rPr>
              <a:t>: </a:t>
            </a:r>
            <a:r>
              <a:rPr lang="da-DK" sz="900" b="0" noProof="0">
                <a:solidFill>
                  <a:schemeClr val="tx1"/>
                </a:solidFill>
              </a:rPr>
              <a:t>Nogle OS-teknologier mister momentum, hvis fællesskabet omkring teknologien forsvinder eller teknologien går af mode.</a:t>
            </a:r>
          </a:p>
          <a:p>
            <a:pPr marL="171450" lvl="0" indent="-171450" defTabSz="914400" eaLnBrk="0" fontAlgn="base" hangingPunct="0">
              <a:spcBef>
                <a:spcPct val="0"/>
              </a:spcBef>
              <a:spcAft>
                <a:spcPct val="0"/>
              </a:spcAft>
              <a:buFont typeface="Wingdings" panose="05000000000000000000" pitchFamily="2" charset="2"/>
              <a:buChar char="Ø"/>
            </a:pPr>
            <a:r>
              <a:rPr lang="da-DK" sz="900" noProof="0">
                <a:solidFill>
                  <a:schemeClr val="tx1"/>
                </a:solidFill>
              </a:rPr>
              <a:t>Organisatorisk modenhed</a:t>
            </a:r>
            <a:r>
              <a:rPr lang="da-DK" sz="900" b="0" noProof="0" dirty="0">
                <a:solidFill>
                  <a:schemeClr val="tx1"/>
                </a:solidFill>
              </a:rPr>
              <a:t>: </a:t>
            </a:r>
            <a:r>
              <a:rPr lang="da-DK" sz="900" b="0" noProof="0">
                <a:solidFill>
                  <a:schemeClr val="tx1"/>
                </a:solidFill>
              </a:rPr>
              <a:t>OS kræver et klart internt ansvar, stærkere </a:t>
            </a:r>
            <a:r>
              <a:rPr lang="da-DK" sz="900" b="0" noProof="0" dirty="0" err="1">
                <a:solidFill>
                  <a:schemeClr val="tx1"/>
                </a:solidFill>
              </a:rPr>
              <a:t>governance</a:t>
            </a:r>
            <a:r>
              <a:rPr lang="da-DK" sz="900" b="0" noProof="0">
                <a:solidFill>
                  <a:schemeClr val="tx1"/>
                </a:solidFill>
              </a:rPr>
              <a:t> og kontinuerligt fokus på drift, sikkerhed og livscyklusstyring. Uden dette kan løsningerne blive sårbare eller ineffektive.</a:t>
            </a:r>
          </a:p>
        </p:txBody>
      </p:sp>
      <p:sp>
        <p:nvSpPr>
          <p:cNvPr id="23" name="Content Placeholder 5">
            <a:extLst>
              <a:ext uri="{FF2B5EF4-FFF2-40B4-BE49-F238E27FC236}">
                <a16:creationId xmlns:a16="http://schemas.microsoft.com/office/drawing/2014/main" id="{53085796-BFAF-CC50-81B5-3916A425A71B}"/>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Barrierer</a:t>
            </a:r>
          </a:p>
        </p:txBody>
      </p:sp>
      <p:cxnSp>
        <p:nvCxnSpPr>
          <p:cNvPr id="25" name="Straight Connector 24">
            <a:extLst>
              <a:ext uri="{FF2B5EF4-FFF2-40B4-BE49-F238E27FC236}">
                <a16:creationId xmlns:a16="http://schemas.microsoft.com/office/drawing/2014/main" id="{10647000-E094-8DE2-D81F-47598002DCB3}"/>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508C6172-480A-67AB-896F-A9EBC28CE6B9}"/>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cxnSp>
        <p:nvCxnSpPr>
          <p:cNvPr id="57" name="Straight Connector 56">
            <a:extLst>
              <a:ext uri="{FF2B5EF4-FFF2-40B4-BE49-F238E27FC236}">
                <a16:creationId xmlns:a16="http://schemas.microsoft.com/office/drawing/2014/main" id="{67497953-9E4B-E508-363E-1E63C9D77B43}"/>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C12449FB-EC86-FCB3-AB6F-18899D45AFFB}"/>
              </a:ext>
              <a:ext uri="{C183D7F6-B498-43B3-948B-1728B52AA6E4}">
                <adec:decorative xmlns:adec="http://schemas.microsoft.com/office/drawing/2017/decorative" val="1"/>
              </a:ext>
            </a:extLst>
          </p:cNvPr>
          <p:cNvCxnSpPr>
            <a:cxnSpLocks/>
          </p:cNvCxnSpPr>
          <p:nvPr/>
        </p:nvCxnSpPr>
        <p:spPr>
          <a:xfrm>
            <a:off x="6585098"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E7A7485F-0503-7B5A-6E1A-91F2E8086332}"/>
              </a:ext>
              <a:ext uri="{C183D7F6-B498-43B3-948B-1728B52AA6E4}">
                <adec:decorative xmlns:adec="http://schemas.microsoft.com/office/drawing/2017/decorative" val="1"/>
              </a:ext>
            </a:extLst>
          </p:cNvPr>
          <p:cNvCxnSpPr>
            <a:cxnSpLocks/>
          </p:cNvCxnSpPr>
          <p:nvPr/>
        </p:nvCxnSpPr>
        <p:spPr>
          <a:xfrm>
            <a:off x="3408176" y="2122972"/>
            <a:ext cx="3493285" cy="16064"/>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6" name="Rectangle 25">
            <a:extLst>
              <a:ext uri="{FF2B5EF4-FFF2-40B4-BE49-F238E27FC236}">
                <a16:creationId xmlns:a16="http://schemas.microsoft.com/office/drawing/2014/main" id="{523B7229-A23C-79D1-DFFB-9543DF0F14AE}"/>
              </a:ext>
              <a:ext uri="{C183D7F6-B498-43B3-948B-1728B52AA6E4}">
                <adec:decorative xmlns:adec="http://schemas.microsoft.com/office/drawing/2017/decorative" val="1"/>
              </a:ext>
            </a:extLst>
          </p:cNvPr>
          <p:cNvSpPr>
            <a:spLocks/>
          </p:cNvSpPr>
          <p:nvPr/>
        </p:nvSpPr>
        <p:spPr>
          <a:xfrm>
            <a:off x="1061353" y="6114141"/>
            <a:ext cx="1994269" cy="230527"/>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7" name="Rectangle 26">
            <a:extLst>
              <a:ext uri="{FF2B5EF4-FFF2-40B4-BE49-F238E27FC236}">
                <a16:creationId xmlns:a16="http://schemas.microsoft.com/office/drawing/2014/main" id="{EFDAF4B0-0C35-5C92-869F-20339AEB50A0}"/>
              </a:ext>
              <a:ext uri="{C183D7F6-B498-43B3-948B-1728B52AA6E4}">
                <adec:decorative xmlns:adec="http://schemas.microsoft.com/office/drawing/2017/decorative" val="1"/>
              </a:ext>
            </a:extLst>
          </p:cNvPr>
          <p:cNvSpPr>
            <a:spLocks/>
          </p:cNvSpPr>
          <p:nvPr/>
        </p:nvSpPr>
        <p:spPr>
          <a:xfrm>
            <a:off x="1066246" y="4281488"/>
            <a:ext cx="2020311" cy="201263"/>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8" name="Rectangle 27">
            <a:extLst>
              <a:ext uri="{FF2B5EF4-FFF2-40B4-BE49-F238E27FC236}">
                <a16:creationId xmlns:a16="http://schemas.microsoft.com/office/drawing/2014/main" id="{49AD8281-8BEA-C992-0FDC-FA227391F0AF}"/>
              </a:ext>
              <a:ext uri="{C183D7F6-B498-43B3-948B-1728B52AA6E4}">
                <adec:decorative xmlns:adec="http://schemas.microsoft.com/office/drawing/2017/decorative" val="1"/>
              </a:ext>
            </a:extLst>
          </p:cNvPr>
          <p:cNvSpPr>
            <a:spLocks/>
          </p:cNvSpPr>
          <p:nvPr/>
        </p:nvSpPr>
        <p:spPr>
          <a:xfrm>
            <a:off x="1067964" y="5439022"/>
            <a:ext cx="2020311" cy="191405"/>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15" name="Rectangle 114">
            <a:extLst>
              <a:ext uri="{FF2B5EF4-FFF2-40B4-BE49-F238E27FC236}">
                <a16:creationId xmlns:a16="http://schemas.microsoft.com/office/drawing/2014/main" id="{AB024BCB-0403-782A-C0DB-C6E0B39C594E}"/>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endParaRPr lang="da-DK" sz="900" b="1" noProof="0">
              <a:solidFill>
                <a:schemeClr val="tx1"/>
              </a:solidFill>
            </a:endParaRPr>
          </a:p>
        </p:txBody>
      </p:sp>
      <p:cxnSp>
        <p:nvCxnSpPr>
          <p:cNvPr id="30" name="Straight Connector 29">
            <a:extLst>
              <a:ext uri="{FF2B5EF4-FFF2-40B4-BE49-F238E27FC236}">
                <a16:creationId xmlns:a16="http://schemas.microsoft.com/office/drawing/2014/main" id="{77E34462-2CBE-E135-5B9E-ED574E386A70}"/>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1448D56B-CC39-9CB3-2A62-BDBCA126AC7A}"/>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74" name="Oval 73">
            <a:extLst>
              <a:ext uri="{FF2B5EF4-FFF2-40B4-BE49-F238E27FC236}">
                <a16:creationId xmlns:a16="http://schemas.microsoft.com/office/drawing/2014/main" id="{12CBC60B-7F57-F465-28D5-ABFE54D8A5AD}"/>
              </a:ext>
              <a:ext uri="{C183D7F6-B498-43B3-948B-1728B52AA6E4}">
                <adec:decorative xmlns:adec="http://schemas.microsoft.com/office/drawing/2017/decorative" val="1"/>
              </a:ext>
            </a:extLst>
          </p:cNvPr>
          <p:cNvSpPr/>
          <p:nvPr/>
        </p:nvSpPr>
        <p:spPr>
          <a:xfrm>
            <a:off x="8919199"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nvGrpSpPr>
          <p:cNvPr id="146" name="Group 145">
            <a:extLst>
              <a:ext uri="{FF2B5EF4-FFF2-40B4-BE49-F238E27FC236}">
                <a16:creationId xmlns:a16="http://schemas.microsoft.com/office/drawing/2014/main" id="{15206AF9-12C4-DAA8-F758-DA109034C045}"/>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47" name="Rectangle 146">
              <a:extLst>
                <a:ext uri="{FF2B5EF4-FFF2-40B4-BE49-F238E27FC236}">
                  <a16:creationId xmlns:a16="http://schemas.microsoft.com/office/drawing/2014/main" id="{1FC3C106-FEB8-126B-D820-A9085B6C84D0}"/>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8" name="Rectangle 147">
              <a:extLst>
                <a:ext uri="{FF2B5EF4-FFF2-40B4-BE49-F238E27FC236}">
                  <a16:creationId xmlns:a16="http://schemas.microsoft.com/office/drawing/2014/main" id="{8F7BB718-5163-57CE-9134-C6B3D8EC4FA1}"/>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t>Case Katalog</a:t>
              </a:r>
            </a:p>
          </p:txBody>
        </p:sp>
      </p:grpSp>
      <p:sp>
        <p:nvSpPr>
          <p:cNvPr id="33" name="Rectangle 32">
            <a:extLst>
              <a:ext uri="{FF2B5EF4-FFF2-40B4-BE49-F238E27FC236}">
                <a16:creationId xmlns:a16="http://schemas.microsoft.com/office/drawing/2014/main" id="{8F7D6411-BD1B-3AA7-0CE7-E2CEEA90A5F7}"/>
              </a:ext>
              <a:ext uri="{C183D7F6-B498-43B3-948B-1728B52AA6E4}">
                <adec:decorative xmlns:adec="http://schemas.microsoft.com/office/drawing/2017/decorative" val="1"/>
              </a:ext>
            </a:extLst>
          </p:cNvPr>
          <p:cNvSpPr>
            <a:spLocks/>
          </p:cNvSpPr>
          <p:nvPr/>
        </p:nvSpPr>
        <p:spPr>
          <a:xfrm>
            <a:off x="1067964" y="5648603"/>
            <a:ext cx="2037269" cy="248940"/>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39" name="Rectangle 38">
            <a:extLst>
              <a:ext uri="{FF2B5EF4-FFF2-40B4-BE49-F238E27FC236}">
                <a16:creationId xmlns:a16="http://schemas.microsoft.com/office/drawing/2014/main" id="{C63D82F2-DA67-2FDC-5CBB-329128DC6A94}"/>
              </a:ext>
              <a:ext uri="{C183D7F6-B498-43B3-948B-1728B52AA6E4}">
                <adec:decorative xmlns:adec="http://schemas.microsoft.com/office/drawing/2017/decorative" val="1"/>
              </a:ext>
            </a:extLst>
          </p:cNvPr>
          <p:cNvSpPr>
            <a:spLocks/>
          </p:cNvSpPr>
          <p:nvPr/>
        </p:nvSpPr>
        <p:spPr>
          <a:xfrm>
            <a:off x="1067964" y="4986420"/>
            <a:ext cx="2020311" cy="191405"/>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grpSp>
        <p:nvGrpSpPr>
          <p:cNvPr id="35" name="Group 34" descr="Casen addresserer virkemidlerne arkitektur og åbne standarder samt alternative løsninger ">
            <a:extLst>
              <a:ext uri="{FF2B5EF4-FFF2-40B4-BE49-F238E27FC236}">
                <a16:creationId xmlns:a16="http://schemas.microsoft.com/office/drawing/2014/main" id="{B84708D0-00C7-9241-38DE-E25C1AEC7904}"/>
              </a:ext>
            </a:extLst>
          </p:cNvPr>
          <p:cNvGrpSpPr/>
          <p:nvPr/>
        </p:nvGrpSpPr>
        <p:grpSpPr>
          <a:xfrm>
            <a:off x="9603525" y="1810298"/>
            <a:ext cx="2399666" cy="2088724"/>
            <a:chOff x="6170312" y="1801370"/>
            <a:chExt cx="2399666" cy="2088724"/>
          </a:xfrm>
        </p:grpSpPr>
        <p:sp>
          <p:nvSpPr>
            <p:cNvPr id="37" name="Content Placeholder 5">
              <a:extLst>
                <a:ext uri="{FF2B5EF4-FFF2-40B4-BE49-F238E27FC236}">
                  <a16:creationId xmlns:a16="http://schemas.microsoft.com/office/drawing/2014/main" id="{3F97100E-9EFF-2927-BF7C-67AD38DD43DF}"/>
                </a:ext>
              </a:extLst>
            </p:cNvPr>
            <p:cNvSpPr txBox="1">
              <a:spLocks/>
            </p:cNvSpPr>
            <p:nvPr/>
          </p:nvSpPr>
          <p:spPr>
            <a:xfrm>
              <a:off x="6292650" y="1860060"/>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Virkemidler</a:t>
              </a:r>
            </a:p>
          </p:txBody>
        </p:sp>
        <p:sp>
          <p:nvSpPr>
            <p:cNvPr id="38" name="Rectangle: Rounded Corners 37">
              <a:extLst>
                <a:ext uri="{FF2B5EF4-FFF2-40B4-BE49-F238E27FC236}">
                  <a16:creationId xmlns:a16="http://schemas.microsoft.com/office/drawing/2014/main" id="{69F8F70C-B1A6-AC56-154B-916B312628B5}"/>
                </a:ext>
              </a:extLst>
            </p:cNvPr>
            <p:cNvSpPr/>
            <p:nvPr/>
          </p:nvSpPr>
          <p:spPr>
            <a:xfrm>
              <a:off x="6170312" y="1801370"/>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solidFill>
                  <a:srgbClr val="A2B3C9"/>
                </a:solidFill>
              </a:endParaRPr>
            </a:p>
          </p:txBody>
        </p:sp>
        <p:cxnSp>
          <p:nvCxnSpPr>
            <p:cNvPr id="40" name="Straight Connector 39">
              <a:extLst>
                <a:ext uri="{FF2B5EF4-FFF2-40B4-BE49-F238E27FC236}">
                  <a16:creationId xmlns:a16="http://schemas.microsoft.com/office/drawing/2014/main" id="{8E568A92-823F-B6A3-41EE-E8A694AA9197}"/>
                </a:ext>
              </a:extLst>
            </p:cNvPr>
            <p:cNvCxnSpPr>
              <a:cxnSpLocks/>
            </p:cNvCxnSpPr>
            <p:nvPr/>
          </p:nvCxnSpPr>
          <p:spPr>
            <a:xfrm>
              <a:off x="6281165" y="2112275"/>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2" name="Rektangel: afrundede hjørner 10">
              <a:extLst>
                <a:ext uri="{FF2B5EF4-FFF2-40B4-BE49-F238E27FC236}">
                  <a16:creationId xmlns:a16="http://schemas.microsoft.com/office/drawing/2014/main" id="{D2C1D39E-8CD9-FCE9-B8BA-673A75890138}"/>
                </a:ext>
              </a:extLst>
            </p:cNvPr>
            <p:cNvSpPr>
              <a:spLocks/>
            </p:cNvSpPr>
            <p:nvPr/>
          </p:nvSpPr>
          <p:spPr>
            <a:xfrm>
              <a:off x="6281355" y="2161059"/>
              <a:ext cx="2190658" cy="252000"/>
            </a:xfrm>
            <a:prstGeom prst="roundRect">
              <a:avLst>
                <a:gd name="adj" fmla="val 5714"/>
              </a:avLst>
            </a:prstGeom>
            <a:solidFill>
              <a:srgbClr val="B7E5E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4" name="TextBox 4">
              <a:extLst>
                <a:ext uri="{FF2B5EF4-FFF2-40B4-BE49-F238E27FC236}">
                  <a16:creationId xmlns:a16="http://schemas.microsoft.com/office/drawing/2014/main" id="{BFA1CFC9-C761-1DC1-A318-8DAAE4ED5FE9}"/>
                </a:ext>
              </a:extLst>
            </p:cNvPr>
            <p:cNvSpPr txBox="1">
              <a:spLocks/>
            </p:cNvSpPr>
            <p:nvPr/>
          </p:nvSpPr>
          <p:spPr>
            <a:xfrm>
              <a:off x="6579387" y="2172005"/>
              <a:ext cx="1955475" cy="230108"/>
            </a:xfrm>
            <a:prstGeom prst="rect">
              <a:avLst/>
            </a:prstGeom>
            <a:noFill/>
          </p:spPr>
          <p:txBody>
            <a:bodyPr wrap="square" lIns="0" rtlCol="0" anchor="ctr">
              <a:noAutofit/>
            </a:bodyPr>
            <a:lstStyle/>
            <a:p>
              <a:r>
                <a:rPr lang="da-DK" sz="700" noProof="0" dirty="0">
                  <a:solidFill>
                    <a:srgbClr val="024D78"/>
                  </a:solidFill>
                </a:rPr>
                <a:t>01 | Strategi og organisation</a:t>
              </a:r>
            </a:p>
          </p:txBody>
        </p:sp>
        <p:sp>
          <p:nvSpPr>
            <p:cNvPr id="46" name="Rektangel: afrundede hjørner 5">
              <a:extLst>
                <a:ext uri="{FF2B5EF4-FFF2-40B4-BE49-F238E27FC236}">
                  <a16:creationId xmlns:a16="http://schemas.microsoft.com/office/drawing/2014/main" id="{3CE1C06C-FFC0-A2BB-E517-40365FB4A4A1}"/>
                </a:ext>
              </a:extLst>
            </p:cNvPr>
            <p:cNvSpPr>
              <a:spLocks/>
            </p:cNvSpPr>
            <p:nvPr/>
          </p:nvSpPr>
          <p:spPr>
            <a:xfrm>
              <a:off x="6280700" y="3209658"/>
              <a:ext cx="2190658" cy="252000"/>
            </a:xfrm>
            <a:prstGeom prst="roundRect">
              <a:avLst>
                <a:gd name="adj" fmla="val 5714"/>
              </a:avLst>
            </a:prstGeom>
            <a:solidFill>
              <a:srgbClr val="B7E5EE">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7" name="Rektangel: afrundede hjørner 9">
              <a:extLst>
                <a:ext uri="{FF2B5EF4-FFF2-40B4-BE49-F238E27FC236}">
                  <a16:creationId xmlns:a16="http://schemas.microsoft.com/office/drawing/2014/main" id="{B5D07A28-8A78-0351-4073-E158E5EC328E}"/>
                </a:ext>
              </a:extLst>
            </p:cNvPr>
            <p:cNvSpPr>
              <a:spLocks/>
            </p:cNvSpPr>
            <p:nvPr/>
          </p:nvSpPr>
          <p:spPr>
            <a:xfrm>
              <a:off x="6281618" y="2861617"/>
              <a:ext cx="2190193" cy="252000"/>
            </a:xfrm>
            <a:prstGeom prst="roundRect">
              <a:avLst>
                <a:gd name="adj" fmla="val 5714"/>
              </a:avLst>
            </a:prstGeom>
            <a:solidFill>
              <a:srgbClr val="B7E5EE">
                <a:alpha val="50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8" name="Rektangel: afrundede hjørner 39">
              <a:extLst>
                <a:ext uri="{FF2B5EF4-FFF2-40B4-BE49-F238E27FC236}">
                  <a16:creationId xmlns:a16="http://schemas.microsoft.com/office/drawing/2014/main" id="{80975CB1-12AA-D5FA-F425-AA196ECE0780}"/>
                </a:ext>
              </a:extLst>
            </p:cNvPr>
            <p:cNvSpPr>
              <a:spLocks/>
            </p:cNvSpPr>
            <p:nvPr/>
          </p:nvSpPr>
          <p:spPr>
            <a:xfrm>
              <a:off x="6280700" y="2490331"/>
              <a:ext cx="2190193" cy="252000"/>
            </a:xfrm>
            <a:prstGeom prst="roundRect">
              <a:avLst>
                <a:gd name="adj" fmla="val 5714"/>
              </a:avLst>
            </a:prstGeom>
            <a:solidFill>
              <a:srgbClr val="B7E5EE">
                <a:alpha val="7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50" name="Rektangel: afrundede hjørner 39">
              <a:extLst>
                <a:ext uri="{FF2B5EF4-FFF2-40B4-BE49-F238E27FC236}">
                  <a16:creationId xmlns:a16="http://schemas.microsoft.com/office/drawing/2014/main" id="{DFEDEABE-1B86-9708-1115-9BE636D9C9A4}"/>
                </a:ext>
              </a:extLst>
            </p:cNvPr>
            <p:cNvSpPr>
              <a:spLocks/>
            </p:cNvSpPr>
            <p:nvPr/>
          </p:nvSpPr>
          <p:spPr>
            <a:xfrm>
              <a:off x="6281165" y="3562176"/>
              <a:ext cx="2190193" cy="252000"/>
            </a:xfrm>
            <a:prstGeom prst="roundRect">
              <a:avLst>
                <a:gd name="adj" fmla="val 5714"/>
              </a:avLst>
            </a:prstGeom>
            <a:solidFill>
              <a:srgbClr val="B7E5EE">
                <a:alpha val="1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51" name="TextBox 4">
              <a:extLst>
                <a:ext uri="{FF2B5EF4-FFF2-40B4-BE49-F238E27FC236}">
                  <a16:creationId xmlns:a16="http://schemas.microsoft.com/office/drawing/2014/main" id="{B46DFD89-57B5-C46A-8A9D-56E826314F32}"/>
                </a:ext>
              </a:extLst>
            </p:cNvPr>
            <p:cNvSpPr txBox="1">
              <a:spLocks/>
            </p:cNvSpPr>
            <p:nvPr/>
          </p:nvSpPr>
          <p:spPr>
            <a:xfrm>
              <a:off x="6578922" y="3220604"/>
              <a:ext cx="1955475" cy="230108"/>
            </a:xfrm>
            <a:prstGeom prst="rect">
              <a:avLst/>
            </a:prstGeom>
            <a:noFill/>
          </p:spPr>
          <p:txBody>
            <a:bodyPr wrap="square" lIns="0" rtlCol="0" anchor="ctr">
              <a:noAutofit/>
            </a:bodyPr>
            <a:lstStyle/>
            <a:p>
              <a:r>
                <a:rPr lang="da-DK" sz="700" noProof="0" dirty="0">
                  <a:solidFill>
                    <a:srgbClr val="024D78"/>
                  </a:solidFill>
                </a:rPr>
                <a:t>04 | Indkøb, krav og leverandørsamarbejde</a:t>
              </a:r>
            </a:p>
          </p:txBody>
        </p:sp>
        <p:sp>
          <p:nvSpPr>
            <p:cNvPr id="54" name="TextBox 4">
              <a:extLst>
                <a:ext uri="{FF2B5EF4-FFF2-40B4-BE49-F238E27FC236}">
                  <a16:creationId xmlns:a16="http://schemas.microsoft.com/office/drawing/2014/main" id="{4DCF86E2-DC63-F5BB-1C19-27BF564203B4}"/>
                </a:ext>
              </a:extLst>
            </p:cNvPr>
            <p:cNvSpPr txBox="1">
              <a:spLocks/>
            </p:cNvSpPr>
            <p:nvPr/>
          </p:nvSpPr>
          <p:spPr>
            <a:xfrm>
              <a:off x="6579387" y="2872563"/>
              <a:ext cx="1955475" cy="230108"/>
            </a:xfrm>
            <a:prstGeom prst="rect">
              <a:avLst/>
            </a:prstGeom>
            <a:noFill/>
          </p:spPr>
          <p:txBody>
            <a:bodyPr wrap="square" lIns="0" rtlCol="0" anchor="ctr">
              <a:noAutofit/>
            </a:bodyPr>
            <a:lstStyle/>
            <a:p>
              <a:r>
                <a:rPr lang="da-DK" sz="700" b="1" noProof="0" dirty="0">
                  <a:solidFill>
                    <a:srgbClr val="024D78"/>
                  </a:solidFill>
                </a:rPr>
                <a:t>03 | Arkitektur og åbne standarder</a:t>
              </a:r>
            </a:p>
          </p:txBody>
        </p:sp>
        <p:sp>
          <p:nvSpPr>
            <p:cNvPr id="63" name="TextBox 4">
              <a:extLst>
                <a:ext uri="{FF2B5EF4-FFF2-40B4-BE49-F238E27FC236}">
                  <a16:creationId xmlns:a16="http://schemas.microsoft.com/office/drawing/2014/main" id="{7400D9C1-0A88-1DB9-1E07-598B8653DB6F}"/>
                </a:ext>
              </a:extLst>
            </p:cNvPr>
            <p:cNvSpPr txBox="1">
              <a:spLocks/>
            </p:cNvSpPr>
            <p:nvPr/>
          </p:nvSpPr>
          <p:spPr>
            <a:xfrm>
              <a:off x="6578469" y="2501277"/>
              <a:ext cx="1955475" cy="230108"/>
            </a:xfrm>
            <a:prstGeom prst="rect">
              <a:avLst/>
            </a:prstGeom>
            <a:noFill/>
          </p:spPr>
          <p:txBody>
            <a:bodyPr wrap="square" lIns="0" rtlCol="0" anchor="ctr">
              <a:noAutofit/>
            </a:bodyPr>
            <a:lstStyle/>
            <a:p>
              <a:r>
                <a:rPr lang="da-DK" sz="700" noProof="0" dirty="0">
                  <a:solidFill>
                    <a:srgbClr val="024D78"/>
                  </a:solidFill>
                </a:rPr>
                <a:t>02 | Risikobaseret styring af afhængigheder</a:t>
              </a:r>
            </a:p>
          </p:txBody>
        </p:sp>
        <p:sp>
          <p:nvSpPr>
            <p:cNvPr id="64" name="TextBox 4">
              <a:extLst>
                <a:ext uri="{FF2B5EF4-FFF2-40B4-BE49-F238E27FC236}">
                  <a16:creationId xmlns:a16="http://schemas.microsoft.com/office/drawing/2014/main" id="{1E5D28F3-4617-23DE-613A-70D00982ED95}"/>
                </a:ext>
              </a:extLst>
            </p:cNvPr>
            <p:cNvSpPr txBox="1">
              <a:spLocks/>
            </p:cNvSpPr>
            <p:nvPr/>
          </p:nvSpPr>
          <p:spPr>
            <a:xfrm>
              <a:off x="6579387" y="3573122"/>
              <a:ext cx="1955475" cy="230108"/>
            </a:xfrm>
            <a:prstGeom prst="rect">
              <a:avLst/>
            </a:prstGeom>
            <a:noFill/>
          </p:spPr>
          <p:txBody>
            <a:bodyPr wrap="square" lIns="0" rtlCol="0" anchor="ctr">
              <a:noAutofit/>
            </a:bodyPr>
            <a:lstStyle/>
            <a:p>
              <a:r>
                <a:rPr lang="da-DK" sz="700" b="1" noProof="0" dirty="0">
                  <a:solidFill>
                    <a:srgbClr val="024D78"/>
                  </a:solidFill>
                </a:rPr>
                <a:t>05 | Alternative løsninger</a:t>
              </a:r>
            </a:p>
          </p:txBody>
        </p:sp>
        <p:sp>
          <p:nvSpPr>
            <p:cNvPr id="67" name="Freeform 7">
              <a:extLst>
                <a:ext uri="{FF2B5EF4-FFF2-40B4-BE49-F238E27FC236}">
                  <a16:creationId xmlns:a16="http://schemas.microsoft.com/office/drawing/2014/main" id="{C8044012-BDC3-3C9E-535A-13AA9E7E2DEE}"/>
                </a:ext>
              </a:extLst>
            </p:cNvPr>
            <p:cNvSpPr>
              <a:spLocks noEditPoints="1"/>
            </p:cNvSpPr>
            <p:nvPr/>
          </p:nvSpPr>
          <p:spPr bwMode="auto">
            <a:xfrm>
              <a:off x="6353426" y="3250371"/>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72" name="Group 71">
              <a:extLst>
                <a:ext uri="{FF2B5EF4-FFF2-40B4-BE49-F238E27FC236}">
                  <a16:creationId xmlns:a16="http://schemas.microsoft.com/office/drawing/2014/main" id="{52CECF36-D4B3-57D6-A099-D14CCE0D2329}"/>
                </a:ext>
              </a:extLst>
            </p:cNvPr>
            <p:cNvGrpSpPr/>
            <p:nvPr/>
          </p:nvGrpSpPr>
          <p:grpSpPr>
            <a:xfrm>
              <a:off x="6345364" y="2912838"/>
              <a:ext cx="193946" cy="152578"/>
              <a:chOff x="8675444" y="2927353"/>
              <a:chExt cx="573087" cy="450850"/>
            </a:xfrm>
            <a:solidFill>
              <a:srgbClr val="024D78"/>
            </a:solidFill>
          </p:grpSpPr>
          <p:sp>
            <p:nvSpPr>
              <p:cNvPr id="80" name="Freeform 257">
                <a:extLst>
                  <a:ext uri="{FF2B5EF4-FFF2-40B4-BE49-F238E27FC236}">
                    <a16:creationId xmlns:a16="http://schemas.microsoft.com/office/drawing/2014/main" id="{DD1AEC16-44DE-FCC8-1603-74898CB4C464}"/>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81" name="Freeform 258">
                <a:extLst>
                  <a:ext uri="{FF2B5EF4-FFF2-40B4-BE49-F238E27FC236}">
                    <a16:creationId xmlns:a16="http://schemas.microsoft.com/office/drawing/2014/main" id="{C9D79101-6CAA-C5E2-C52F-4174B153D5DF}"/>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82" name="Freeform 259">
                <a:extLst>
                  <a:ext uri="{FF2B5EF4-FFF2-40B4-BE49-F238E27FC236}">
                    <a16:creationId xmlns:a16="http://schemas.microsoft.com/office/drawing/2014/main" id="{7C21F132-84C2-785C-470C-9DEE6146190E}"/>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73" name="Group 72">
              <a:extLst>
                <a:ext uri="{FF2B5EF4-FFF2-40B4-BE49-F238E27FC236}">
                  <a16:creationId xmlns:a16="http://schemas.microsoft.com/office/drawing/2014/main" id="{3703EC42-16FD-5D45-6DB4-4365F1784D79}"/>
                </a:ext>
              </a:extLst>
            </p:cNvPr>
            <p:cNvGrpSpPr/>
            <p:nvPr/>
          </p:nvGrpSpPr>
          <p:grpSpPr>
            <a:xfrm>
              <a:off x="6352025" y="2519193"/>
              <a:ext cx="178788" cy="179199"/>
              <a:chOff x="8695953" y="3768979"/>
              <a:chExt cx="531804" cy="533027"/>
            </a:xfrm>
            <a:solidFill>
              <a:srgbClr val="024D78"/>
            </a:solidFill>
          </p:grpSpPr>
          <p:sp>
            <p:nvSpPr>
              <p:cNvPr id="77" name="Freeform 291">
                <a:extLst>
                  <a:ext uri="{FF2B5EF4-FFF2-40B4-BE49-F238E27FC236}">
                    <a16:creationId xmlns:a16="http://schemas.microsoft.com/office/drawing/2014/main" id="{B7C5F328-4A1C-EAC4-BA2F-EF82FCD6D3B3}"/>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8" name="Freeform 292">
                <a:extLst>
                  <a:ext uri="{FF2B5EF4-FFF2-40B4-BE49-F238E27FC236}">
                    <a16:creationId xmlns:a16="http://schemas.microsoft.com/office/drawing/2014/main" id="{BC9ACEF9-85ED-8630-4912-FEE4C785149D}"/>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9" name="Freeform 293">
                <a:extLst>
                  <a:ext uri="{FF2B5EF4-FFF2-40B4-BE49-F238E27FC236}">
                    <a16:creationId xmlns:a16="http://schemas.microsoft.com/office/drawing/2014/main" id="{55A4D876-3018-54A7-B8AF-F34FED25CDBF}"/>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75" name="Freeform 25">
              <a:extLst>
                <a:ext uri="{FF2B5EF4-FFF2-40B4-BE49-F238E27FC236}">
                  <a16:creationId xmlns:a16="http://schemas.microsoft.com/office/drawing/2014/main" id="{06C85686-546C-E29F-7F33-EFC17E2C8654}"/>
                </a:ext>
              </a:extLst>
            </p:cNvPr>
            <p:cNvSpPr>
              <a:spLocks noEditPoints="1"/>
            </p:cNvSpPr>
            <p:nvPr/>
          </p:nvSpPr>
          <p:spPr bwMode="auto">
            <a:xfrm>
              <a:off x="6336953" y="3594116"/>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76" name="Freeform 17">
              <a:extLst>
                <a:ext uri="{FF2B5EF4-FFF2-40B4-BE49-F238E27FC236}">
                  <a16:creationId xmlns:a16="http://schemas.microsoft.com/office/drawing/2014/main" id="{CFB6E0E7-2037-1023-DC63-D50031F4EAC5}"/>
                </a:ext>
              </a:extLst>
            </p:cNvPr>
            <p:cNvSpPr>
              <a:spLocks noEditPoints="1"/>
            </p:cNvSpPr>
            <p:nvPr/>
          </p:nvSpPr>
          <p:spPr bwMode="auto">
            <a:xfrm>
              <a:off x="6352866" y="2197783"/>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grpSp>
      <p:sp>
        <p:nvSpPr>
          <p:cNvPr id="29" name="Content Placeholder 5">
            <a:extLst>
              <a:ext uri="{FF2B5EF4-FFF2-40B4-BE49-F238E27FC236}">
                <a16:creationId xmlns:a16="http://schemas.microsoft.com/office/drawing/2014/main" id="{A7CBAB85-3C59-2115-2FA0-836390B1A6D6}"/>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Nøgleerfaringer og </a:t>
            </a:r>
            <a:r>
              <a:rPr lang="da-DK" sz="1100" noProof="0" dirty="0" err="1">
                <a:solidFill>
                  <a:srgbClr val="36465A"/>
                </a:solidFill>
              </a:rPr>
              <a:t>læringer</a:t>
            </a:r>
            <a:endParaRPr lang="da-DK" sz="1100" noProof="0">
              <a:solidFill>
                <a:srgbClr val="36465A"/>
              </a:solidFill>
            </a:endParaRPr>
          </a:p>
        </p:txBody>
      </p:sp>
      <p:sp>
        <p:nvSpPr>
          <p:cNvPr id="32" name="Content Placeholder 5">
            <a:extLst>
              <a:ext uri="{FF2B5EF4-FFF2-40B4-BE49-F238E27FC236}">
                <a16:creationId xmlns:a16="http://schemas.microsoft.com/office/drawing/2014/main" id="{B84A118C-240F-44C2-BB4E-1879AFCCD9D9}"/>
              </a:ext>
            </a:extLst>
          </p:cNvPr>
          <p:cNvSpPr txBox="1">
            <a:spLocks/>
          </p:cNvSpPr>
          <p:nvPr/>
        </p:nvSpPr>
        <p:spPr>
          <a:xfrm>
            <a:off x="9682482" y="4322108"/>
            <a:ext cx="2186885" cy="202682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ct val="0"/>
              </a:spcAft>
              <a:buFont typeface="Wingdings" panose="05000000000000000000" pitchFamily="2" charset="2"/>
              <a:buChar char="ü"/>
            </a:pPr>
            <a:r>
              <a:rPr lang="da-DK" sz="900" noProof="0" dirty="0">
                <a:solidFill>
                  <a:schemeClr val="tx1"/>
                </a:solidFill>
              </a:rPr>
              <a:t>Digital suverænitet kræver langsigtet strategi, ikke ad hoc‑valg</a:t>
            </a:r>
            <a:br>
              <a:rPr lang="da-DK" sz="900" noProof="0" dirty="0">
                <a:solidFill>
                  <a:schemeClr val="tx1"/>
                </a:solidFill>
              </a:rPr>
            </a:br>
            <a:r>
              <a:rPr lang="da-DK" sz="900" b="0" noProof="0" dirty="0">
                <a:solidFill>
                  <a:schemeClr val="tx1"/>
                </a:solidFill>
              </a:rPr>
              <a:t>Suverænitet opnås ikke via enkelte teknologivalg, men gennem vedvarende, strategiske prioriteringer om åbenhed, kontrol og ejerskab.</a:t>
            </a:r>
          </a:p>
          <a:p>
            <a:pPr marL="171450" indent="-171450" defTabSz="914400" eaLnBrk="0" fontAlgn="base" hangingPunct="0">
              <a:spcBef>
                <a:spcPct val="0"/>
              </a:spcBef>
              <a:spcAft>
                <a:spcPct val="0"/>
              </a:spcAft>
              <a:buFont typeface="Wingdings" panose="05000000000000000000" pitchFamily="2" charset="2"/>
              <a:buChar char="ü"/>
            </a:pPr>
            <a:endParaRPr lang="da-DK" sz="900" b="0" noProof="0" dirty="0">
              <a:solidFill>
                <a:schemeClr val="tx1"/>
              </a:solidFill>
            </a:endParaRPr>
          </a:p>
          <a:p>
            <a:pPr marL="171450" lvl="0" indent="-171450" defTabSz="914400" eaLnBrk="0" fontAlgn="base" hangingPunct="0">
              <a:spcBef>
                <a:spcPct val="0"/>
              </a:spcBef>
              <a:spcAft>
                <a:spcPct val="0"/>
              </a:spcAft>
              <a:buFont typeface="Wingdings" panose="05000000000000000000" pitchFamily="2" charset="2"/>
              <a:buChar char="ü"/>
            </a:pPr>
            <a:r>
              <a:rPr lang="da-DK" sz="900" noProof="0">
                <a:solidFill>
                  <a:schemeClr val="tx1"/>
                </a:solidFill>
              </a:rPr>
              <a:t>Exit‑strategier skal tænkes ind fra start</a:t>
            </a:r>
            <a:br>
              <a:rPr lang="da-DK" sz="900" b="0" noProof="0">
                <a:solidFill>
                  <a:schemeClr val="tx1"/>
                </a:solidFill>
              </a:rPr>
            </a:br>
            <a:r>
              <a:rPr lang="da-DK" sz="900" b="0" noProof="0">
                <a:solidFill>
                  <a:schemeClr val="tx1"/>
                </a:solidFill>
              </a:rPr>
              <a:t>Teknologier skifter ejere, fællesskaber dør ud, eller licenser ændres. Exit er ikke kun en proprietær udfordring, det gælder også open source.</a:t>
            </a:r>
          </a:p>
        </p:txBody>
      </p:sp>
      <p:sp>
        <p:nvSpPr>
          <p:cNvPr id="36" name="Rectangle 35">
            <a:extLst>
              <a:ext uri="{FF2B5EF4-FFF2-40B4-BE49-F238E27FC236}">
                <a16:creationId xmlns:a16="http://schemas.microsoft.com/office/drawing/2014/main" id="{8E252360-9145-9E0D-2988-D354834D7AAF}"/>
              </a:ext>
              <a:ext uri="{C183D7F6-B498-43B3-948B-1728B52AA6E4}">
                <adec:decorative xmlns:adec="http://schemas.microsoft.com/office/drawing/2017/decorative" val="1"/>
              </a:ext>
            </a:extLst>
          </p:cNvPr>
          <p:cNvSpPr>
            <a:spLocks/>
          </p:cNvSpPr>
          <p:nvPr/>
        </p:nvSpPr>
        <p:spPr>
          <a:xfrm>
            <a:off x="9692609" y="2148893"/>
            <a:ext cx="2232800" cy="651063"/>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83" name="Rectangle 82">
            <a:extLst>
              <a:ext uri="{FF2B5EF4-FFF2-40B4-BE49-F238E27FC236}">
                <a16:creationId xmlns:a16="http://schemas.microsoft.com/office/drawing/2014/main" id="{9D84A07D-1CE8-F3F8-54E6-D4CB737E6A99}"/>
              </a:ext>
              <a:ext uri="{C183D7F6-B498-43B3-948B-1728B52AA6E4}">
                <adec:decorative xmlns:adec="http://schemas.microsoft.com/office/drawing/2017/decorative" val="1"/>
              </a:ext>
            </a:extLst>
          </p:cNvPr>
          <p:cNvSpPr>
            <a:spLocks/>
          </p:cNvSpPr>
          <p:nvPr/>
        </p:nvSpPr>
        <p:spPr>
          <a:xfrm>
            <a:off x="9692609" y="3164149"/>
            <a:ext cx="2232800" cy="320091"/>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Tree>
    <p:extLst>
      <p:ext uri="{BB962C8B-B14F-4D97-AF65-F5344CB8AC3E}">
        <p14:creationId xmlns:p14="http://schemas.microsoft.com/office/powerpoint/2010/main" val="1311695750"/>
      </p:ext>
    </p:extLst>
  </p:cSld>
  <p:clrMapOvr>
    <a:masterClrMapping/>
  </p:clrMapOvr>
  <p:transition>
    <p:fade/>
  </p:transition>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84FB666-114E-64DD-0A71-AD979D5A2605}"/>
            </a:ext>
          </a:extLst>
        </p:cNvPr>
        <p:cNvGrpSpPr/>
        <p:nvPr/>
      </p:nvGrpSpPr>
      <p:grpSpPr>
        <a:xfrm>
          <a:off x="0" y="0"/>
          <a:ext cx="0" cy="0"/>
          <a:chOff x="0" y="0"/>
          <a:chExt cx="0" cy="0"/>
        </a:xfrm>
      </p:grpSpPr>
      <p:sp>
        <p:nvSpPr>
          <p:cNvPr id="16" name="Rectangle: Rounded Corners 15">
            <a:extLst>
              <a:ext uri="{FF2B5EF4-FFF2-40B4-BE49-F238E27FC236}">
                <a16:creationId xmlns:a16="http://schemas.microsoft.com/office/drawing/2014/main" id="{9D2BA6A6-8AFC-9DAE-4D9F-21753C22AD99}"/>
              </a:ext>
            </a:extLst>
          </p:cNvPr>
          <p:cNvSpPr/>
          <p:nvPr/>
        </p:nvSpPr>
        <p:spPr>
          <a:xfrm>
            <a:off x="169304" y="11734"/>
            <a:ext cx="7765328"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7 | Open source som strategisk fundament i Styrelsen for It og Læring</a:t>
            </a:r>
            <a:endParaRPr lang="da-DK" sz="1600" b="1" noProof="0" dirty="0">
              <a:solidFill>
                <a:srgbClr val="36465A"/>
              </a:solidFill>
              <a:highlight>
                <a:srgbClr val="FFFF00"/>
              </a:highlight>
            </a:endParaRPr>
          </a:p>
        </p:txBody>
      </p:sp>
      <p:pic>
        <p:nvPicPr>
          <p:cNvPr id="36" name="Picture 35">
            <a:extLst>
              <a:ext uri="{FF2B5EF4-FFF2-40B4-BE49-F238E27FC236}">
                <a16:creationId xmlns:a16="http://schemas.microsoft.com/office/drawing/2014/main" id="{7B6A02B2-5525-94DF-20F2-1FD640083B8F}"/>
              </a:ext>
              <a:ext uri="{C183D7F6-B498-43B3-948B-1728B52AA6E4}">
                <adec:decorative xmlns:adec="http://schemas.microsoft.com/office/drawing/2017/decorative" val="1"/>
              </a:ext>
            </a:extLst>
          </p:cNvPr>
          <p:cNvPicPr>
            <a:picLocks noChangeAspect="1"/>
          </p:cNvPicPr>
          <p:nvPr/>
        </p:nvPicPr>
        <p:blipFill>
          <a:blip r:embed="rId3"/>
          <a:stretch>
            <a:fillRect/>
          </a:stretch>
        </p:blipFill>
        <p:spPr>
          <a:xfrm>
            <a:off x="10421581" y="288082"/>
            <a:ext cx="1581610" cy="833170"/>
          </a:xfrm>
          <a:prstGeom prst="rect">
            <a:avLst/>
          </a:prstGeom>
        </p:spPr>
      </p:pic>
      <p:sp>
        <p:nvSpPr>
          <p:cNvPr id="24" name="Rectangle: Rounded Corners 23">
            <a:extLst>
              <a:ext uri="{FF2B5EF4-FFF2-40B4-BE49-F238E27FC236}">
                <a16:creationId xmlns:a16="http://schemas.microsoft.com/office/drawing/2014/main" id="{350BD3B4-156A-4A35-FD44-A447E940A0AE}"/>
              </a:ext>
              <a:ext uri="{C183D7F6-B498-43B3-948B-1728B52AA6E4}">
                <adec:decorative xmlns:adec="http://schemas.microsoft.com/office/drawing/2017/decorative" val="1"/>
              </a:ext>
            </a:extLst>
          </p:cNvPr>
          <p:cNvSpPr/>
          <p:nvPr/>
        </p:nvSpPr>
        <p:spPr>
          <a:xfrm>
            <a:off x="6644688"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 name="Title 1">
            <a:extLst>
              <a:ext uri="{FF2B5EF4-FFF2-40B4-BE49-F238E27FC236}">
                <a16:creationId xmlns:a16="http://schemas.microsoft.com/office/drawing/2014/main" id="{663F59DE-CCF5-D715-F8FE-DAD3CCC839C7}"/>
              </a:ext>
            </a:extLst>
          </p:cNvPr>
          <p:cNvSpPr>
            <a:spLocks noGrp="1"/>
          </p:cNvSpPr>
          <p:nvPr>
            <p:ph type="title"/>
          </p:nvPr>
        </p:nvSpPr>
        <p:spPr/>
        <p:txBody>
          <a:bodyPr/>
          <a:lstStyle/>
          <a:p>
            <a:r>
              <a:rPr lang="da-DK" sz="2200" noProof="0" dirty="0"/>
              <a:t>Side 2/3 | </a:t>
            </a:r>
            <a:r>
              <a:rPr lang="da-DK" sz="2200" b="1" noProof="0" dirty="0"/>
              <a:t>Formål, baggrund og kontekst</a:t>
            </a:r>
          </a:p>
        </p:txBody>
      </p:sp>
      <p:sp>
        <p:nvSpPr>
          <p:cNvPr id="10" name="Rectangle: Rounded Corners 9">
            <a:extLst>
              <a:ext uri="{FF2B5EF4-FFF2-40B4-BE49-F238E27FC236}">
                <a16:creationId xmlns:a16="http://schemas.microsoft.com/office/drawing/2014/main" id="{4CA4337B-0B2D-C23F-1E41-AA30351E14ED}"/>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Formål og strategi </a:t>
            </a:r>
          </a:p>
        </p:txBody>
      </p:sp>
      <p:sp>
        <p:nvSpPr>
          <p:cNvPr id="3" name="Rectangle 2">
            <a:extLst>
              <a:ext uri="{FF2B5EF4-FFF2-40B4-BE49-F238E27FC236}">
                <a16:creationId xmlns:a16="http://schemas.microsoft.com/office/drawing/2014/main" id="{D7369F4C-3386-3B40-B63C-DDE3949841A3}"/>
              </a:ext>
            </a:extLst>
          </p:cNvPr>
          <p:cNvSpPr/>
          <p:nvPr/>
        </p:nvSpPr>
        <p:spPr>
          <a:xfrm>
            <a:off x="560498" y="2069025"/>
            <a:ext cx="3004340" cy="424222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sym typeface="Wingdings" panose="05000000000000000000" pitchFamily="2" charset="2"/>
              </a:rPr>
              <a:t>Formål</a:t>
            </a:r>
          </a:p>
          <a:p>
            <a:r>
              <a:rPr lang="da-DK" sz="900" noProof="0" dirty="0">
                <a:solidFill>
                  <a:schemeClr val="tx1"/>
                </a:solidFill>
                <a:sym typeface="Wingdings" panose="05000000000000000000" pitchFamily="2" charset="2"/>
              </a:rPr>
              <a:t>STIL har anvendt o</a:t>
            </a:r>
            <a:r>
              <a:rPr lang="da-DK" sz="900" noProof="0" dirty="0">
                <a:solidFill>
                  <a:schemeClr val="tx1"/>
                </a:solidFill>
              </a:rPr>
              <a:t>pen source som et bevidst strategisk greb på tværs af teknologistakken, jf. figuren til højre. Formålet har været at opnå et stærkere ejerskab over centrale teknologikomponenter, reducere risikoen for </a:t>
            </a:r>
            <a:r>
              <a:rPr lang="da-DK" sz="900" noProof="0" dirty="0" err="1">
                <a:solidFill>
                  <a:schemeClr val="tx1"/>
                </a:solidFill>
              </a:rPr>
              <a:t>vendor</a:t>
            </a:r>
            <a:r>
              <a:rPr lang="da-DK" sz="900" noProof="0" dirty="0">
                <a:solidFill>
                  <a:schemeClr val="tx1"/>
                </a:solidFill>
              </a:rPr>
              <a:t> </a:t>
            </a:r>
            <a:r>
              <a:rPr lang="da-DK" sz="900" noProof="0" dirty="0" err="1">
                <a:solidFill>
                  <a:schemeClr val="tx1"/>
                </a:solidFill>
              </a:rPr>
              <a:t>lock</a:t>
            </a:r>
            <a:r>
              <a:rPr lang="da-DK" sz="900" noProof="0" dirty="0">
                <a:solidFill>
                  <a:schemeClr val="tx1"/>
                </a:solidFill>
              </a:rPr>
              <a:t>-in og understøtte en sammenhængende digital infrastruktur på tværs af styrelsens løsninger.</a:t>
            </a:r>
          </a:p>
          <a:p>
            <a:endParaRPr lang="da-DK" sz="900" noProof="0" dirty="0">
              <a:solidFill>
                <a:schemeClr val="tx1"/>
              </a:solidFill>
            </a:endParaRPr>
          </a:p>
          <a:p>
            <a:r>
              <a:rPr lang="da-DK" sz="900" noProof="0" dirty="0">
                <a:solidFill>
                  <a:schemeClr val="tx1"/>
                </a:solidFill>
              </a:rPr>
              <a:t>Med stærke in-house-kompetencer er STIL i stand til selv at udvikle, tilpasse og genbruge komponenter effektivt og dermed accelerere innovation, kvalitet og time-to-</a:t>
            </a:r>
            <a:r>
              <a:rPr lang="da-DK" sz="900" noProof="0" dirty="0" err="1">
                <a:solidFill>
                  <a:schemeClr val="tx1"/>
                </a:solidFill>
              </a:rPr>
              <a:t>market</a:t>
            </a:r>
            <a:r>
              <a:rPr lang="da-DK" sz="900" noProof="0" dirty="0">
                <a:solidFill>
                  <a:schemeClr val="tx1"/>
                </a:solidFill>
              </a:rPr>
              <a:t>. </a:t>
            </a:r>
          </a:p>
          <a:p>
            <a:br>
              <a:rPr lang="da-DK" sz="900" noProof="0" dirty="0">
                <a:solidFill>
                  <a:schemeClr val="tx1"/>
                </a:solidFill>
              </a:rPr>
            </a:br>
            <a:r>
              <a:rPr lang="da-DK" sz="900" noProof="0" dirty="0">
                <a:solidFill>
                  <a:schemeClr val="tx1"/>
                </a:solidFill>
                <a:sym typeface="Wingdings" panose="05000000000000000000" pitchFamily="2" charset="2"/>
              </a:rPr>
              <a:t>Det har været et centralt hensyn at kunne træffe selvstændige teknologivalg uden at være bundet af licensstrukturer, komplekse kontrakter eller uforudsigelige leverandørvilkår. Det har ligeledes været et centralt hensyn at understøtte et robust digitalt fundament, der kan imødekomme stigende krav fra uddannelsessektoren, herunder:</a:t>
            </a:r>
          </a:p>
          <a:p>
            <a:pPr marL="171450" indent="-171450">
              <a:buFont typeface="Arial" panose="020B0604020202020204" pitchFamily="34" charset="0"/>
              <a:buChar char="•"/>
            </a:pPr>
            <a:r>
              <a:rPr lang="da-DK" sz="900" noProof="0" dirty="0">
                <a:solidFill>
                  <a:schemeClr val="tx1"/>
                </a:solidFill>
                <a:sym typeface="Wingdings" panose="05000000000000000000" pitchFamily="2" charset="2"/>
              </a:rPr>
              <a:t>Flere samtidige brugere</a:t>
            </a:r>
          </a:p>
          <a:p>
            <a:pPr marL="171450" indent="-171450">
              <a:buFont typeface="Arial" panose="020B0604020202020204" pitchFamily="34" charset="0"/>
              <a:buChar char="•"/>
            </a:pPr>
            <a:r>
              <a:rPr lang="da-DK" sz="900" noProof="0" dirty="0">
                <a:solidFill>
                  <a:schemeClr val="tx1"/>
                </a:solidFill>
                <a:sym typeface="Wingdings" panose="05000000000000000000" pitchFamily="2" charset="2"/>
              </a:rPr>
              <a:t>Øget digitalisering af prøver og eksamener</a:t>
            </a:r>
          </a:p>
          <a:p>
            <a:pPr marL="171450" indent="-171450">
              <a:buFont typeface="Arial" panose="020B0604020202020204" pitchFamily="34" charset="0"/>
              <a:buChar char="•"/>
            </a:pPr>
            <a:r>
              <a:rPr lang="da-DK" sz="900" noProof="0" dirty="0">
                <a:solidFill>
                  <a:schemeClr val="tx1"/>
                </a:solidFill>
                <a:sym typeface="Wingdings" panose="05000000000000000000" pitchFamily="2" charset="2"/>
              </a:rPr>
              <a:t>Behovet for fleksible backup‑ og nødprocedurer</a:t>
            </a:r>
            <a:endParaRPr lang="da-DK" sz="900" noProof="0" dirty="0">
              <a:solidFill>
                <a:schemeClr val="tx1"/>
              </a:solidFill>
            </a:endParaRPr>
          </a:p>
          <a:p>
            <a:endParaRPr lang="da-DK" sz="900" noProof="0" dirty="0">
              <a:solidFill>
                <a:srgbClr val="36465A"/>
              </a:solidFill>
              <a:sym typeface="Wingdings" panose="05000000000000000000" pitchFamily="2" charset="2"/>
            </a:endParaRPr>
          </a:p>
          <a:p>
            <a:r>
              <a:rPr lang="da-DK" sz="900" b="1" noProof="0" dirty="0">
                <a:solidFill>
                  <a:srgbClr val="36465A"/>
                </a:solidFill>
                <a:sym typeface="Wingdings" panose="05000000000000000000" pitchFamily="2" charset="2"/>
              </a:rPr>
              <a:t>Strategisk ophæng</a:t>
            </a:r>
          </a:p>
          <a:p>
            <a:r>
              <a:rPr lang="da-DK" sz="900" noProof="0" dirty="0">
                <a:solidFill>
                  <a:schemeClr val="tx1"/>
                </a:solidFill>
                <a:sym typeface="Wingdings" panose="05000000000000000000" pitchFamily="2" charset="2"/>
              </a:rPr>
              <a:t>Indsatsen er forankret i </a:t>
            </a:r>
            <a:r>
              <a:rPr lang="da-DK" sz="900" noProof="0" dirty="0" err="1">
                <a:solidFill>
                  <a:schemeClr val="tx1"/>
                </a:solidFill>
                <a:sym typeface="Wingdings" panose="05000000000000000000" pitchFamily="2" charset="2"/>
              </a:rPr>
              <a:t>STILs</a:t>
            </a:r>
            <a:r>
              <a:rPr lang="da-DK" sz="900" noProof="0" dirty="0">
                <a:solidFill>
                  <a:schemeClr val="tx1"/>
                </a:solidFill>
                <a:sym typeface="Wingdings" panose="05000000000000000000" pitchFamily="2" charset="2"/>
              </a:rPr>
              <a:t> it‑strategi og koblet til statens digitale ambitioner om uafhængighed, tryghed og gennemsigtighed i den offentlige it‑infrastruktur. </a:t>
            </a:r>
            <a:br>
              <a:rPr lang="da-DK" sz="900" noProof="0" dirty="0">
                <a:solidFill>
                  <a:schemeClr val="tx1"/>
                </a:solidFill>
                <a:sym typeface="Wingdings" panose="05000000000000000000" pitchFamily="2" charset="2"/>
              </a:rPr>
            </a:br>
            <a:endParaRPr lang="da-DK" sz="900" noProof="0" dirty="0">
              <a:solidFill>
                <a:schemeClr val="tx1"/>
              </a:solidFill>
              <a:sym typeface="Wingdings" panose="05000000000000000000" pitchFamily="2" charset="2"/>
            </a:endParaRPr>
          </a:p>
          <a:p>
            <a:r>
              <a:rPr lang="da-DK" sz="900" b="1" noProof="0">
                <a:solidFill>
                  <a:schemeClr val="tx1"/>
                </a:solidFill>
              </a:rPr>
              <a:t> </a:t>
            </a:r>
          </a:p>
        </p:txBody>
      </p:sp>
      <p:sp>
        <p:nvSpPr>
          <p:cNvPr id="11" name="Rectangle: Rounded Corners 10">
            <a:extLst>
              <a:ext uri="{FF2B5EF4-FFF2-40B4-BE49-F238E27FC236}">
                <a16:creationId xmlns:a16="http://schemas.microsoft.com/office/drawing/2014/main" id="{5B36FCEA-735E-4BCF-6641-021BD45D934D}"/>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Baggrund og kontekst</a:t>
            </a:r>
          </a:p>
        </p:txBody>
      </p:sp>
      <p:sp>
        <p:nvSpPr>
          <p:cNvPr id="5" name="Rectangle 4">
            <a:extLst>
              <a:ext uri="{FF2B5EF4-FFF2-40B4-BE49-F238E27FC236}">
                <a16:creationId xmlns:a16="http://schemas.microsoft.com/office/drawing/2014/main" id="{87BA4A0D-CB8D-199E-AF97-5708671CD1A9}"/>
              </a:ext>
            </a:extLst>
          </p:cNvPr>
          <p:cNvSpPr/>
          <p:nvPr/>
        </p:nvSpPr>
        <p:spPr>
          <a:xfrm>
            <a:off x="3565419" y="2069025"/>
            <a:ext cx="2939028" cy="45059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rPr>
              <a:t>Baggrund</a:t>
            </a:r>
          </a:p>
          <a:p>
            <a:r>
              <a:rPr lang="da-DK" sz="900" noProof="0" dirty="0">
                <a:solidFill>
                  <a:schemeClr val="tx1"/>
                </a:solidFill>
              </a:rPr>
              <a:t>STIL bygger bl.a. videre på deres historiske DNA fra UNI‑C, hvor høj teknisk kontrol og fokus på interne kompetencer i udvikling og drift har været centrale styringsprincipper. Konceptet med at eje og forstå egne teknologiske komponenter blev tidligt koblet sammen med ambitionen om teknologisk uafhængighed, og STIL tog allerede for mere end ti år siden de nationale anbefalinger om åbne standarder og open source til sig som en naturlig del af deres strategiske retning. Denne retning fortsættes i den aktuelle it-strategi med opdaterede nuancer og løbende overvejelser om den konkrete kontekst.</a:t>
            </a:r>
          </a:p>
          <a:p>
            <a:endParaRPr lang="da-DK" sz="900" noProof="0" dirty="0">
              <a:solidFill>
                <a:schemeClr val="tx1"/>
              </a:solidFill>
            </a:endParaRPr>
          </a:p>
          <a:p>
            <a:r>
              <a:rPr lang="da-DK" sz="900" b="1" noProof="0" dirty="0">
                <a:solidFill>
                  <a:srgbClr val="36465A"/>
                </a:solidFill>
              </a:rPr>
              <a:t>Kontekst</a:t>
            </a:r>
          </a:p>
          <a:p>
            <a:r>
              <a:rPr lang="da-DK" sz="900" noProof="0" dirty="0" err="1">
                <a:solidFill>
                  <a:schemeClr val="tx1"/>
                </a:solidFill>
              </a:rPr>
              <a:t>STILs</a:t>
            </a:r>
            <a:r>
              <a:rPr lang="da-DK" sz="900" noProof="0" dirty="0">
                <a:solidFill>
                  <a:schemeClr val="tx1"/>
                </a:solidFill>
              </a:rPr>
              <a:t> transformation skal ses i lyset af:</a:t>
            </a:r>
          </a:p>
          <a:p>
            <a:pPr marL="171450" indent="-171450">
              <a:buFont typeface="Arial" panose="020B0604020202020204" pitchFamily="34" charset="0"/>
              <a:buChar char="•"/>
            </a:pPr>
            <a:r>
              <a:rPr lang="da-DK" sz="900" noProof="0" dirty="0">
                <a:solidFill>
                  <a:schemeClr val="tx1"/>
                </a:solidFill>
              </a:rPr>
              <a:t>En kompleks og sikkerhedskritisk kontekst. Styrelsen udvikler og drifter mere end 150 systemer og servicerer over én million daglige brugere, herunder elever, lærere, institutioner og myndigheder. Mange af løsningerne, som Unilogin, Uddannelsesguiden, Optagelse.dk, AMU-kvalitet, Lærepladsen.dk og </a:t>
            </a:r>
            <a:r>
              <a:rPr lang="da-DK" sz="900" noProof="0" dirty="0" err="1">
                <a:solidFill>
                  <a:schemeClr val="tx1"/>
                </a:solidFill>
              </a:rPr>
              <a:t>Netprøver</a:t>
            </a:r>
            <a:r>
              <a:rPr lang="da-DK" sz="900" noProof="0" dirty="0">
                <a:solidFill>
                  <a:schemeClr val="tx1"/>
                </a:solidFill>
              </a:rPr>
              <a:t>, er direkte</a:t>
            </a:r>
            <a:r>
              <a:rPr lang="da-DK" sz="900" strike="sngStrike" noProof="0" dirty="0">
                <a:solidFill>
                  <a:schemeClr val="tx1"/>
                </a:solidFill>
              </a:rPr>
              <a:t> </a:t>
            </a:r>
            <a:r>
              <a:rPr lang="da-DK" sz="900" noProof="0" dirty="0">
                <a:solidFill>
                  <a:schemeClr val="tx1"/>
                </a:solidFill>
              </a:rPr>
              <a:t>elementer i Danmarks uddannelsesinfrastruktur. Det betyder, at selv kortvarige udfald kan få national betydning.</a:t>
            </a:r>
          </a:p>
          <a:p>
            <a:pPr marL="171450" indent="-171450">
              <a:buFont typeface="Arial" panose="020B0604020202020204" pitchFamily="34" charset="0"/>
              <a:buChar char="•"/>
            </a:pPr>
            <a:endParaRPr lang="da-DK" sz="900" noProof="0" dirty="0">
              <a:solidFill>
                <a:schemeClr val="tx1"/>
              </a:solidFill>
            </a:endParaRPr>
          </a:p>
          <a:p>
            <a:pPr marL="171450" indent="-171450">
              <a:buFont typeface="Arial" panose="020B0604020202020204" pitchFamily="34" charset="0"/>
              <a:buChar char="•"/>
            </a:pPr>
            <a:r>
              <a:rPr lang="da-DK" sz="900" noProof="0" dirty="0">
                <a:solidFill>
                  <a:schemeClr val="tx1"/>
                </a:solidFill>
              </a:rPr>
              <a:t>En model for </a:t>
            </a:r>
            <a:r>
              <a:rPr lang="da-DK" sz="900" noProof="0" dirty="0" err="1">
                <a:solidFill>
                  <a:schemeClr val="tx1"/>
                </a:solidFill>
              </a:rPr>
              <a:t>egenudvikling</a:t>
            </a:r>
            <a:r>
              <a:rPr lang="da-DK" sz="900" noProof="0" dirty="0">
                <a:solidFill>
                  <a:schemeClr val="tx1"/>
                </a:solidFill>
              </a:rPr>
              <a:t> i staten suppleret med serviceaftaler med eksterne leverandører for at sikre tilstrækkelig kapacitet og fleksibilitet. Denne model er også taget i brug andre steder i staten, fx STAR, Sundhedsdatastyrelsen mv.</a:t>
            </a:r>
          </a:p>
          <a:p>
            <a:pPr marL="171450" indent="-171450">
              <a:buFont typeface="Arial" panose="020B0604020202020204" pitchFamily="34" charset="0"/>
              <a:buChar char="•"/>
            </a:pPr>
            <a:endParaRPr lang="da-DK" sz="900" noProof="0" dirty="0">
              <a:solidFill>
                <a:schemeClr val="tx1"/>
              </a:solidFill>
            </a:endParaRPr>
          </a:p>
        </p:txBody>
      </p:sp>
      <p:sp>
        <p:nvSpPr>
          <p:cNvPr id="7" name="Rectangle 6">
            <a:extLst>
              <a:ext uri="{FF2B5EF4-FFF2-40B4-BE49-F238E27FC236}">
                <a16:creationId xmlns:a16="http://schemas.microsoft.com/office/drawing/2014/main" id="{85B840C9-7AC2-D0A8-B869-00F655DF9058}"/>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C3E60185-227C-B6EC-6444-246C86C86D47}"/>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BABB761-193D-37FC-2A89-90E1706BFC9A}"/>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A44E2488-C6E0-D92C-3521-40EAA2602AE6}"/>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BEDF24C2-C2EE-523F-6782-4ED5BBCFAD9C}"/>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4" name="Freeform 16">
            <a:extLst>
              <a:ext uri="{FF2B5EF4-FFF2-40B4-BE49-F238E27FC236}">
                <a16:creationId xmlns:a16="http://schemas.microsoft.com/office/drawing/2014/main" id="{4C4A930A-D7DD-2233-7A82-14668C77ED0D}"/>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34">
            <a:extLst>
              <a:ext uri="{FF2B5EF4-FFF2-40B4-BE49-F238E27FC236}">
                <a16:creationId xmlns:a16="http://schemas.microsoft.com/office/drawing/2014/main" id="{E4CDA29B-E063-1408-3DA3-F8C059B1D3AE}"/>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1" name="TextBox 20">
            <a:extLst>
              <a:ext uri="{FF2B5EF4-FFF2-40B4-BE49-F238E27FC236}">
                <a16:creationId xmlns:a16="http://schemas.microsoft.com/office/drawing/2014/main" id="{E7FDF780-E7BF-BD00-789B-2659AA29D905}"/>
              </a:ext>
            </a:extLst>
          </p:cNvPr>
          <p:cNvSpPr txBox="1"/>
          <p:nvPr/>
        </p:nvSpPr>
        <p:spPr>
          <a:xfrm>
            <a:off x="6649627" y="1741260"/>
            <a:ext cx="5083664" cy="330646"/>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Andel af OSS i teknologistakken for it-porteføljen hos STIL </a:t>
            </a:r>
          </a:p>
        </p:txBody>
      </p:sp>
      <p:grpSp>
        <p:nvGrpSpPr>
          <p:cNvPr id="6" name="Group 5">
            <a:extLst>
              <a:ext uri="{FF2B5EF4-FFF2-40B4-BE49-F238E27FC236}">
                <a16:creationId xmlns:a16="http://schemas.microsoft.com/office/drawing/2014/main" id="{37ED6180-9CCC-AF23-FF0A-10EDB05286E3}"/>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3" name="Rectangle 12">
              <a:extLst>
                <a:ext uri="{FF2B5EF4-FFF2-40B4-BE49-F238E27FC236}">
                  <a16:creationId xmlns:a16="http://schemas.microsoft.com/office/drawing/2014/main" id="{51C13123-D818-933A-994E-29F356622C79}"/>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 name="Rectangle 13">
              <a:extLst>
                <a:ext uri="{FF2B5EF4-FFF2-40B4-BE49-F238E27FC236}">
                  <a16:creationId xmlns:a16="http://schemas.microsoft.com/office/drawing/2014/main" id="{489F0C95-5E7C-E238-0239-C19EFD6E628F}"/>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t>Case Katalog</a:t>
              </a:r>
            </a:p>
          </p:txBody>
        </p:sp>
      </p:grpSp>
      <p:grpSp>
        <p:nvGrpSpPr>
          <p:cNvPr id="15" name="Group 14">
            <a:extLst>
              <a:ext uri="{FF2B5EF4-FFF2-40B4-BE49-F238E27FC236}">
                <a16:creationId xmlns:a16="http://schemas.microsoft.com/office/drawing/2014/main" id="{5E9B68DA-D405-A95B-2BCD-E8DFF944E306}"/>
              </a:ext>
              <a:ext uri="{C183D7F6-B498-43B3-948B-1728B52AA6E4}">
                <adec:decorative xmlns:adec="http://schemas.microsoft.com/office/drawing/2017/decorative" val="1"/>
              </a:ext>
            </a:extLst>
          </p:cNvPr>
          <p:cNvGrpSpPr>
            <a:grpSpLocks noChangeAspect="1"/>
          </p:cNvGrpSpPr>
          <p:nvPr/>
        </p:nvGrpSpPr>
        <p:grpSpPr>
          <a:xfrm>
            <a:off x="7312108" y="2174329"/>
            <a:ext cx="4052438" cy="3331275"/>
            <a:chOff x="724926" y="2008188"/>
            <a:chExt cx="4629495" cy="3289421"/>
          </a:xfrm>
        </p:grpSpPr>
        <p:sp>
          <p:nvSpPr>
            <p:cNvPr id="17" name="Rectangle: Rounded Corners 16">
              <a:extLst>
                <a:ext uri="{FF2B5EF4-FFF2-40B4-BE49-F238E27FC236}">
                  <a16:creationId xmlns:a16="http://schemas.microsoft.com/office/drawing/2014/main" id="{0FD80623-A8F2-68CE-DD17-002A54FF898F}"/>
                </a:ext>
              </a:extLst>
            </p:cNvPr>
            <p:cNvSpPr>
              <a:spLocks/>
            </p:cNvSpPr>
            <p:nvPr/>
          </p:nvSpPr>
          <p:spPr>
            <a:xfrm>
              <a:off x="724926" y="2008188"/>
              <a:ext cx="4629495" cy="2469184"/>
            </a:xfrm>
            <a:prstGeom prst="roundRect">
              <a:avLst>
                <a:gd name="adj" fmla="val 3986"/>
              </a:avLst>
            </a:prstGeom>
            <a:solidFill>
              <a:schemeClr val="bg1">
                <a:lumMod val="100000"/>
              </a:schemeClr>
            </a:solidFill>
            <a:ln w="12700" cap="flat" cmpd="sng" algn="ctr">
              <a:solidFill>
                <a:srgbClr val="024D78"/>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a:p>
          </p:txBody>
        </p:sp>
        <p:sp>
          <p:nvSpPr>
            <p:cNvPr id="18" name="Rectangle: Rounded Corners 17">
              <a:extLst>
                <a:ext uri="{FF2B5EF4-FFF2-40B4-BE49-F238E27FC236}">
                  <a16:creationId xmlns:a16="http://schemas.microsoft.com/office/drawing/2014/main" id="{7341B5B3-5FD0-4B09-DCD0-A3274207EFED}"/>
                </a:ext>
              </a:extLst>
            </p:cNvPr>
            <p:cNvSpPr>
              <a:spLocks/>
            </p:cNvSpPr>
            <p:nvPr/>
          </p:nvSpPr>
          <p:spPr>
            <a:xfrm>
              <a:off x="724926" y="4553795"/>
              <a:ext cx="4629495" cy="743814"/>
            </a:xfrm>
            <a:prstGeom prst="roundRect">
              <a:avLst>
                <a:gd name="adj" fmla="val 12751"/>
              </a:avLst>
            </a:prstGeom>
            <a:noFill/>
            <a:ln w="12700" cap="flat" cmpd="sng" algn="ctr">
              <a:solidFill>
                <a:srgbClr val="024D78"/>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a:p>
          </p:txBody>
        </p:sp>
        <p:sp>
          <p:nvSpPr>
            <p:cNvPr id="19" name="Rectangle 18">
              <a:extLst>
                <a:ext uri="{FF2B5EF4-FFF2-40B4-BE49-F238E27FC236}">
                  <a16:creationId xmlns:a16="http://schemas.microsoft.com/office/drawing/2014/main" id="{CA82DBC1-AE0A-8552-D143-0709E7401768}"/>
                </a:ext>
              </a:extLst>
            </p:cNvPr>
            <p:cNvSpPr>
              <a:spLocks/>
            </p:cNvSpPr>
            <p:nvPr/>
          </p:nvSpPr>
          <p:spPr>
            <a:xfrm>
              <a:off x="815390" y="4620103"/>
              <a:ext cx="2202036" cy="276999"/>
            </a:xfrm>
            <a:prstGeom prst="rect">
              <a:avLst/>
            </a:prstGeom>
            <a:solidFill>
              <a:srgbClr val="4AB9D3"/>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800" b="1" noProof="0" dirty="0">
                  <a:solidFill>
                    <a:schemeClr val="tx1">
                      <a:lumMod val="100000"/>
                    </a:schemeClr>
                  </a:solidFill>
                </a:rPr>
                <a:t>Primært OSS</a:t>
              </a:r>
            </a:p>
            <a:p>
              <a:pPr algn="ctr"/>
              <a:r>
                <a:rPr lang="da-DK" sz="800" b="1" noProof="0" dirty="0">
                  <a:solidFill>
                    <a:schemeClr val="tx1">
                      <a:lumMod val="100000"/>
                    </a:schemeClr>
                  </a:solidFill>
                </a:rPr>
                <a:t>&gt;75% OSS-teknologi</a:t>
              </a:r>
            </a:p>
          </p:txBody>
        </p:sp>
        <p:sp>
          <p:nvSpPr>
            <p:cNvPr id="20" name="Rectangle 19">
              <a:extLst>
                <a:ext uri="{FF2B5EF4-FFF2-40B4-BE49-F238E27FC236}">
                  <a16:creationId xmlns:a16="http://schemas.microsoft.com/office/drawing/2014/main" id="{F5602CA2-26A2-28CF-0760-D6F1F865541B}"/>
                </a:ext>
              </a:extLst>
            </p:cNvPr>
            <p:cNvSpPr>
              <a:spLocks/>
            </p:cNvSpPr>
            <p:nvPr/>
          </p:nvSpPr>
          <p:spPr>
            <a:xfrm>
              <a:off x="3107891" y="4620103"/>
              <a:ext cx="2202036" cy="276999"/>
            </a:xfrm>
            <a:prstGeom prst="rect">
              <a:avLst/>
            </a:prstGeom>
            <a:solidFill>
              <a:srgbClr val="CDECF2"/>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800" b="1" noProof="0" dirty="0">
                  <a:solidFill>
                    <a:srgbClr val="024D78"/>
                  </a:solidFill>
                </a:rPr>
                <a:t>Overvejende OSS</a:t>
              </a:r>
            </a:p>
            <a:p>
              <a:pPr algn="ctr"/>
              <a:r>
                <a:rPr lang="da-DK" sz="800" b="1" noProof="0" dirty="0">
                  <a:solidFill>
                    <a:srgbClr val="024D78"/>
                  </a:solidFill>
                </a:rPr>
                <a:t>50%-75% OSS-teknologi</a:t>
              </a:r>
            </a:p>
          </p:txBody>
        </p:sp>
        <p:sp>
          <p:nvSpPr>
            <p:cNvPr id="22" name="Rectangle 21">
              <a:extLst>
                <a:ext uri="{FF2B5EF4-FFF2-40B4-BE49-F238E27FC236}">
                  <a16:creationId xmlns:a16="http://schemas.microsoft.com/office/drawing/2014/main" id="{6CBFD167-8FB7-7D49-CF03-E5EF5C917B39}"/>
                </a:ext>
              </a:extLst>
            </p:cNvPr>
            <p:cNvSpPr>
              <a:spLocks/>
            </p:cNvSpPr>
            <p:nvPr/>
          </p:nvSpPr>
          <p:spPr>
            <a:xfrm>
              <a:off x="1938655" y="4951165"/>
              <a:ext cx="2202036" cy="276998"/>
            </a:xfrm>
            <a:prstGeom prst="rect">
              <a:avLst/>
            </a:prstGeom>
            <a:solidFill>
              <a:srgbClr val="64778A"/>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800" b="1" noProof="0" dirty="0">
                  <a:solidFill>
                    <a:schemeClr val="bg1">
                      <a:lumMod val="100000"/>
                    </a:schemeClr>
                  </a:solidFill>
                </a:rPr>
                <a:t>Begrænset OSS</a:t>
              </a:r>
            </a:p>
            <a:p>
              <a:pPr algn="ctr"/>
              <a:r>
                <a:rPr lang="da-DK" sz="800" b="1" noProof="0" dirty="0">
                  <a:solidFill>
                    <a:schemeClr val="bg1">
                      <a:lumMod val="100000"/>
                    </a:schemeClr>
                  </a:solidFill>
                </a:rPr>
                <a:t>&lt;50% OSS-teknologi</a:t>
              </a:r>
            </a:p>
          </p:txBody>
        </p:sp>
        <p:sp>
          <p:nvSpPr>
            <p:cNvPr id="25" name="TextBox 24">
              <a:extLst>
                <a:ext uri="{FF2B5EF4-FFF2-40B4-BE49-F238E27FC236}">
                  <a16:creationId xmlns:a16="http://schemas.microsoft.com/office/drawing/2014/main" id="{11473E63-D2A5-BA58-AAD3-4FF40B24FFAA}"/>
                </a:ext>
              </a:extLst>
            </p:cNvPr>
            <p:cNvSpPr txBox="1">
              <a:spLocks/>
            </p:cNvSpPr>
            <p:nvPr/>
          </p:nvSpPr>
          <p:spPr>
            <a:xfrm>
              <a:off x="1171992" y="4173934"/>
              <a:ext cx="1525756" cy="276999"/>
            </a:xfrm>
            <a:prstGeom prst="rect">
              <a:avLst/>
            </a:prstGeom>
          </p:spPr>
          <p:txBody>
            <a:bodyPr vert="horz" lIns="0" tIns="0" rIns="0" bIns="0" rtlCol="0" anchor="t">
              <a:noAutofit/>
            </a:bodyPr>
            <a:lstStyle>
              <a:defPPr>
                <a:defRPr lang="en-US"/>
              </a:defPPr>
              <a:lvl1pPr indent="0">
                <a:lnSpc>
                  <a:spcPct val="110000"/>
                </a:lnSpc>
                <a:spcBef>
                  <a:spcPts val="600"/>
                </a:spcBef>
                <a:buClrTx/>
                <a:buFont typeface="Segoe UI" panose="020B0502040204020203" pitchFamily="34" charset="0"/>
                <a:buNone/>
                <a:defRPr sz="1200" b="1" i="0"/>
              </a:lvl1pPr>
              <a:lvl2pPr marL="288000" indent="-144000">
                <a:lnSpc>
                  <a:spcPct val="110000"/>
                </a:lnSpc>
                <a:spcBef>
                  <a:spcPts val="600"/>
                </a:spcBef>
                <a:buClrTx/>
                <a:buFont typeface="Arial" panose="020B0604020202020204" pitchFamily="34" charset="0"/>
                <a:buChar char="•"/>
                <a:defRPr sz="1400"/>
              </a:lvl2pPr>
              <a:lvl3pPr marL="432000" indent="-144000">
                <a:lnSpc>
                  <a:spcPct val="110000"/>
                </a:lnSpc>
                <a:spcBef>
                  <a:spcPts val="600"/>
                </a:spcBef>
                <a:buClrTx/>
                <a:buFont typeface="Arial" panose="020B0604020202020204" pitchFamily="34" charset="0"/>
                <a:buChar char="•"/>
                <a:defRPr sz="1200"/>
              </a:lvl3pPr>
              <a:lvl4pPr marL="0" indent="0">
                <a:lnSpc>
                  <a:spcPct val="110000"/>
                </a:lnSpc>
                <a:spcBef>
                  <a:spcPts val="600"/>
                </a:spcBef>
                <a:buFont typeface="Arial" panose="020B0604020202020204" pitchFamily="34" charset="0"/>
                <a:buChar char="​"/>
                <a:defRPr sz="1600" b="1"/>
              </a:lvl4pPr>
              <a:lvl5pPr marL="0" indent="0">
                <a:lnSpc>
                  <a:spcPct val="104000"/>
                </a:lnSpc>
                <a:spcBef>
                  <a:spcPts val="0"/>
                </a:spcBef>
                <a:buFont typeface="Arial" panose="020B0604020202020204" pitchFamily="34" charset="0"/>
                <a:buChar char="​"/>
                <a:defRPr sz="2000"/>
              </a:lvl5pPr>
              <a:lvl6pPr marL="144000" indent="-144000">
                <a:lnSpc>
                  <a:spcPct val="100000"/>
                </a:lnSpc>
                <a:spcBef>
                  <a:spcPts val="600"/>
                </a:spcBef>
                <a:buFont typeface="+mj-lt"/>
                <a:buAutoNum type="arabicParenR"/>
                <a:defRPr sz="1000"/>
              </a:lvl6pPr>
              <a:lvl7pPr marL="144000" indent="-144000">
                <a:lnSpc>
                  <a:spcPct val="100000"/>
                </a:lnSpc>
                <a:spcBef>
                  <a:spcPts val="600"/>
                </a:spcBef>
                <a:buFont typeface="+mj-lt"/>
                <a:buAutoNum type="alphaLcParenR"/>
                <a:defRPr sz="1000" baseline="0"/>
              </a:lvl7pPr>
              <a:lvl8pPr marL="144000" indent="-144000">
                <a:lnSpc>
                  <a:spcPct val="100000"/>
                </a:lnSpc>
                <a:spcBef>
                  <a:spcPts val="600"/>
                </a:spcBef>
                <a:buFont typeface="Arial" panose="020B0604020202020204" pitchFamily="34" charset="0"/>
                <a:buChar char="•"/>
                <a:defRPr sz="1000"/>
              </a:lvl8pPr>
              <a:lvl9pPr marL="0" indent="0">
                <a:lnSpc>
                  <a:spcPct val="94000"/>
                </a:lnSpc>
                <a:spcBef>
                  <a:spcPts val="0"/>
                </a:spcBef>
                <a:buFont typeface="Arial" panose="020B0604020202020204" pitchFamily="34" charset="0"/>
                <a:buNone/>
                <a:defRPr sz="3200" b="1" baseline="0"/>
              </a:lvl9pPr>
            </a:lstStyle>
            <a:p>
              <a:pPr algn="ctr"/>
              <a:r>
                <a:rPr lang="da-DK" sz="1050" noProof="0" dirty="0"/>
                <a:t>Applikation</a:t>
              </a:r>
            </a:p>
            <a:p>
              <a:pPr algn="ctr"/>
              <a:br>
                <a:rPr lang="da-DK" sz="1050" b="0" noProof="0" dirty="0"/>
              </a:br>
              <a:endParaRPr lang="da-DK" sz="1050" b="0" noProof="0" dirty="0"/>
            </a:p>
          </p:txBody>
        </p:sp>
        <p:grpSp>
          <p:nvGrpSpPr>
            <p:cNvPr id="26" name="Group 25">
              <a:extLst>
                <a:ext uri="{FF2B5EF4-FFF2-40B4-BE49-F238E27FC236}">
                  <a16:creationId xmlns:a16="http://schemas.microsoft.com/office/drawing/2014/main" id="{EEA5B536-058B-BD1E-A7DF-65FBB307B641}"/>
                </a:ext>
              </a:extLst>
            </p:cNvPr>
            <p:cNvGrpSpPr/>
            <p:nvPr/>
          </p:nvGrpSpPr>
          <p:grpSpPr>
            <a:xfrm>
              <a:off x="1549107" y="2230074"/>
              <a:ext cx="771526" cy="1855785"/>
              <a:chOff x="1549107" y="2435642"/>
              <a:chExt cx="771526" cy="1865171"/>
            </a:xfrm>
          </p:grpSpPr>
          <p:sp>
            <p:nvSpPr>
              <p:cNvPr id="32" name="Rectangle 31">
                <a:extLst>
                  <a:ext uri="{FF2B5EF4-FFF2-40B4-BE49-F238E27FC236}">
                    <a16:creationId xmlns:a16="http://schemas.microsoft.com/office/drawing/2014/main" id="{B2F95246-4783-746D-4DB5-D4D3896868BE}"/>
                  </a:ext>
                </a:extLst>
              </p:cNvPr>
              <p:cNvSpPr>
                <a:spLocks/>
              </p:cNvSpPr>
              <p:nvPr/>
            </p:nvSpPr>
            <p:spPr>
              <a:xfrm>
                <a:off x="1549108" y="3871374"/>
                <a:ext cx="771525" cy="429439"/>
              </a:xfrm>
              <a:prstGeom prst="rect">
                <a:avLst/>
              </a:prstGeom>
              <a:solidFill>
                <a:srgbClr val="64778A"/>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200" b="1" noProof="0" dirty="0"/>
                  <a:t>22%</a:t>
                </a:r>
              </a:p>
            </p:txBody>
          </p:sp>
          <p:sp>
            <p:nvSpPr>
              <p:cNvPr id="33" name="Rectangle 32">
                <a:extLst>
                  <a:ext uri="{FF2B5EF4-FFF2-40B4-BE49-F238E27FC236}">
                    <a16:creationId xmlns:a16="http://schemas.microsoft.com/office/drawing/2014/main" id="{D4C7A9BC-3394-BCAB-D225-893E1093ABE9}"/>
                  </a:ext>
                </a:extLst>
              </p:cNvPr>
              <p:cNvSpPr>
                <a:spLocks/>
              </p:cNvSpPr>
              <p:nvPr/>
            </p:nvSpPr>
            <p:spPr>
              <a:xfrm>
                <a:off x="1549108" y="2435642"/>
                <a:ext cx="771525" cy="1377418"/>
              </a:xfrm>
              <a:prstGeom prst="rect">
                <a:avLst/>
              </a:prstGeom>
              <a:solidFill>
                <a:srgbClr val="4AB9D3"/>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200" b="1" noProof="0" dirty="0">
                    <a:solidFill>
                      <a:schemeClr val="tx1">
                        <a:lumMod val="100000"/>
                      </a:schemeClr>
                    </a:solidFill>
                  </a:rPr>
                  <a:t>68%</a:t>
                </a:r>
              </a:p>
            </p:txBody>
          </p:sp>
          <p:sp>
            <p:nvSpPr>
              <p:cNvPr id="34" name="Rectangle 33">
                <a:extLst>
                  <a:ext uri="{FF2B5EF4-FFF2-40B4-BE49-F238E27FC236}">
                    <a16:creationId xmlns:a16="http://schemas.microsoft.com/office/drawing/2014/main" id="{12313688-06E4-45CB-1D00-2C2BCDFFCE5B}"/>
                  </a:ext>
                </a:extLst>
              </p:cNvPr>
              <p:cNvSpPr>
                <a:spLocks/>
              </p:cNvSpPr>
              <p:nvPr/>
            </p:nvSpPr>
            <p:spPr>
              <a:xfrm>
                <a:off x="1549107" y="3683388"/>
                <a:ext cx="771525" cy="187986"/>
              </a:xfrm>
              <a:prstGeom prst="rect">
                <a:avLst/>
              </a:prstGeom>
              <a:solidFill>
                <a:srgbClr val="CDECF2"/>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200" b="1" noProof="0" dirty="0">
                    <a:solidFill>
                      <a:srgbClr val="024D78"/>
                    </a:solidFill>
                  </a:rPr>
                  <a:t>9%</a:t>
                </a:r>
              </a:p>
            </p:txBody>
          </p:sp>
        </p:grpSp>
        <p:sp>
          <p:nvSpPr>
            <p:cNvPr id="27" name="TextBox 26">
              <a:extLst>
                <a:ext uri="{FF2B5EF4-FFF2-40B4-BE49-F238E27FC236}">
                  <a16:creationId xmlns:a16="http://schemas.microsoft.com/office/drawing/2014/main" id="{5C9DDCA0-4E6D-210C-2071-A4951D4ECF41}"/>
                </a:ext>
              </a:extLst>
            </p:cNvPr>
            <p:cNvSpPr txBox="1">
              <a:spLocks/>
            </p:cNvSpPr>
            <p:nvPr/>
          </p:nvSpPr>
          <p:spPr>
            <a:xfrm>
              <a:off x="3196507" y="4173934"/>
              <a:ext cx="1525756" cy="276999"/>
            </a:xfrm>
            <a:prstGeom prst="rect">
              <a:avLst/>
            </a:prstGeom>
          </p:spPr>
          <p:txBody>
            <a:bodyPr vert="horz" lIns="0" tIns="0" rIns="0" bIns="0" rtlCol="0" anchor="t">
              <a:noAutofit/>
            </a:bodyPr>
            <a:lstStyle>
              <a:defPPr>
                <a:defRPr lang="en-US"/>
              </a:defPPr>
              <a:lvl1pPr indent="0">
                <a:lnSpc>
                  <a:spcPct val="110000"/>
                </a:lnSpc>
                <a:spcBef>
                  <a:spcPts val="600"/>
                </a:spcBef>
                <a:buClrTx/>
                <a:buFont typeface="Segoe UI" panose="020B0502040204020203" pitchFamily="34" charset="0"/>
                <a:buNone/>
                <a:defRPr sz="1200" b="1" i="0"/>
              </a:lvl1pPr>
              <a:lvl2pPr marL="288000" indent="-144000">
                <a:lnSpc>
                  <a:spcPct val="110000"/>
                </a:lnSpc>
                <a:spcBef>
                  <a:spcPts val="600"/>
                </a:spcBef>
                <a:buClrTx/>
                <a:buFont typeface="Arial" panose="020B0604020202020204" pitchFamily="34" charset="0"/>
                <a:buChar char="•"/>
                <a:defRPr sz="1400"/>
              </a:lvl2pPr>
              <a:lvl3pPr marL="432000" indent="-144000">
                <a:lnSpc>
                  <a:spcPct val="110000"/>
                </a:lnSpc>
                <a:spcBef>
                  <a:spcPts val="600"/>
                </a:spcBef>
                <a:buClrTx/>
                <a:buFont typeface="Arial" panose="020B0604020202020204" pitchFamily="34" charset="0"/>
                <a:buChar char="•"/>
                <a:defRPr sz="1200"/>
              </a:lvl3pPr>
              <a:lvl4pPr marL="0" indent="0">
                <a:lnSpc>
                  <a:spcPct val="110000"/>
                </a:lnSpc>
                <a:spcBef>
                  <a:spcPts val="600"/>
                </a:spcBef>
                <a:buFont typeface="Arial" panose="020B0604020202020204" pitchFamily="34" charset="0"/>
                <a:buChar char="​"/>
                <a:defRPr sz="1600" b="1"/>
              </a:lvl4pPr>
              <a:lvl5pPr marL="0" indent="0">
                <a:lnSpc>
                  <a:spcPct val="104000"/>
                </a:lnSpc>
                <a:spcBef>
                  <a:spcPts val="0"/>
                </a:spcBef>
                <a:buFont typeface="Arial" panose="020B0604020202020204" pitchFamily="34" charset="0"/>
                <a:buChar char="​"/>
                <a:defRPr sz="2000"/>
              </a:lvl5pPr>
              <a:lvl6pPr marL="144000" indent="-144000">
                <a:lnSpc>
                  <a:spcPct val="100000"/>
                </a:lnSpc>
                <a:spcBef>
                  <a:spcPts val="600"/>
                </a:spcBef>
                <a:buFont typeface="+mj-lt"/>
                <a:buAutoNum type="arabicParenR"/>
                <a:defRPr sz="1000"/>
              </a:lvl6pPr>
              <a:lvl7pPr marL="144000" indent="-144000">
                <a:lnSpc>
                  <a:spcPct val="100000"/>
                </a:lnSpc>
                <a:spcBef>
                  <a:spcPts val="600"/>
                </a:spcBef>
                <a:buFont typeface="+mj-lt"/>
                <a:buAutoNum type="alphaLcParenR"/>
                <a:defRPr sz="1000" baseline="0"/>
              </a:lvl7pPr>
              <a:lvl8pPr marL="144000" indent="-144000">
                <a:lnSpc>
                  <a:spcPct val="100000"/>
                </a:lnSpc>
                <a:spcBef>
                  <a:spcPts val="600"/>
                </a:spcBef>
                <a:buFont typeface="Arial" panose="020B0604020202020204" pitchFamily="34" charset="0"/>
                <a:buChar char="•"/>
                <a:defRPr sz="1000"/>
              </a:lvl8pPr>
              <a:lvl9pPr marL="0" indent="0">
                <a:lnSpc>
                  <a:spcPct val="94000"/>
                </a:lnSpc>
                <a:spcBef>
                  <a:spcPts val="0"/>
                </a:spcBef>
                <a:buFont typeface="Arial" panose="020B0604020202020204" pitchFamily="34" charset="0"/>
                <a:buNone/>
                <a:defRPr sz="3200" b="1" baseline="0"/>
              </a:lvl9pPr>
            </a:lstStyle>
            <a:p>
              <a:pPr algn="ctr"/>
              <a:r>
                <a:rPr lang="da-DK" sz="1050" noProof="0" dirty="0"/>
                <a:t>Drift</a:t>
              </a:r>
            </a:p>
          </p:txBody>
        </p:sp>
        <p:grpSp>
          <p:nvGrpSpPr>
            <p:cNvPr id="28" name="Group 27">
              <a:extLst>
                <a:ext uri="{FF2B5EF4-FFF2-40B4-BE49-F238E27FC236}">
                  <a16:creationId xmlns:a16="http://schemas.microsoft.com/office/drawing/2014/main" id="{1753D12F-189D-5155-1D8A-3B6AFFFE62BE}"/>
                </a:ext>
              </a:extLst>
            </p:cNvPr>
            <p:cNvGrpSpPr/>
            <p:nvPr/>
          </p:nvGrpSpPr>
          <p:grpSpPr>
            <a:xfrm>
              <a:off x="3573623" y="2230076"/>
              <a:ext cx="771525" cy="1855787"/>
              <a:chOff x="3573623" y="2435642"/>
              <a:chExt cx="771525" cy="1865171"/>
            </a:xfrm>
          </p:grpSpPr>
          <p:sp>
            <p:nvSpPr>
              <p:cNvPr id="30" name="Rectangle 29">
                <a:extLst>
                  <a:ext uri="{FF2B5EF4-FFF2-40B4-BE49-F238E27FC236}">
                    <a16:creationId xmlns:a16="http://schemas.microsoft.com/office/drawing/2014/main" id="{B5E1A960-F368-4AD5-1157-96697741E244}"/>
                  </a:ext>
                </a:extLst>
              </p:cNvPr>
              <p:cNvSpPr>
                <a:spLocks/>
              </p:cNvSpPr>
              <p:nvPr/>
            </p:nvSpPr>
            <p:spPr>
              <a:xfrm>
                <a:off x="3573623" y="3465226"/>
                <a:ext cx="771525" cy="835587"/>
              </a:xfrm>
              <a:prstGeom prst="rect">
                <a:avLst/>
              </a:prstGeom>
              <a:solidFill>
                <a:srgbClr val="64778A"/>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200" b="1" noProof="0" dirty="0"/>
                  <a:t>47%</a:t>
                </a:r>
              </a:p>
            </p:txBody>
          </p:sp>
          <p:sp>
            <p:nvSpPr>
              <p:cNvPr id="31" name="Rectangle 30">
                <a:extLst>
                  <a:ext uri="{FF2B5EF4-FFF2-40B4-BE49-F238E27FC236}">
                    <a16:creationId xmlns:a16="http://schemas.microsoft.com/office/drawing/2014/main" id="{ECDC1F5B-FE25-D081-EFD5-77FD499749A6}"/>
                  </a:ext>
                </a:extLst>
              </p:cNvPr>
              <p:cNvSpPr>
                <a:spLocks/>
              </p:cNvSpPr>
              <p:nvPr/>
            </p:nvSpPr>
            <p:spPr>
              <a:xfrm>
                <a:off x="3573623" y="2435642"/>
                <a:ext cx="771525" cy="1029583"/>
              </a:xfrm>
              <a:prstGeom prst="rect">
                <a:avLst/>
              </a:prstGeom>
              <a:solidFill>
                <a:srgbClr val="4AB9D3"/>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200" b="1" noProof="0" dirty="0">
                    <a:solidFill>
                      <a:schemeClr val="tx1">
                        <a:lumMod val="100000"/>
                      </a:schemeClr>
                    </a:solidFill>
                  </a:rPr>
                  <a:t>53%</a:t>
                </a:r>
              </a:p>
            </p:txBody>
          </p:sp>
        </p:grpSp>
      </p:grpSp>
      <p:sp>
        <p:nvSpPr>
          <p:cNvPr id="35" name="Tekstfelt 24">
            <a:extLst>
              <a:ext uri="{FF2B5EF4-FFF2-40B4-BE49-F238E27FC236}">
                <a16:creationId xmlns:a16="http://schemas.microsoft.com/office/drawing/2014/main" id="{599F6BD4-7280-38EE-8A65-C46C7D064194}"/>
              </a:ext>
            </a:extLst>
          </p:cNvPr>
          <p:cNvSpPr txBox="1"/>
          <p:nvPr/>
        </p:nvSpPr>
        <p:spPr>
          <a:xfrm>
            <a:off x="6891791" y="5533523"/>
            <a:ext cx="5083664" cy="707886"/>
          </a:xfrm>
          <a:prstGeom prst="rect">
            <a:avLst/>
          </a:prstGeom>
          <a:noFill/>
        </p:spPr>
        <p:txBody>
          <a:bodyPr wrap="square">
            <a:spAutoFit/>
          </a:bodyPr>
          <a:lstStyle/>
          <a:p>
            <a:pPr marL="228600" indent="-228600">
              <a:buAutoNum type="arabicPeriod"/>
            </a:pPr>
            <a:r>
              <a:rPr lang="da-DK" sz="800" i="1" noProof="0" dirty="0">
                <a:solidFill>
                  <a:srgbClr val="024D78"/>
                </a:solidFill>
              </a:rPr>
              <a:t>Den grafiske model er udarbejdet af STIL.</a:t>
            </a:r>
          </a:p>
          <a:p>
            <a:pPr marL="228600" indent="-228600">
              <a:buAutoNum type="arabicPeriod"/>
            </a:pPr>
            <a:r>
              <a:rPr lang="da-DK" sz="800" i="1" noProof="0" dirty="0">
                <a:solidFill>
                  <a:srgbClr val="024D78"/>
                </a:solidFill>
              </a:rPr>
              <a:t>Overblikket er udarbejdet på baggrund af data indsamlet og kortlagt i foråret 2025.</a:t>
            </a:r>
          </a:p>
          <a:p>
            <a:pPr marL="228600" indent="-228600">
              <a:buAutoNum type="arabicPeriod"/>
            </a:pPr>
            <a:r>
              <a:rPr lang="da-DK" sz="800" i="1" noProof="0" dirty="0">
                <a:solidFill>
                  <a:srgbClr val="024D78"/>
                </a:solidFill>
              </a:rPr>
              <a:t>Applikationsniveau omfatter teknologier inden for </a:t>
            </a:r>
            <a:r>
              <a:rPr lang="da-DK" sz="800" i="1" noProof="0" dirty="0" err="1">
                <a:solidFill>
                  <a:srgbClr val="024D78"/>
                </a:solidFill>
              </a:rPr>
              <a:t>frontend</a:t>
            </a:r>
            <a:r>
              <a:rPr lang="da-DK" sz="800" i="1" noProof="0" dirty="0">
                <a:solidFill>
                  <a:srgbClr val="024D78"/>
                </a:solidFill>
              </a:rPr>
              <a:t>, </a:t>
            </a:r>
            <a:r>
              <a:rPr lang="da-DK" sz="800" i="1" noProof="0" dirty="0" err="1">
                <a:solidFill>
                  <a:srgbClr val="024D78"/>
                </a:solidFill>
              </a:rPr>
              <a:t>backend</a:t>
            </a:r>
            <a:r>
              <a:rPr lang="da-DK" sz="800" i="1" noProof="0" dirty="0">
                <a:solidFill>
                  <a:srgbClr val="024D78"/>
                </a:solidFill>
              </a:rPr>
              <a:t>, database, programmeringssprog, </a:t>
            </a:r>
            <a:r>
              <a:rPr lang="da-DK" sz="800" i="1" noProof="0" dirty="0" err="1">
                <a:solidFill>
                  <a:srgbClr val="024D78"/>
                </a:solidFill>
              </a:rPr>
              <a:t>middleware</a:t>
            </a:r>
            <a:r>
              <a:rPr lang="da-DK" sz="800" i="1" noProof="0" dirty="0">
                <a:solidFill>
                  <a:srgbClr val="024D78"/>
                </a:solidFill>
              </a:rPr>
              <a:t>, datateknologi og driftsstøtte.</a:t>
            </a:r>
          </a:p>
          <a:p>
            <a:pPr marL="228600" indent="-228600">
              <a:buAutoNum type="arabicPeriod"/>
            </a:pPr>
            <a:r>
              <a:rPr lang="da-DK" sz="800" i="1" noProof="0" dirty="0">
                <a:solidFill>
                  <a:srgbClr val="024D78"/>
                </a:solidFill>
              </a:rPr>
              <a:t>Infrastruktur dækker teknologier relateret til cloud </a:t>
            </a:r>
            <a:r>
              <a:rPr lang="da-DK" sz="800" i="1" noProof="0" dirty="0" err="1">
                <a:solidFill>
                  <a:srgbClr val="024D78"/>
                </a:solidFill>
              </a:rPr>
              <a:t>hosting</a:t>
            </a:r>
            <a:r>
              <a:rPr lang="da-DK" sz="800" i="1" noProof="0" dirty="0">
                <a:solidFill>
                  <a:srgbClr val="024D78"/>
                </a:solidFill>
              </a:rPr>
              <a:t> og driftsplatforme.</a:t>
            </a:r>
          </a:p>
        </p:txBody>
      </p:sp>
    </p:spTree>
    <p:extLst>
      <p:ext uri="{BB962C8B-B14F-4D97-AF65-F5344CB8AC3E}">
        <p14:creationId xmlns:p14="http://schemas.microsoft.com/office/powerpoint/2010/main" val="1355664640"/>
      </p:ext>
    </p:extLst>
  </p:cSld>
  <p:clrMapOvr>
    <a:masterClrMapping/>
  </p:clrMapOvr>
  <p:transition>
    <p:fade/>
  </p:transition>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D675AB-9049-2214-CB2B-5E48A770E86C}"/>
            </a:ext>
          </a:extLst>
        </p:cNvPr>
        <p:cNvGrpSpPr/>
        <p:nvPr/>
      </p:nvGrpSpPr>
      <p:grpSpPr>
        <a:xfrm>
          <a:off x="0" y="0"/>
          <a:ext cx="0" cy="0"/>
          <a:chOff x="0" y="0"/>
          <a:chExt cx="0" cy="0"/>
        </a:xfrm>
      </p:grpSpPr>
      <p:sp>
        <p:nvSpPr>
          <p:cNvPr id="31" name="Rectangle: Rounded Corners 30">
            <a:extLst>
              <a:ext uri="{FF2B5EF4-FFF2-40B4-BE49-F238E27FC236}">
                <a16:creationId xmlns:a16="http://schemas.microsoft.com/office/drawing/2014/main" id="{D41F27CB-4EAE-477A-8190-A8E5E5CAEB94}"/>
              </a:ext>
            </a:extLst>
          </p:cNvPr>
          <p:cNvSpPr/>
          <p:nvPr/>
        </p:nvSpPr>
        <p:spPr>
          <a:xfrm>
            <a:off x="169304" y="11734"/>
            <a:ext cx="7765328"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7 | Open source som strategisk fundament i Styrelsen for It og Læring</a:t>
            </a:r>
            <a:endParaRPr lang="da-DK" sz="1600" b="1" noProof="0">
              <a:solidFill>
                <a:srgbClr val="36465A"/>
              </a:solidFill>
              <a:highlight>
                <a:srgbClr val="FFFF00"/>
              </a:highlight>
            </a:endParaRPr>
          </a:p>
        </p:txBody>
      </p:sp>
      <p:pic>
        <p:nvPicPr>
          <p:cNvPr id="30" name="Picture 29">
            <a:extLst>
              <a:ext uri="{FF2B5EF4-FFF2-40B4-BE49-F238E27FC236}">
                <a16:creationId xmlns:a16="http://schemas.microsoft.com/office/drawing/2014/main" id="{E0D24888-604C-4DFF-7696-206D90EB8518}"/>
              </a:ext>
              <a:ext uri="{C183D7F6-B498-43B3-948B-1728B52AA6E4}">
                <adec:decorative xmlns:adec="http://schemas.microsoft.com/office/drawing/2017/decorative" val="1"/>
              </a:ext>
            </a:extLst>
          </p:cNvPr>
          <p:cNvPicPr>
            <a:picLocks noChangeAspect="1"/>
          </p:cNvPicPr>
          <p:nvPr/>
        </p:nvPicPr>
        <p:blipFill>
          <a:blip r:embed="rId3"/>
          <a:stretch>
            <a:fillRect/>
          </a:stretch>
        </p:blipFill>
        <p:spPr>
          <a:xfrm>
            <a:off x="10421581" y="288082"/>
            <a:ext cx="1581610" cy="833170"/>
          </a:xfrm>
          <a:prstGeom prst="rect">
            <a:avLst/>
          </a:prstGeom>
        </p:spPr>
      </p:pic>
      <p:sp>
        <p:nvSpPr>
          <p:cNvPr id="52" name="Rectangle: Rounded Corners 51">
            <a:extLst>
              <a:ext uri="{FF2B5EF4-FFF2-40B4-BE49-F238E27FC236}">
                <a16:creationId xmlns:a16="http://schemas.microsoft.com/office/drawing/2014/main" id="{FB9DF41B-1548-AFC5-0422-94A3E1581166}"/>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81" name="Rectangle: Rounded Corners 180">
            <a:extLst>
              <a:ext uri="{FF2B5EF4-FFF2-40B4-BE49-F238E27FC236}">
                <a16:creationId xmlns:a16="http://schemas.microsoft.com/office/drawing/2014/main" id="{6EE2F883-DCD9-ADB5-FE88-93D64683F5B0}"/>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 name="Title 1">
            <a:extLst>
              <a:ext uri="{FF2B5EF4-FFF2-40B4-BE49-F238E27FC236}">
                <a16:creationId xmlns:a16="http://schemas.microsoft.com/office/drawing/2014/main" id="{73DFC6CE-F67E-A1A7-C0C4-83454DC41418}"/>
              </a:ext>
            </a:extLst>
          </p:cNvPr>
          <p:cNvSpPr>
            <a:spLocks noGrp="1"/>
          </p:cNvSpPr>
          <p:nvPr>
            <p:ph type="title"/>
          </p:nvPr>
        </p:nvSpPr>
        <p:spPr/>
        <p:txBody>
          <a:bodyPr/>
          <a:lstStyle/>
          <a:p>
            <a:r>
              <a:rPr lang="da-DK" sz="2200" noProof="0" dirty="0"/>
              <a:t>Side 3/3 | </a:t>
            </a:r>
            <a:r>
              <a:rPr lang="da-DK" sz="2200" b="1" noProof="0" dirty="0"/>
              <a:t>Teknologisk og organisatorisk transformation</a:t>
            </a:r>
            <a:endParaRPr lang="da-DK" sz="2200" noProof="0" dirty="0"/>
          </a:p>
        </p:txBody>
      </p:sp>
      <p:sp>
        <p:nvSpPr>
          <p:cNvPr id="10" name="Rectangle: Rounded Corners 9">
            <a:extLst>
              <a:ext uri="{FF2B5EF4-FFF2-40B4-BE49-F238E27FC236}">
                <a16:creationId xmlns:a16="http://schemas.microsoft.com/office/drawing/2014/main" id="{ED296A94-2767-12A4-87E2-40CC0E7F321E}"/>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Teknologisk transformation</a:t>
            </a:r>
          </a:p>
        </p:txBody>
      </p:sp>
      <p:sp>
        <p:nvSpPr>
          <p:cNvPr id="3" name="Rectangle 2">
            <a:extLst>
              <a:ext uri="{FF2B5EF4-FFF2-40B4-BE49-F238E27FC236}">
                <a16:creationId xmlns:a16="http://schemas.microsoft.com/office/drawing/2014/main" id="{F2A29F05-B414-FBD6-AF38-8D4996A8F931}"/>
              </a:ext>
            </a:extLst>
          </p:cNvPr>
          <p:cNvSpPr/>
          <p:nvPr/>
        </p:nvSpPr>
        <p:spPr>
          <a:xfrm>
            <a:off x="487609" y="2069025"/>
            <a:ext cx="3114164" cy="42422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50"/>
              </a:spcAft>
            </a:pPr>
            <a:r>
              <a:rPr lang="da-DK" sz="900" b="1" noProof="0" dirty="0">
                <a:solidFill>
                  <a:srgbClr val="36465A"/>
                </a:solidFill>
              </a:rPr>
              <a:t>Teknologisk målbillede</a:t>
            </a:r>
            <a:br>
              <a:rPr lang="da-DK" sz="900" b="1" noProof="0" dirty="0">
                <a:solidFill>
                  <a:schemeClr val="tx1"/>
                </a:solidFill>
              </a:rPr>
            </a:br>
            <a:r>
              <a:rPr lang="da-DK" sz="900" noProof="0" dirty="0">
                <a:solidFill>
                  <a:schemeClr val="tx1"/>
                </a:solidFill>
              </a:rPr>
              <a:t>Det teknologiske målbillede for STIL er en robust, skalerbar og fremtidssikret it-arkitektur, hvor STIL selv sætter retningen og kan agere hurtigt på nye behov.</a:t>
            </a:r>
          </a:p>
          <a:p>
            <a:pPr>
              <a:spcAft>
                <a:spcPts val="350"/>
              </a:spcAft>
            </a:pPr>
            <a:r>
              <a:rPr lang="da-DK" sz="900" b="1" noProof="0" dirty="0">
                <a:solidFill>
                  <a:srgbClr val="36465A"/>
                </a:solidFill>
              </a:rPr>
              <a:t>Udskiftning af teknologier </a:t>
            </a:r>
            <a:br>
              <a:rPr lang="da-DK" sz="900" b="1" noProof="0" dirty="0">
                <a:solidFill>
                  <a:schemeClr val="tx1"/>
                </a:solidFill>
              </a:rPr>
            </a:br>
            <a:r>
              <a:rPr lang="da-DK" sz="900" noProof="0" dirty="0" err="1">
                <a:solidFill>
                  <a:schemeClr val="tx1"/>
                </a:solidFill>
              </a:rPr>
              <a:t>STILs</a:t>
            </a:r>
            <a:r>
              <a:rPr lang="da-DK" sz="900" noProof="0" dirty="0">
                <a:solidFill>
                  <a:schemeClr val="tx1"/>
                </a:solidFill>
              </a:rPr>
              <a:t> it-</a:t>
            </a:r>
            <a:r>
              <a:rPr lang="da-DK" sz="900" noProof="0" dirty="0" err="1">
                <a:solidFill>
                  <a:schemeClr val="tx1"/>
                </a:solidFill>
              </a:rPr>
              <a:t>portefølge</a:t>
            </a:r>
            <a:r>
              <a:rPr lang="da-DK" sz="900" noProof="0" dirty="0">
                <a:solidFill>
                  <a:schemeClr val="tx1"/>
                </a:solidFill>
              </a:rPr>
              <a:t> består af cirka 80% open source og 20% </a:t>
            </a:r>
            <a:r>
              <a:rPr lang="da-DK" sz="900" noProof="0" dirty="0" err="1">
                <a:solidFill>
                  <a:schemeClr val="tx1"/>
                </a:solidFill>
              </a:rPr>
              <a:t>proprietære</a:t>
            </a:r>
            <a:r>
              <a:rPr lang="da-DK" sz="900" noProof="0" dirty="0">
                <a:solidFill>
                  <a:schemeClr val="tx1"/>
                </a:solidFill>
              </a:rPr>
              <a:t> teknologier (løst estimat), hvilket er resultatet af en mangeårig proces, hvor </a:t>
            </a:r>
            <a:r>
              <a:rPr lang="da-DK" sz="900" noProof="0" dirty="0" err="1">
                <a:solidFill>
                  <a:schemeClr val="tx1"/>
                </a:solidFill>
              </a:rPr>
              <a:t>proprietære</a:t>
            </a:r>
            <a:r>
              <a:rPr lang="da-DK" sz="900" noProof="0" dirty="0">
                <a:solidFill>
                  <a:schemeClr val="tx1"/>
                </a:solidFill>
              </a:rPr>
              <a:t> komponenter udfases, når modenheden, business case-overvejelser, forretnings- og driftsbehovene tilsiger det. </a:t>
            </a:r>
            <a:r>
              <a:rPr lang="da-DK" sz="900" noProof="0" dirty="0" err="1">
                <a:solidFill>
                  <a:schemeClr val="tx1"/>
                </a:solidFill>
              </a:rPr>
              <a:t>STILs</a:t>
            </a:r>
            <a:r>
              <a:rPr lang="da-DK" sz="900" noProof="0" dirty="0">
                <a:solidFill>
                  <a:schemeClr val="tx1"/>
                </a:solidFill>
              </a:rPr>
              <a:t> produkter drives som udgangspunkt enten i eget datacenter (STIL </a:t>
            </a:r>
            <a:r>
              <a:rPr lang="da-DK" sz="900" noProof="0" dirty="0" err="1">
                <a:solidFill>
                  <a:schemeClr val="tx1"/>
                </a:solidFill>
              </a:rPr>
              <a:t>Housing</a:t>
            </a:r>
            <a:r>
              <a:rPr lang="da-DK" sz="900" noProof="0" dirty="0">
                <a:solidFill>
                  <a:schemeClr val="tx1"/>
                </a:solidFill>
              </a:rPr>
              <a:t>) eller hos Statens IT, hvor ca. 90% af alle servere er placeret i STIL </a:t>
            </a:r>
            <a:r>
              <a:rPr lang="da-DK" sz="900" noProof="0" dirty="0" err="1">
                <a:solidFill>
                  <a:schemeClr val="tx1"/>
                </a:solidFill>
              </a:rPr>
              <a:t>Housing</a:t>
            </a:r>
            <a:r>
              <a:rPr lang="da-DK" sz="900" noProof="0" dirty="0">
                <a:solidFill>
                  <a:schemeClr val="tx1"/>
                </a:solidFill>
              </a:rPr>
              <a:t>. </a:t>
            </a:r>
            <a:br>
              <a:rPr lang="da-DK" sz="900" noProof="0" dirty="0">
                <a:solidFill>
                  <a:schemeClr val="tx1"/>
                </a:solidFill>
              </a:rPr>
            </a:br>
            <a:r>
              <a:rPr lang="da-DK" sz="900" noProof="0" dirty="0">
                <a:solidFill>
                  <a:schemeClr val="tx1"/>
                </a:solidFill>
              </a:rPr>
              <a:t>I STIL </a:t>
            </a:r>
            <a:r>
              <a:rPr lang="da-DK" sz="900" noProof="0" dirty="0" err="1">
                <a:solidFill>
                  <a:schemeClr val="tx1"/>
                </a:solidFill>
              </a:rPr>
              <a:t>Housing</a:t>
            </a:r>
            <a:r>
              <a:rPr lang="da-DK" sz="900" noProof="0" dirty="0">
                <a:solidFill>
                  <a:schemeClr val="tx1"/>
                </a:solidFill>
              </a:rPr>
              <a:t> ligger egen on </a:t>
            </a:r>
            <a:r>
              <a:rPr lang="da-DK" sz="900" noProof="0" dirty="0" err="1">
                <a:solidFill>
                  <a:schemeClr val="tx1"/>
                </a:solidFill>
              </a:rPr>
              <a:t>premise</a:t>
            </a:r>
            <a:r>
              <a:rPr lang="da-DK" sz="900" noProof="0" dirty="0">
                <a:solidFill>
                  <a:schemeClr val="tx1"/>
                </a:solidFill>
              </a:rPr>
              <a:t> open source- cloudplatform (</a:t>
            </a:r>
            <a:r>
              <a:rPr lang="da-DK" sz="900" noProof="0" dirty="0" err="1">
                <a:solidFill>
                  <a:schemeClr val="tx1"/>
                </a:solidFill>
              </a:rPr>
              <a:t>OpenStack</a:t>
            </a:r>
            <a:r>
              <a:rPr lang="da-DK" sz="900" noProof="0" dirty="0">
                <a:solidFill>
                  <a:schemeClr val="tx1"/>
                </a:solidFill>
              </a:rPr>
              <a:t>), som er </a:t>
            </a:r>
            <a:r>
              <a:rPr lang="da-DK" sz="900" noProof="0" dirty="0" err="1">
                <a:solidFill>
                  <a:schemeClr val="tx1"/>
                </a:solidFill>
              </a:rPr>
              <a:t>STILs</a:t>
            </a:r>
            <a:r>
              <a:rPr lang="da-DK" sz="900" noProof="0" dirty="0">
                <a:solidFill>
                  <a:schemeClr val="tx1"/>
                </a:solidFill>
              </a:rPr>
              <a:t> primære driftsform og driver ca. 75% af </a:t>
            </a:r>
            <a:r>
              <a:rPr lang="da-DK" sz="900" noProof="0" dirty="0" err="1">
                <a:solidFill>
                  <a:schemeClr val="tx1"/>
                </a:solidFill>
              </a:rPr>
              <a:t>STILs</a:t>
            </a:r>
            <a:r>
              <a:rPr lang="da-DK" sz="900" noProof="0" dirty="0">
                <a:solidFill>
                  <a:schemeClr val="tx1"/>
                </a:solidFill>
              </a:rPr>
              <a:t> servere i STIL </a:t>
            </a:r>
            <a:r>
              <a:rPr lang="da-DK" sz="900" noProof="0" dirty="0" err="1">
                <a:solidFill>
                  <a:schemeClr val="tx1"/>
                </a:solidFill>
              </a:rPr>
              <a:t>Housing</a:t>
            </a:r>
            <a:r>
              <a:rPr lang="da-DK" sz="900" noProof="0" dirty="0">
                <a:solidFill>
                  <a:schemeClr val="tx1"/>
                </a:solidFill>
              </a:rPr>
              <a:t>. </a:t>
            </a:r>
            <a:r>
              <a:rPr lang="da-DK" sz="900" noProof="0" dirty="0" err="1">
                <a:solidFill>
                  <a:schemeClr val="tx1"/>
                </a:solidFill>
              </a:rPr>
              <a:t>OpenStack</a:t>
            </a:r>
            <a:r>
              <a:rPr lang="da-DK" sz="900" noProof="0" dirty="0">
                <a:solidFill>
                  <a:schemeClr val="tx1"/>
                </a:solidFill>
              </a:rPr>
              <a:t> understøtter langt de fleste af </a:t>
            </a:r>
            <a:r>
              <a:rPr lang="da-DK" sz="900" noProof="0" dirty="0" err="1">
                <a:solidFill>
                  <a:schemeClr val="tx1"/>
                </a:solidFill>
              </a:rPr>
              <a:t>STILs</a:t>
            </a:r>
            <a:r>
              <a:rPr lang="da-DK" sz="900" noProof="0" dirty="0">
                <a:solidFill>
                  <a:schemeClr val="tx1"/>
                </a:solidFill>
              </a:rPr>
              <a:t> systemer herunder fx Unilogin. Herudover anvender STIL i få tilfælde public cloud via hhv. </a:t>
            </a:r>
            <a:r>
              <a:rPr lang="da-DK" sz="900" noProof="0" dirty="0" err="1">
                <a:solidFill>
                  <a:schemeClr val="tx1"/>
                </a:solidFill>
              </a:rPr>
              <a:t>Azure</a:t>
            </a:r>
            <a:r>
              <a:rPr lang="da-DK" sz="900" noProof="0" dirty="0">
                <a:solidFill>
                  <a:schemeClr val="tx1"/>
                </a:solidFill>
              </a:rPr>
              <a:t> og AWS – bl.a. til systemer som håndterer prøver for at have stor fleksibilitet ifm. backup til prøver. Anvendelsen af </a:t>
            </a:r>
            <a:r>
              <a:rPr lang="da-DK" sz="900" noProof="0" dirty="0" err="1">
                <a:solidFill>
                  <a:schemeClr val="tx1"/>
                </a:solidFill>
              </a:rPr>
              <a:t>Azure</a:t>
            </a:r>
            <a:r>
              <a:rPr lang="da-DK" sz="900" noProof="0" dirty="0">
                <a:solidFill>
                  <a:schemeClr val="tx1"/>
                </a:solidFill>
              </a:rPr>
              <a:t> sker desuden som en forlængelse af STIL </a:t>
            </a:r>
            <a:r>
              <a:rPr lang="da-DK" sz="900" noProof="0" dirty="0" err="1">
                <a:solidFill>
                  <a:schemeClr val="tx1"/>
                </a:solidFill>
              </a:rPr>
              <a:t>Housing</a:t>
            </a:r>
            <a:r>
              <a:rPr lang="da-DK" sz="900" noProof="0" dirty="0">
                <a:solidFill>
                  <a:schemeClr val="tx1"/>
                </a:solidFill>
              </a:rPr>
              <a:t>, hvor de samme sikkerhedsmodeller og kontroller gælder. </a:t>
            </a:r>
          </a:p>
          <a:p>
            <a:pPr>
              <a:spcAft>
                <a:spcPts val="350"/>
              </a:spcAft>
            </a:pPr>
            <a:r>
              <a:rPr lang="da-DK" sz="900" noProof="0" dirty="0">
                <a:solidFill>
                  <a:schemeClr val="tx1"/>
                </a:solidFill>
              </a:rPr>
              <a:t>På applikationsniveauet har STIL opnået en særligt høj grad af uafhængighed, hvilket gør det muligt at vedligeholde og videreudvikle systemer uden risiko for uforudsete prisstigninger eller begrænsninger i funktionalitet. Til gengæld rummer infrastrukturen fortsat flere </a:t>
            </a:r>
            <a:r>
              <a:rPr lang="da-DK" sz="900" noProof="0" dirty="0" err="1">
                <a:solidFill>
                  <a:schemeClr val="tx1"/>
                </a:solidFill>
              </a:rPr>
              <a:t>proprietære</a:t>
            </a:r>
            <a:r>
              <a:rPr lang="da-DK" sz="900" noProof="0" dirty="0">
                <a:solidFill>
                  <a:schemeClr val="tx1"/>
                </a:solidFill>
              </a:rPr>
              <a:t> teknologier, hvilket betyder, at en del af udskiftningsarbejdet fremover, såfremt det vurderes hensigtsmæssigt, vil fokusere på dette lag, hvoraf flere er under udfasning.</a:t>
            </a:r>
          </a:p>
        </p:txBody>
      </p:sp>
      <p:sp>
        <p:nvSpPr>
          <p:cNvPr id="11" name="Rectangle: Rounded Corners 10">
            <a:extLst>
              <a:ext uri="{FF2B5EF4-FFF2-40B4-BE49-F238E27FC236}">
                <a16:creationId xmlns:a16="http://schemas.microsoft.com/office/drawing/2014/main" id="{AD5727D7-CF4D-47D8-C3CF-D9E205A4FE1F}"/>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Organisatorisk transformation</a:t>
            </a:r>
          </a:p>
        </p:txBody>
      </p:sp>
      <p:sp>
        <p:nvSpPr>
          <p:cNvPr id="5" name="Rectangle 4">
            <a:extLst>
              <a:ext uri="{FF2B5EF4-FFF2-40B4-BE49-F238E27FC236}">
                <a16:creationId xmlns:a16="http://schemas.microsoft.com/office/drawing/2014/main" id="{FDF0D6F9-D8F8-FAF6-2B34-6AAF143AFF9E}"/>
              </a:ext>
            </a:extLst>
          </p:cNvPr>
          <p:cNvSpPr/>
          <p:nvPr/>
        </p:nvSpPr>
        <p:spPr>
          <a:xfrm>
            <a:off x="3565418" y="2069025"/>
            <a:ext cx="2985319" cy="430386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sym typeface="Wingdings" panose="05000000000000000000" pitchFamily="2" charset="2"/>
              </a:rPr>
              <a:t>Projektorganisering </a:t>
            </a:r>
          </a:p>
          <a:p>
            <a:r>
              <a:rPr lang="da-DK" sz="900" noProof="0" dirty="0" err="1">
                <a:solidFill>
                  <a:schemeClr val="tx1"/>
                </a:solidFill>
                <a:sym typeface="Wingdings" panose="05000000000000000000" pitchFamily="2" charset="2"/>
              </a:rPr>
              <a:t>STILs</a:t>
            </a:r>
            <a:r>
              <a:rPr lang="da-DK" sz="900" noProof="0" dirty="0">
                <a:solidFill>
                  <a:schemeClr val="tx1"/>
                </a:solidFill>
                <a:sym typeface="Wingdings" panose="05000000000000000000" pitchFamily="2" charset="2"/>
              </a:rPr>
              <a:t> projektorganisering er centreret omkring en tæt kobling mellem organisation, kompetencer og </a:t>
            </a:r>
            <a:r>
              <a:rPr lang="da-DK" sz="900" noProof="0" dirty="0" err="1">
                <a:solidFill>
                  <a:schemeClr val="tx1"/>
                </a:solidFill>
                <a:sym typeface="Wingdings" panose="05000000000000000000" pitchFamily="2" charset="2"/>
              </a:rPr>
              <a:t>governance</a:t>
            </a:r>
            <a:r>
              <a:rPr lang="da-DK" sz="900" noProof="0" dirty="0">
                <a:solidFill>
                  <a:schemeClr val="tx1"/>
                </a:solidFill>
                <a:sym typeface="Wingdings" panose="05000000000000000000" pitchFamily="2" charset="2"/>
              </a:rPr>
              <a:t>, hvor succes med open source og digital suverænitet ikke betragtes som et teknisk spørgsmål alene, men som et organisatorisk anliggende der kræver klare roller, stærke faglige miljøer og et struktureret </a:t>
            </a:r>
            <a:r>
              <a:rPr lang="da-DK" sz="900" noProof="0" dirty="0" err="1">
                <a:solidFill>
                  <a:schemeClr val="tx1"/>
                </a:solidFill>
                <a:sym typeface="Wingdings" panose="05000000000000000000" pitchFamily="2" charset="2"/>
              </a:rPr>
              <a:t>styringssetup</a:t>
            </a:r>
            <a:r>
              <a:rPr lang="da-DK" sz="900" noProof="0" dirty="0">
                <a:solidFill>
                  <a:schemeClr val="tx1"/>
                </a:solidFill>
                <a:sym typeface="Wingdings" panose="05000000000000000000" pitchFamily="2" charset="2"/>
              </a:rPr>
              <a:t>. Drift, udvikling og arkitektur skal arbejde tæt sammen, fordi open source stiller større krav til intern forankring og kompetence, end </a:t>
            </a:r>
            <a:r>
              <a:rPr lang="da-DK" sz="900" noProof="0" dirty="0" err="1">
                <a:solidFill>
                  <a:schemeClr val="tx1"/>
                </a:solidFill>
                <a:sym typeface="Wingdings" panose="05000000000000000000" pitchFamily="2" charset="2"/>
              </a:rPr>
              <a:t>proprietære</a:t>
            </a:r>
            <a:r>
              <a:rPr lang="da-DK" sz="900" noProof="0" dirty="0">
                <a:solidFill>
                  <a:schemeClr val="tx1"/>
                </a:solidFill>
                <a:sym typeface="Wingdings" panose="05000000000000000000" pitchFamily="2" charset="2"/>
              </a:rPr>
              <a:t> løsninger, særligt i forhold til ansvar, vedligehold og sikkerhed.</a:t>
            </a:r>
          </a:p>
          <a:p>
            <a:endParaRPr lang="da-DK" sz="900" b="1" noProof="0" dirty="0">
              <a:solidFill>
                <a:schemeClr val="tx1"/>
              </a:solidFill>
              <a:highlight>
                <a:srgbClr val="FFFF00"/>
              </a:highlight>
              <a:sym typeface="Wingdings" panose="05000000000000000000" pitchFamily="2" charset="2"/>
            </a:endParaRPr>
          </a:p>
          <a:p>
            <a:r>
              <a:rPr lang="da-DK" sz="900" noProof="0" dirty="0">
                <a:solidFill>
                  <a:schemeClr val="tx1"/>
                </a:solidFill>
                <a:sym typeface="Wingdings" panose="05000000000000000000" pitchFamily="2" charset="2"/>
              </a:rPr>
              <a:t>Et vigtigt element i projektorganiseringen er håndteringen af tredjeparts‑komponenter, hvor STIL arbejder med klare retningslinjer og principper for, hvad der må anvendes, og hvordan det skal vedligeholdes.</a:t>
            </a:r>
          </a:p>
          <a:p>
            <a:r>
              <a:rPr lang="da-DK" sz="900" noProof="0" dirty="0">
                <a:solidFill>
                  <a:schemeClr val="tx1"/>
                </a:solidFill>
                <a:sym typeface="Wingdings" panose="05000000000000000000" pitchFamily="2" charset="2"/>
              </a:rPr>
              <a:t>Herunder indgår exit‑strategier som et fast organisatorisk princip i projektarbejdet. STIL har erfaret, at teknologier, også OSS, kan skifte ejere, ændre licens eller miste fællesskabsstøtte, og derfor skal projekter planlægges med mulighed for fremtidig udskiftning.</a:t>
            </a:r>
          </a:p>
          <a:p>
            <a:endParaRPr lang="da-DK" sz="900" noProof="0" dirty="0">
              <a:solidFill>
                <a:srgbClr val="36465A"/>
              </a:solidFill>
              <a:sym typeface="Wingdings" panose="05000000000000000000" pitchFamily="2" charset="2"/>
            </a:endParaRPr>
          </a:p>
          <a:p>
            <a:r>
              <a:rPr lang="da-DK" sz="900" b="1" noProof="0" dirty="0">
                <a:solidFill>
                  <a:srgbClr val="36465A"/>
                </a:solidFill>
                <a:sym typeface="Wingdings" panose="05000000000000000000" pitchFamily="2" charset="2"/>
              </a:rPr>
              <a:t>Forandringsledelse</a:t>
            </a:r>
          </a:p>
          <a:p>
            <a:r>
              <a:rPr lang="da-DK" sz="900" noProof="0" dirty="0">
                <a:solidFill>
                  <a:schemeClr val="tx1"/>
                </a:solidFill>
                <a:sym typeface="Wingdings" panose="05000000000000000000" pitchFamily="2" charset="2"/>
              </a:rPr>
              <a:t>Open source giver kun værdi, hvis organisationen besidder de rette kompetencer til at drifte og vedligeholde teknologierne selv, et tema, der er centralt i </a:t>
            </a:r>
            <a:r>
              <a:rPr lang="da-DK" sz="900" noProof="0" dirty="0" err="1">
                <a:solidFill>
                  <a:schemeClr val="tx1"/>
                </a:solidFill>
                <a:sym typeface="Wingdings" panose="05000000000000000000" pitchFamily="2" charset="2"/>
              </a:rPr>
              <a:t>STILs</a:t>
            </a:r>
            <a:r>
              <a:rPr lang="da-DK" sz="900" noProof="0" dirty="0">
                <a:solidFill>
                  <a:schemeClr val="tx1"/>
                </a:solidFill>
                <a:sym typeface="Wingdings" panose="05000000000000000000" pitchFamily="2" charset="2"/>
              </a:rPr>
              <a:t> kultur og historik. Derfor er kompetenceopbygning, reduktion af personafhængigheder og udvikling af tværgående teknisk modenhed løbende centrale elementer.</a:t>
            </a:r>
          </a:p>
          <a:p>
            <a:endParaRPr lang="da-DK" sz="900" b="1"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pPr>
              <a:spcAft>
                <a:spcPts val="350"/>
              </a:spcAft>
            </a:pPr>
            <a:endParaRPr lang="da-DK" sz="900" b="1" noProof="0">
              <a:solidFill>
                <a:schemeClr val="tx1"/>
              </a:solidFill>
            </a:endParaRPr>
          </a:p>
        </p:txBody>
      </p:sp>
      <p:sp>
        <p:nvSpPr>
          <p:cNvPr id="7" name="Rectangle 6">
            <a:extLst>
              <a:ext uri="{FF2B5EF4-FFF2-40B4-BE49-F238E27FC236}">
                <a16:creationId xmlns:a16="http://schemas.microsoft.com/office/drawing/2014/main" id="{14E4BD04-CB03-ED32-BC40-4BBECC42085D}"/>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8BF522BA-76AE-51FB-25B8-11B640D6FD97}"/>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574EC8E4-8CC9-376D-6D5C-F26F915788B5}"/>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BB07698A-AED3-99B2-2402-CD871DB9382E}"/>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7F4CE593-F5B1-7994-AB23-B51A8EDC2A5A}"/>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 name="Freeform 29">
            <a:extLst>
              <a:ext uri="{FF2B5EF4-FFF2-40B4-BE49-F238E27FC236}">
                <a16:creationId xmlns:a16="http://schemas.microsoft.com/office/drawing/2014/main" id="{CB5B8A0E-DEB2-E4A9-6941-79D5CA8A405E}"/>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21">
            <a:extLst>
              <a:ext uri="{FF2B5EF4-FFF2-40B4-BE49-F238E27FC236}">
                <a16:creationId xmlns:a16="http://schemas.microsoft.com/office/drawing/2014/main" id="{BC276395-BAAC-5DAE-0534-9E11D885E871}"/>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33" name="TextBox 32">
            <a:extLst>
              <a:ext uri="{FF2B5EF4-FFF2-40B4-BE49-F238E27FC236}">
                <a16:creationId xmlns:a16="http://schemas.microsoft.com/office/drawing/2014/main" id="{7260AA9E-151B-6DE4-E27B-D65BB360C034}"/>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Omkostningsdrivere</a:t>
            </a:r>
          </a:p>
        </p:txBody>
      </p:sp>
      <p:sp>
        <p:nvSpPr>
          <p:cNvPr id="29" name="Content Placeholder 5">
            <a:extLst>
              <a:ext uri="{FF2B5EF4-FFF2-40B4-BE49-F238E27FC236}">
                <a16:creationId xmlns:a16="http://schemas.microsoft.com/office/drawing/2014/main" id="{457A8A04-87FC-E6C9-8CDF-B1D9748FEB27}"/>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dirty="0">
                <a:solidFill>
                  <a:schemeClr val="tx1"/>
                </a:solidFill>
              </a:rPr>
              <a:t>Omkostningsniveauer er udtryk for en relativ vurdering på tværs af cases foretaget af PA.</a:t>
            </a:r>
          </a:p>
        </p:txBody>
      </p:sp>
      <p:grpSp>
        <p:nvGrpSpPr>
          <p:cNvPr id="55" name="Group 54" descr="Projektledelse er en mellem til stor midlertidig omkostningsdriver">
            <a:extLst>
              <a:ext uri="{FF2B5EF4-FFF2-40B4-BE49-F238E27FC236}">
                <a16:creationId xmlns:a16="http://schemas.microsoft.com/office/drawing/2014/main" id="{5EA00442-977A-A541-ECFD-A5AB525438BC}"/>
              </a:ext>
              <a:ext uri="{C183D7F6-B498-43B3-948B-1728B52AA6E4}">
                <adec:decorative xmlns:adec="http://schemas.microsoft.com/office/drawing/2017/decorative" val="0"/>
              </a:ext>
            </a:extLst>
          </p:cNvPr>
          <p:cNvGrpSpPr/>
          <p:nvPr/>
        </p:nvGrpSpPr>
        <p:grpSpPr>
          <a:xfrm>
            <a:off x="7290762" y="2788420"/>
            <a:ext cx="1577742" cy="265864"/>
            <a:chOff x="860772" y="4884291"/>
            <a:chExt cx="1487909" cy="250726"/>
          </a:xfrm>
        </p:grpSpPr>
        <p:grpSp>
          <p:nvGrpSpPr>
            <p:cNvPr id="56" name="Group 55">
              <a:extLst>
                <a:ext uri="{FF2B5EF4-FFF2-40B4-BE49-F238E27FC236}">
                  <a16:creationId xmlns:a16="http://schemas.microsoft.com/office/drawing/2014/main" id="{D6C39422-4AE6-A936-1D34-9836471D6DA2}"/>
                </a:ext>
              </a:extLst>
            </p:cNvPr>
            <p:cNvGrpSpPr/>
            <p:nvPr/>
          </p:nvGrpSpPr>
          <p:grpSpPr>
            <a:xfrm>
              <a:off x="860772" y="4884291"/>
              <a:ext cx="1487909" cy="212473"/>
              <a:chOff x="5354949" y="3009711"/>
              <a:chExt cx="1645739" cy="202758"/>
            </a:xfrm>
          </p:grpSpPr>
          <p:grpSp>
            <p:nvGrpSpPr>
              <p:cNvPr id="58" name="Group 57">
                <a:extLst>
                  <a:ext uri="{FF2B5EF4-FFF2-40B4-BE49-F238E27FC236}">
                    <a16:creationId xmlns:a16="http://schemas.microsoft.com/office/drawing/2014/main" id="{F3A7A694-17EB-4B42-7C8B-7502C10D7851}"/>
                  </a:ext>
                </a:extLst>
              </p:cNvPr>
              <p:cNvGrpSpPr/>
              <p:nvPr/>
            </p:nvGrpSpPr>
            <p:grpSpPr>
              <a:xfrm>
                <a:off x="5458296" y="3153610"/>
                <a:ext cx="1445092" cy="45719"/>
                <a:chOff x="5458296" y="3153610"/>
                <a:chExt cx="1445092" cy="45719"/>
              </a:xfrm>
            </p:grpSpPr>
            <p:cxnSp>
              <p:nvCxnSpPr>
                <p:cNvPr id="62" name="Straight Connector 61">
                  <a:extLst>
                    <a:ext uri="{FF2B5EF4-FFF2-40B4-BE49-F238E27FC236}">
                      <a16:creationId xmlns:a16="http://schemas.microsoft.com/office/drawing/2014/main" id="{C540C916-D9A9-A826-3D68-AD2B483FA620}"/>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63" name="Oval 62">
                  <a:extLst>
                    <a:ext uri="{FF2B5EF4-FFF2-40B4-BE49-F238E27FC236}">
                      <a16:creationId xmlns:a16="http://schemas.microsoft.com/office/drawing/2014/main" id="{E1249F60-8741-B4E0-6761-CEF2E6762543}"/>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64" name="Oval 63">
                  <a:extLst>
                    <a:ext uri="{FF2B5EF4-FFF2-40B4-BE49-F238E27FC236}">
                      <a16:creationId xmlns:a16="http://schemas.microsoft.com/office/drawing/2014/main" id="{4FA1DF4D-21EA-06BE-9E9D-E609A28D4F12}"/>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59" name="Straight Connector 58">
                <a:extLst>
                  <a:ext uri="{FF2B5EF4-FFF2-40B4-BE49-F238E27FC236}">
                    <a16:creationId xmlns:a16="http://schemas.microsoft.com/office/drawing/2014/main" id="{CF10080D-B08B-05DC-48B4-F01E44005E74}"/>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0" name="TextBox 59">
                <a:extLst>
                  <a:ext uri="{FF2B5EF4-FFF2-40B4-BE49-F238E27FC236}">
                    <a16:creationId xmlns:a16="http://schemas.microsoft.com/office/drawing/2014/main" id="{4F3974EA-D061-73CB-F5CB-91C3EA2B3F27}"/>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61" name="TextBox 60">
                <a:extLst>
                  <a:ext uri="{FF2B5EF4-FFF2-40B4-BE49-F238E27FC236}">
                    <a16:creationId xmlns:a16="http://schemas.microsoft.com/office/drawing/2014/main" id="{FCC1B4BB-F52B-B7C1-77C5-3A2A248FDA00}"/>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57" name="Oval 56">
              <a:extLst>
                <a:ext uri="{FF2B5EF4-FFF2-40B4-BE49-F238E27FC236}">
                  <a16:creationId xmlns:a16="http://schemas.microsoft.com/office/drawing/2014/main" id="{7AD29DA9-EBB7-AE25-26A8-9535B73A9336}"/>
                </a:ext>
              </a:extLst>
            </p:cNvPr>
            <p:cNvSpPr/>
            <p:nvPr/>
          </p:nvSpPr>
          <p:spPr>
            <a:xfrm>
              <a:off x="1877895"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31" name="Group 130" descr="Organisatorisk implementering er en mellem til stor midlertidig omkostningsdriver">
            <a:extLst>
              <a:ext uri="{FF2B5EF4-FFF2-40B4-BE49-F238E27FC236}">
                <a16:creationId xmlns:a16="http://schemas.microsoft.com/office/drawing/2014/main" id="{E386DD95-2238-8501-EBF5-A265CAB74F38}"/>
              </a:ext>
              <a:ext uri="{C183D7F6-B498-43B3-948B-1728B52AA6E4}">
                <adec:decorative xmlns:adec="http://schemas.microsoft.com/office/drawing/2017/decorative" val="0"/>
              </a:ext>
            </a:extLst>
          </p:cNvPr>
          <p:cNvGrpSpPr/>
          <p:nvPr/>
        </p:nvGrpSpPr>
        <p:grpSpPr>
          <a:xfrm>
            <a:off x="7290762" y="3344608"/>
            <a:ext cx="1577742" cy="265864"/>
            <a:chOff x="860772" y="4884291"/>
            <a:chExt cx="1487909" cy="250726"/>
          </a:xfrm>
        </p:grpSpPr>
        <p:grpSp>
          <p:nvGrpSpPr>
            <p:cNvPr id="132" name="Group 131">
              <a:extLst>
                <a:ext uri="{FF2B5EF4-FFF2-40B4-BE49-F238E27FC236}">
                  <a16:creationId xmlns:a16="http://schemas.microsoft.com/office/drawing/2014/main" id="{4C2B3EE9-EA62-2D39-AEC1-50F3CB75C873}"/>
                </a:ext>
              </a:extLst>
            </p:cNvPr>
            <p:cNvGrpSpPr/>
            <p:nvPr/>
          </p:nvGrpSpPr>
          <p:grpSpPr>
            <a:xfrm>
              <a:off x="860772" y="4884291"/>
              <a:ext cx="1487909" cy="212473"/>
              <a:chOff x="5354949" y="3009711"/>
              <a:chExt cx="1645739" cy="202758"/>
            </a:xfrm>
          </p:grpSpPr>
          <p:grpSp>
            <p:nvGrpSpPr>
              <p:cNvPr id="134" name="Group 133">
                <a:extLst>
                  <a:ext uri="{FF2B5EF4-FFF2-40B4-BE49-F238E27FC236}">
                    <a16:creationId xmlns:a16="http://schemas.microsoft.com/office/drawing/2014/main" id="{B313FD2F-5990-CD05-0AA7-56B65AEA2352}"/>
                  </a:ext>
                </a:extLst>
              </p:cNvPr>
              <p:cNvGrpSpPr/>
              <p:nvPr/>
            </p:nvGrpSpPr>
            <p:grpSpPr>
              <a:xfrm>
                <a:off x="5458296" y="3153610"/>
                <a:ext cx="1445092" cy="45719"/>
                <a:chOff x="5458296" y="3153610"/>
                <a:chExt cx="1445092" cy="45719"/>
              </a:xfrm>
            </p:grpSpPr>
            <p:cxnSp>
              <p:nvCxnSpPr>
                <p:cNvPr id="138" name="Straight Connector 137">
                  <a:extLst>
                    <a:ext uri="{FF2B5EF4-FFF2-40B4-BE49-F238E27FC236}">
                      <a16:creationId xmlns:a16="http://schemas.microsoft.com/office/drawing/2014/main" id="{A34DFCE5-4529-3776-7AD3-C2399522152F}"/>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39" name="Oval 138">
                  <a:extLst>
                    <a:ext uri="{FF2B5EF4-FFF2-40B4-BE49-F238E27FC236}">
                      <a16:creationId xmlns:a16="http://schemas.microsoft.com/office/drawing/2014/main" id="{D2D571F8-1471-61C8-0514-8F625A46F4C3}"/>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40" name="Oval 139">
                  <a:extLst>
                    <a:ext uri="{FF2B5EF4-FFF2-40B4-BE49-F238E27FC236}">
                      <a16:creationId xmlns:a16="http://schemas.microsoft.com/office/drawing/2014/main" id="{AAE729AF-5A2E-66E2-9BE1-F4721CE18EE8}"/>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35" name="Straight Connector 134">
                <a:extLst>
                  <a:ext uri="{FF2B5EF4-FFF2-40B4-BE49-F238E27FC236}">
                    <a16:creationId xmlns:a16="http://schemas.microsoft.com/office/drawing/2014/main" id="{3DB94E96-A316-5A5F-F6D0-9BF363928BB8}"/>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36" name="TextBox 135">
                <a:extLst>
                  <a:ext uri="{FF2B5EF4-FFF2-40B4-BE49-F238E27FC236}">
                    <a16:creationId xmlns:a16="http://schemas.microsoft.com/office/drawing/2014/main" id="{C46C46A6-86E3-C0B9-3B20-061F71B8DF1D}"/>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37" name="TextBox 136">
                <a:extLst>
                  <a:ext uri="{FF2B5EF4-FFF2-40B4-BE49-F238E27FC236}">
                    <a16:creationId xmlns:a16="http://schemas.microsoft.com/office/drawing/2014/main" id="{BF523475-B438-ABC1-6B46-34584C270F89}"/>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33" name="Oval 132">
              <a:extLst>
                <a:ext uri="{FF2B5EF4-FFF2-40B4-BE49-F238E27FC236}">
                  <a16:creationId xmlns:a16="http://schemas.microsoft.com/office/drawing/2014/main" id="{FCD7EEDD-7801-ABA8-677D-69185B7836FD}"/>
                </a:ext>
              </a:extLst>
            </p:cNvPr>
            <p:cNvSpPr/>
            <p:nvPr/>
          </p:nvSpPr>
          <p:spPr>
            <a:xfrm>
              <a:off x="1782277"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31" name="Group 230" descr="Teknisk implementering er en mellem til stor midlertidig omkostningsdriver">
            <a:extLst>
              <a:ext uri="{FF2B5EF4-FFF2-40B4-BE49-F238E27FC236}">
                <a16:creationId xmlns:a16="http://schemas.microsoft.com/office/drawing/2014/main" id="{6C707260-954D-6656-AE55-222362717054}"/>
              </a:ext>
              <a:ext uri="{C183D7F6-B498-43B3-948B-1728B52AA6E4}">
                <adec:decorative xmlns:adec="http://schemas.microsoft.com/office/drawing/2017/decorative" val="0"/>
              </a:ext>
            </a:extLst>
          </p:cNvPr>
          <p:cNvGrpSpPr/>
          <p:nvPr/>
        </p:nvGrpSpPr>
        <p:grpSpPr>
          <a:xfrm>
            <a:off x="7290762" y="3922767"/>
            <a:ext cx="1577741" cy="265864"/>
            <a:chOff x="860772" y="4884291"/>
            <a:chExt cx="1487909" cy="250726"/>
          </a:xfrm>
        </p:grpSpPr>
        <p:grpSp>
          <p:nvGrpSpPr>
            <p:cNvPr id="232" name="Group 231">
              <a:extLst>
                <a:ext uri="{FF2B5EF4-FFF2-40B4-BE49-F238E27FC236}">
                  <a16:creationId xmlns:a16="http://schemas.microsoft.com/office/drawing/2014/main" id="{6096227E-D11A-E0B2-6BDC-C0A9AFA0F03C}"/>
                </a:ext>
              </a:extLst>
            </p:cNvPr>
            <p:cNvGrpSpPr/>
            <p:nvPr/>
          </p:nvGrpSpPr>
          <p:grpSpPr>
            <a:xfrm>
              <a:off x="860772" y="4884291"/>
              <a:ext cx="1487909" cy="212473"/>
              <a:chOff x="5354949" y="3009711"/>
              <a:chExt cx="1645739" cy="202758"/>
            </a:xfrm>
          </p:grpSpPr>
          <p:grpSp>
            <p:nvGrpSpPr>
              <p:cNvPr id="234" name="Group 233">
                <a:extLst>
                  <a:ext uri="{FF2B5EF4-FFF2-40B4-BE49-F238E27FC236}">
                    <a16:creationId xmlns:a16="http://schemas.microsoft.com/office/drawing/2014/main" id="{E58CDB18-CAD0-6B2F-4EE0-991466EBED51}"/>
                  </a:ext>
                </a:extLst>
              </p:cNvPr>
              <p:cNvGrpSpPr/>
              <p:nvPr/>
            </p:nvGrpSpPr>
            <p:grpSpPr>
              <a:xfrm>
                <a:off x="5458296" y="3153610"/>
                <a:ext cx="1445092" cy="45719"/>
                <a:chOff x="5458296" y="3153610"/>
                <a:chExt cx="1445092" cy="45719"/>
              </a:xfrm>
            </p:grpSpPr>
            <p:cxnSp>
              <p:nvCxnSpPr>
                <p:cNvPr id="238" name="Straight Connector 237">
                  <a:extLst>
                    <a:ext uri="{FF2B5EF4-FFF2-40B4-BE49-F238E27FC236}">
                      <a16:creationId xmlns:a16="http://schemas.microsoft.com/office/drawing/2014/main" id="{9AA0C025-DDBA-25B3-01AC-EE2C60C0E597}"/>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39" name="Oval 238">
                  <a:extLst>
                    <a:ext uri="{FF2B5EF4-FFF2-40B4-BE49-F238E27FC236}">
                      <a16:creationId xmlns:a16="http://schemas.microsoft.com/office/drawing/2014/main" id="{38D2ADA6-3FE6-DCA4-23A7-A7EC1314C143}"/>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40" name="Oval 239">
                  <a:extLst>
                    <a:ext uri="{FF2B5EF4-FFF2-40B4-BE49-F238E27FC236}">
                      <a16:creationId xmlns:a16="http://schemas.microsoft.com/office/drawing/2014/main" id="{6B93C922-CD66-525C-2C7F-EC96DCF3E66B}"/>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35" name="Straight Connector 234">
                <a:extLst>
                  <a:ext uri="{FF2B5EF4-FFF2-40B4-BE49-F238E27FC236}">
                    <a16:creationId xmlns:a16="http://schemas.microsoft.com/office/drawing/2014/main" id="{61C38306-9559-4069-C91D-68E865225481}"/>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36" name="TextBox 235">
                <a:extLst>
                  <a:ext uri="{FF2B5EF4-FFF2-40B4-BE49-F238E27FC236}">
                    <a16:creationId xmlns:a16="http://schemas.microsoft.com/office/drawing/2014/main" id="{7A7C38D2-02F4-6C78-DC73-74CAB1D89D4D}"/>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37" name="TextBox 236">
                <a:extLst>
                  <a:ext uri="{FF2B5EF4-FFF2-40B4-BE49-F238E27FC236}">
                    <a16:creationId xmlns:a16="http://schemas.microsoft.com/office/drawing/2014/main" id="{5A563D5F-303E-315A-B525-D9656D978E96}"/>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33" name="Oval 232">
              <a:extLst>
                <a:ext uri="{FF2B5EF4-FFF2-40B4-BE49-F238E27FC236}">
                  <a16:creationId xmlns:a16="http://schemas.microsoft.com/office/drawing/2014/main" id="{9994BDAC-89D8-8966-283A-BF2AAF73F09F}"/>
                </a:ext>
              </a:extLst>
            </p:cNvPr>
            <p:cNvSpPr/>
            <p:nvPr/>
          </p:nvSpPr>
          <p:spPr>
            <a:xfrm>
              <a:off x="197795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51" name="Group 150" descr="Tekonologi er en mellem til stor driftsomkostning">
            <a:extLst>
              <a:ext uri="{FF2B5EF4-FFF2-40B4-BE49-F238E27FC236}">
                <a16:creationId xmlns:a16="http://schemas.microsoft.com/office/drawing/2014/main" id="{6343EAC2-713C-D627-9FE8-713560541D7B}"/>
              </a:ext>
              <a:ext uri="{C183D7F6-B498-43B3-948B-1728B52AA6E4}">
                <adec:decorative xmlns:adec="http://schemas.microsoft.com/office/drawing/2017/decorative" val="0"/>
              </a:ext>
            </a:extLst>
          </p:cNvPr>
          <p:cNvGrpSpPr/>
          <p:nvPr/>
        </p:nvGrpSpPr>
        <p:grpSpPr>
          <a:xfrm>
            <a:off x="7290762" y="4818452"/>
            <a:ext cx="1577742" cy="265864"/>
            <a:chOff x="860772" y="4884291"/>
            <a:chExt cx="1487909" cy="250726"/>
          </a:xfrm>
        </p:grpSpPr>
        <p:grpSp>
          <p:nvGrpSpPr>
            <p:cNvPr id="152" name="Group 151">
              <a:extLst>
                <a:ext uri="{FF2B5EF4-FFF2-40B4-BE49-F238E27FC236}">
                  <a16:creationId xmlns:a16="http://schemas.microsoft.com/office/drawing/2014/main" id="{5B92801F-DD57-D942-0753-82E45964D41D}"/>
                </a:ext>
              </a:extLst>
            </p:cNvPr>
            <p:cNvGrpSpPr/>
            <p:nvPr/>
          </p:nvGrpSpPr>
          <p:grpSpPr>
            <a:xfrm>
              <a:off x="860772" y="4884291"/>
              <a:ext cx="1487909" cy="212473"/>
              <a:chOff x="5354949" y="3009711"/>
              <a:chExt cx="1645739" cy="202758"/>
            </a:xfrm>
          </p:grpSpPr>
          <p:grpSp>
            <p:nvGrpSpPr>
              <p:cNvPr id="154" name="Group 153">
                <a:extLst>
                  <a:ext uri="{FF2B5EF4-FFF2-40B4-BE49-F238E27FC236}">
                    <a16:creationId xmlns:a16="http://schemas.microsoft.com/office/drawing/2014/main" id="{02B366BB-0D3C-4C58-16A2-DBDEAA307DF8}"/>
                  </a:ext>
                </a:extLst>
              </p:cNvPr>
              <p:cNvGrpSpPr/>
              <p:nvPr/>
            </p:nvGrpSpPr>
            <p:grpSpPr>
              <a:xfrm>
                <a:off x="5458296" y="3153610"/>
                <a:ext cx="1445092" cy="45719"/>
                <a:chOff x="5458296" y="3153610"/>
                <a:chExt cx="1445092" cy="45719"/>
              </a:xfrm>
            </p:grpSpPr>
            <p:cxnSp>
              <p:nvCxnSpPr>
                <p:cNvPr id="158" name="Straight Connector 157">
                  <a:extLst>
                    <a:ext uri="{FF2B5EF4-FFF2-40B4-BE49-F238E27FC236}">
                      <a16:creationId xmlns:a16="http://schemas.microsoft.com/office/drawing/2014/main" id="{416628B6-CE12-73BD-073E-866DAA3FE2F4}"/>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59" name="Oval 158">
                  <a:extLst>
                    <a:ext uri="{FF2B5EF4-FFF2-40B4-BE49-F238E27FC236}">
                      <a16:creationId xmlns:a16="http://schemas.microsoft.com/office/drawing/2014/main" id="{B45253C3-B801-1346-2048-932D369792D4}"/>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60" name="Oval 159">
                  <a:extLst>
                    <a:ext uri="{FF2B5EF4-FFF2-40B4-BE49-F238E27FC236}">
                      <a16:creationId xmlns:a16="http://schemas.microsoft.com/office/drawing/2014/main" id="{F59992E8-3FD2-7ACC-BFB7-5EE5D755F93C}"/>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55" name="Straight Connector 154">
                <a:extLst>
                  <a:ext uri="{FF2B5EF4-FFF2-40B4-BE49-F238E27FC236}">
                    <a16:creationId xmlns:a16="http://schemas.microsoft.com/office/drawing/2014/main" id="{D4BDF063-9F40-9706-65C1-7765FE6EBD9B}"/>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56" name="TextBox 155">
                <a:extLst>
                  <a:ext uri="{FF2B5EF4-FFF2-40B4-BE49-F238E27FC236}">
                    <a16:creationId xmlns:a16="http://schemas.microsoft.com/office/drawing/2014/main" id="{19A6C949-7389-1B5F-B45E-70EFE1969C36}"/>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57" name="TextBox 156">
                <a:extLst>
                  <a:ext uri="{FF2B5EF4-FFF2-40B4-BE49-F238E27FC236}">
                    <a16:creationId xmlns:a16="http://schemas.microsoft.com/office/drawing/2014/main" id="{3EA2ADFB-C476-2E67-4182-A260FC13FDFF}"/>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53" name="Oval 152">
              <a:extLst>
                <a:ext uri="{FF2B5EF4-FFF2-40B4-BE49-F238E27FC236}">
                  <a16:creationId xmlns:a16="http://schemas.microsoft.com/office/drawing/2014/main" id="{6B9A2775-1C53-2F69-277D-4EBEF21CDEF1}"/>
                </a:ext>
              </a:extLst>
            </p:cNvPr>
            <p:cNvSpPr/>
            <p:nvPr/>
          </p:nvSpPr>
          <p:spPr>
            <a:xfrm>
              <a:off x="185709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61" name="Group 160" descr="Nye kompetencer er en mellem driftsomkostning">
            <a:extLst>
              <a:ext uri="{FF2B5EF4-FFF2-40B4-BE49-F238E27FC236}">
                <a16:creationId xmlns:a16="http://schemas.microsoft.com/office/drawing/2014/main" id="{BDBBD900-02EB-FF8B-BABD-BD446B1677FD}"/>
              </a:ext>
              <a:ext uri="{C183D7F6-B498-43B3-948B-1728B52AA6E4}">
                <adec:decorative xmlns:adec="http://schemas.microsoft.com/office/drawing/2017/decorative" val="0"/>
              </a:ext>
            </a:extLst>
          </p:cNvPr>
          <p:cNvGrpSpPr/>
          <p:nvPr/>
        </p:nvGrpSpPr>
        <p:grpSpPr>
          <a:xfrm>
            <a:off x="7290762" y="5350882"/>
            <a:ext cx="1577742" cy="265864"/>
            <a:chOff x="860772" y="4884291"/>
            <a:chExt cx="1487909" cy="250726"/>
          </a:xfrm>
        </p:grpSpPr>
        <p:grpSp>
          <p:nvGrpSpPr>
            <p:cNvPr id="162" name="Group 161">
              <a:extLst>
                <a:ext uri="{FF2B5EF4-FFF2-40B4-BE49-F238E27FC236}">
                  <a16:creationId xmlns:a16="http://schemas.microsoft.com/office/drawing/2014/main" id="{852BBB82-CE60-D958-4771-BB1F87617BCD}"/>
                </a:ext>
              </a:extLst>
            </p:cNvPr>
            <p:cNvGrpSpPr/>
            <p:nvPr/>
          </p:nvGrpSpPr>
          <p:grpSpPr>
            <a:xfrm>
              <a:off x="860772" y="4884291"/>
              <a:ext cx="1487909" cy="212473"/>
              <a:chOff x="5354949" y="3009711"/>
              <a:chExt cx="1645739" cy="202758"/>
            </a:xfrm>
          </p:grpSpPr>
          <p:grpSp>
            <p:nvGrpSpPr>
              <p:cNvPr id="164" name="Group 163">
                <a:extLst>
                  <a:ext uri="{FF2B5EF4-FFF2-40B4-BE49-F238E27FC236}">
                    <a16:creationId xmlns:a16="http://schemas.microsoft.com/office/drawing/2014/main" id="{B1C7D492-FB27-3B12-406A-0818E0DF7137}"/>
                  </a:ext>
                </a:extLst>
              </p:cNvPr>
              <p:cNvGrpSpPr/>
              <p:nvPr/>
            </p:nvGrpSpPr>
            <p:grpSpPr>
              <a:xfrm>
                <a:off x="5458296" y="3153610"/>
                <a:ext cx="1445092" cy="45719"/>
                <a:chOff x="5458296" y="3153610"/>
                <a:chExt cx="1445092" cy="45719"/>
              </a:xfrm>
            </p:grpSpPr>
            <p:cxnSp>
              <p:nvCxnSpPr>
                <p:cNvPr id="168" name="Straight Connector 167">
                  <a:extLst>
                    <a:ext uri="{FF2B5EF4-FFF2-40B4-BE49-F238E27FC236}">
                      <a16:creationId xmlns:a16="http://schemas.microsoft.com/office/drawing/2014/main" id="{FF2E99FE-742C-5A96-81EE-546B23988AD4}"/>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69" name="Oval 168">
                  <a:extLst>
                    <a:ext uri="{FF2B5EF4-FFF2-40B4-BE49-F238E27FC236}">
                      <a16:creationId xmlns:a16="http://schemas.microsoft.com/office/drawing/2014/main" id="{3DEFAF92-7216-CA85-391B-5E999E9B46A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70" name="Oval 169">
                  <a:extLst>
                    <a:ext uri="{FF2B5EF4-FFF2-40B4-BE49-F238E27FC236}">
                      <a16:creationId xmlns:a16="http://schemas.microsoft.com/office/drawing/2014/main" id="{3A3D821B-1929-AF6C-57C1-4A41FB98DBC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65" name="Straight Connector 164">
                <a:extLst>
                  <a:ext uri="{FF2B5EF4-FFF2-40B4-BE49-F238E27FC236}">
                    <a16:creationId xmlns:a16="http://schemas.microsoft.com/office/drawing/2014/main" id="{EAC8B4E1-76B2-0E28-C3C1-59158BAFBE48}"/>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6" name="TextBox 165">
                <a:extLst>
                  <a:ext uri="{FF2B5EF4-FFF2-40B4-BE49-F238E27FC236}">
                    <a16:creationId xmlns:a16="http://schemas.microsoft.com/office/drawing/2014/main" id="{40A10FF6-E32D-FBF1-ABC7-A65CD0192930}"/>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67" name="TextBox 166">
                <a:extLst>
                  <a:ext uri="{FF2B5EF4-FFF2-40B4-BE49-F238E27FC236}">
                    <a16:creationId xmlns:a16="http://schemas.microsoft.com/office/drawing/2014/main" id="{D34205DE-4B8F-2C93-F18B-B619CA0FBF1C}"/>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63" name="Oval 162">
              <a:extLst>
                <a:ext uri="{FF2B5EF4-FFF2-40B4-BE49-F238E27FC236}">
                  <a16:creationId xmlns:a16="http://schemas.microsoft.com/office/drawing/2014/main" id="{B4341F1E-693F-5430-B1C0-EB78FE773C5D}"/>
                </a:ext>
              </a:extLst>
            </p:cNvPr>
            <p:cNvSpPr/>
            <p:nvPr/>
          </p:nvSpPr>
          <p:spPr>
            <a:xfrm>
              <a:off x="1554456"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71" name="Group 170" descr="Drift og support er en mellem til stor driftsomkostning">
            <a:extLst>
              <a:ext uri="{FF2B5EF4-FFF2-40B4-BE49-F238E27FC236}">
                <a16:creationId xmlns:a16="http://schemas.microsoft.com/office/drawing/2014/main" id="{C650AF4B-9569-1A01-5F9E-6C89A543F21A}"/>
              </a:ext>
              <a:ext uri="{C183D7F6-B498-43B3-948B-1728B52AA6E4}">
                <adec:decorative xmlns:adec="http://schemas.microsoft.com/office/drawing/2017/decorative" val="0"/>
              </a:ext>
            </a:extLst>
          </p:cNvPr>
          <p:cNvGrpSpPr/>
          <p:nvPr/>
        </p:nvGrpSpPr>
        <p:grpSpPr>
          <a:xfrm>
            <a:off x="7290762" y="5883313"/>
            <a:ext cx="1577742" cy="265864"/>
            <a:chOff x="860772" y="4884291"/>
            <a:chExt cx="1487909" cy="250726"/>
          </a:xfrm>
        </p:grpSpPr>
        <p:grpSp>
          <p:nvGrpSpPr>
            <p:cNvPr id="172" name="Group 171">
              <a:extLst>
                <a:ext uri="{FF2B5EF4-FFF2-40B4-BE49-F238E27FC236}">
                  <a16:creationId xmlns:a16="http://schemas.microsoft.com/office/drawing/2014/main" id="{03351A8D-95A7-B1D8-BCCE-7BF87D4AD6AA}"/>
                </a:ext>
              </a:extLst>
            </p:cNvPr>
            <p:cNvGrpSpPr/>
            <p:nvPr/>
          </p:nvGrpSpPr>
          <p:grpSpPr>
            <a:xfrm>
              <a:off x="860772" y="4884291"/>
              <a:ext cx="1487909" cy="212473"/>
              <a:chOff x="5354949" y="3009711"/>
              <a:chExt cx="1645739" cy="202758"/>
            </a:xfrm>
          </p:grpSpPr>
          <p:grpSp>
            <p:nvGrpSpPr>
              <p:cNvPr id="174" name="Group 173">
                <a:extLst>
                  <a:ext uri="{FF2B5EF4-FFF2-40B4-BE49-F238E27FC236}">
                    <a16:creationId xmlns:a16="http://schemas.microsoft.com/office/drawing/2014/main" id="{782D5639-092B-5DC0-E520-B90055E299D2}"/>
                  </a:ext>
                </a:extLst>
              </p:cNvPr>
              <p:cNvGrpSpPr/>
              <p:nvPr/>
            </p:nvGrpSpPr>
            <p:grpSpPr>
              <a:xfrm>
                <a:off x="5458296" y="3153610"/>
                <a:ext cx="1445092" cy="45719"/>
                <a:chOff x="5458296" y="3153610"/>
                <a:chExt cx="1445092" cy="45719"/>
              </a:xfrm>
            </p:grpSpPr>
            <p:cxnSp>
              <p:nvCxnSpPr>
                <p:cNvPr id="178" name="Straight Connector 177">
                  <a:extLst>
                    <a:ext uri="{FF2B5EF4-FFF2-40B4-BE49-F238E27FC236}">
                      <a16:creationId xmlns:a16="http://schemas.microsoft.com/office/drawing/2014/main" id="{949866FC-545D-4B9F-3914-A9CBD8458968}"/>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79" name="Oval 178">
                  <a:extLst>
                    <a:ext uri="{FF2B5EF4-FFF2-40B4-BE49-F238E27FC236}">
                      <a16:creationId xmlns:a16="http://schemas.microsoft.com/office/drawing/2014/main" id="{2AAE12EA-C511-E791-509D-C556B80BAA6D}"/>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80" name="Oval 179">
                  <a:extLst>
                    <a:ext uri="{FF2B5EF4-FFF2-40B4-BE49-F238E27FC236}">
                      <a16:creationId xmlns:a16="http://schemas.microsoft.com/office/drawing/2014/main" id="{5D838785-A79E-60AD-BE41-6CE5E182638D}"/>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75" name="Straight Connector 174">
                <a:extLst>
                  <a:ext uri="{FF2B5EF4-FFF2-40B4-BE49-F238E27FC236}">
                    <a16:creationId xmlns:a16="http://schemas.microsoft.com/office/drawing/2014/main" id="{B2CC58B1-BE2F-5FFA-D37D-8219844B5CFC}"/>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6" name="TextBox 175">
                <a:extLst>
                  <a:ext uri="{FF2B5EF4-FFF2-40B4-BE49-F238E27FC236}">
                    <a16:creationId xmlns:a16="http://schemas.microsoft.com/office/drawing/2014/main" id="{572423F8-A735-EFAD-2D68-7936DF894578}"/>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77" name="TextBox 176">
                <a:extLst>
                  <a:ext uri="{FF2B5EF4-FFF2-40B4-BE49-F238E27FC236}">
                    <a16:creationId xmlns:a16="http://schemas.microsoft.com/office/drawing/2014/main" id="{465F1B45-00E0-6E41-D4EA-DB4B2B3587DC}"/>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73" name="Oval 172">
              <a:extLst>
                <a:ext uri="{FF2B5EF4-FFF2-40B4-BE49-F238E27FC236}">
                  <a16:creationId xmlns:a16="http://schemas.microsoft.com/office/drawing/2014/main" id="{14906FB8-6BD1-6F3F-F5E2-13C3A0B5C6EB}"/>
                </a:ext>
              </a:extLst>
            </p:cNvPr>
            <p:cNvSpPr/>
            <p:nvPr/>
          </p:nvSpPr>
          <p:spPr>
            <a:xfrm>
              <a:off x="1887773"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40" name="TextBox 39">
            <a:extLst>
              <a:ext uri="{FF2B5EF4-FFF2-40B4-BE49-F238E27FC236}">
                <a16:creationId xmlns:a16="http://schemas.microsoft.com/office/drawing/2014/main" id="{3508E8BC-FCA1-ED6E-9B71-69FBCDDCE934}"/>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a:t>Midlertidige omkostninger</a:t>
            </a:r>
            <a:endParaRPr lang="da-DK" sz="900" noProof="0" dirty="0"/>
          </a:p>
          <a:p>
            <a:pPr>
              <a:lnSpc>
                <a:spcPct val="200000"/>
              </a:lnSpc>
            </a:pPr>
            <a:r>
              <a:rPr lang="da-DK" sz="900" noProof="0" dirty="0"/>
              <a:t>  </a:t>
            </a:r>
            <a:r>
              <a:rPr lang="da-DK" sz="900" noProof="0"/>
              <a:t>Projektledelse </a:t>
            </a:r>
          </a:p>
          <a:p>
            <a:pPr>
              <a:lnSpc>
                <a:spcPct val="200000"/>
              </a:lnSpc>
            </a:pPr>
            <a:endParaRPr lang="da-DK" sz="900" noProof="0" dirty="0"/>
          </a:p>
          <a:p>
            <a:pPr>
              <a:lnSpc>
                <a:spcPct val="200000"/>
              </a:lnSpc>
            </a:pPr>
            <a:r>
              <a:rPr lang="da-DK" sz="900" noProof="0" dirty="0"/>
              <a:t>  Organisatorisk implementering</a:t>
            </a:r>
          </a:p>
          <a:p>
            <a:pPr>
              <a:lnSpc>
                <a:spcPct val="200000"/>
              </a:lnSpc>
            </a:pPr>
            <a:r>
              <a:rPr lang="da-DK" sz="900" noProof="0" dirty="0"/>
              <a:t> </a:t>
            </a:r>
          </a:p>
          <a:p>
            <a:pPr>
              <a:lnSpc>
                <a:spcPct val="200000"/>
              </a:lnSpc>
            </a:pPr>
            <a:r>
              <a:rPr lang="da-DK" sz="900" noProof="0" dirty="0"/>
              <a:t>  Teknisk implementering</a:t>
            </a:r>
          </a:p>
          <a:p>
            <a:pPr>
              <a:lnSpc>
                <a:spcPct val="150000"/>
              </a:lnSpc>
            </a:pPr>
            <a:endParaRPr lang="da-DK" sz="900" noProof="0" dirty="0"/>
          </a:p>
          <a:p>
            <a:pPr>
              <a:lnSpc>
                <a:spcPct val="150000"/>
              </a:lnSpc>
            </a:pPr>
            <a:endParaRPr lang="da-DK" sz="900" b="1" noProof="0" dirty="0">
              <a:solidFill>
                <a:srgbClr val="36465A"/>
              </a:solidFill>
            </a:endParaRPr>
          </a:p>
          <a:p>
            <a:pPr>
              <a:lnSpc>
                <a:spcPct val="150000"/>
              </a:lnSpc>
            </a:pPr>
            <a:r>
              <a:rPr lang="da-DK" sz="900" b="1" noProof="0" dirty="0">
                <a:solidFill>
                  <a:srgbClr val="36465A"/>
                </a:solidFill>
              </a:rPr>
              <a:t>Driftsomkostninger</a:t>
            </a:r>
          </a:p>
          <a:p>
            <a:pPr>
              <a:lnSpc>
                <a:spcPct val="200000"/>
              </a:lnSpc>
            </a:pPr>
            <a:r>
              <a:rPr lang="da-DK" sz="900" noProof="0" dirty="0">
                <a:solidFill>
                  <a:schemeClr val="accent4">
                    <a:lumMod val="50000"/>
                  </a:schemeClr>
                </a:solidFill>
              </a:rPr>
              <a:t>  Teknologi</a:t>
            </a:r>
          </a:p>
          <a:p>
            <a:pPr>
              <a:lnSpc>
                <a:spcPct val="200000"/>
              </a:lnSpc>
            </a:pPr>
            <a:endParaRPr lang="da-DK" sz="900" noProof="0" dirty="0">
              <a:solidFill>
                <a:schemeClr val="accent4">
                  <a:lumMod val="50000"/>
                </a:schemeClr>
              </a:solidFill>
            </a:endParaRPr>
          </a:p>
          <a:p>
            <a:pPr>
              <a:lnSpc>
                <a:spcPct val="200000"/>
              </a:lnSpc>
            </a:pPr>
            <a:r>
              <a:rPr lang="da-DK" sz="900" noProof="0" dirty="0">
                <a:solidFill>
                  <a:schemeClr val="accent4">
                    <a:lumMod val="50000"/>
                  </a:schemeClr>
                </a:solidFill>
              </a:rPr>
              <a:t>  Nye kompetencer </a:t>
            </a:r>
          </a:p>
          <a:p>
            <a:pPr>
              <a:lnSpc>
                <a:spcPct val="200000"/>
              </a:lnSpc>
            </a:pPr>
            <a:endParaRPr lang="da-DK" sz="900" noProof="0" dirty="0">
              <a:solidFill>
                <a:schemeClr val="accent4">
                  <a:lumMod val="50000"/>
                </a:schemeClr>
              </a:solidFill>
            </a:endParaRPr>
          </a:p>
          <a:p>
            <a:pPr>
              <a:lnSpc>
                <a:spcPct val="200000"/>
              </a:lnSpc>
            </a:pPr>
            <a:r>
              <a:rPr lang="da-DK" sz="900" noProof="0" dirty="0">
                <a:solidFill>
                  <a:schemeClr val="accent4">
                    <a:lumMod val="50000"/>
                  </a:schemeClr>
                </a:solidFill>
              </a:rPr>
              <a:t>  </a:t>
            </a:r>
            <a:r>
              <a:rPr lang="da-DK" sz="900" noProof="0">
                <a:solidFill>
                  <a:schemeClr val="accent4">
                    <a:lumMod val="50000"/>
                  </a:schemeClr>
                </a:solidFill>
              </a:rPr>
              <a:t>Drift og support</a:t>
            </a:r>
          </a:p>
        </p:txBody>
      </p:sp>
      <p:grpSp>
        <p:nvGrpSpPr>
          <p:cNvPr id="41" name="Group 40">
            <a:extLst>
              <a:ext uri="{FF2B5EF4-FFF2-40B4-BE49-F238E27FC236}">
                <a16:creationId xmlns:a16="http://schemas.microsoft.com/office/drawing/2014/main" id="{68FB0769-B4EE-0078-12B5-01A3995B0095}"/>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42" name="Oval 41">
              <a:extLst>
                <a:ext uri="{FF2B5EF4-FFF2-40B4-BE49-F238E27FC236}">
                  <a16:creationId xmlns:a16="http://schemas.microsoft.com/office/drawing/2014/main" id="{4E72681C-AE5C-DA84-8837-263BB98BB728}"/>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3" name="Freeform 11">
              <a:extLst>
                <a:ext uri="{FF2B5EF4-FFF2-40B4-BE49-F238E27FC236}">
                  <a16:creationId xmlns:a16="http://schemas.microsoft.com/office/drawing/2014/main" id="{BA1AF28E-852A-70FB-32C8-6A815AEEA653}"/>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dirty="0"/>
            </a:p>
          </p:txBody>
        </p:sp>
      </p:grpSp>
      <p:grpSp>
        <p:nvGrpSpPr>
          <p:cNvPr id="212" name="Group 211">
            <a:extLst>
              <a:ext uri="{FF2B5EF4-FFF2-40B4-BE49-F238E27FC236}">
                <a16:creationId xmlns:a16="http://schemas.microsoft.com/office/drawing/2014/main" id="{E76991C4-4B0C-92A7-78D5-79EAD11FFA85}"/>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129" name="Oval 128">
              <a:extLst>
                <a:ext uri="{FF2B5EF4-FFF2-40B4-BE49-F238E27FC236}">
                  <a16:creationId xmlns:a16="http://schemas.microsoft.com/office/drawing/2014/main" id="{765D928D-0B85-3689-8AF2-62AF6E285D02}"/>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30" name="Freeform 19">
              <a:extLst>
                <a:ext uri="{FF2B5EF4-FFF2-40B4-BE49-F238E27FC236}">
                  <a16:creationId xmlns:a16="http://schemas.microsoft.com/office/drawing/2014/main" id="{8C959060-EDDA-482A-BA7A-7E1B723F55DA}"/>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pic>
        <p:nvPicPr>
          <p:cNvPr id="219" name="Graphic 9">
            <a:extLst>
              <a:ext uri="{FF2B5EF4-FFF2-40B4-BE49-F238E27FC236}">
                <a16:creationId xmlns:a16="http://schemas.microsoft.com/office/drawing/2014/main" id="{7ECC5C94-E9BF-3DBC-5EC1-EFC8C6A9B83C}"/>
              </a:ext>
              <a:ext uri="{C183D7F6-B498-43B3-948B-1728B52AA6E4}">
                <adec:decorative xmlns:adec="http://schemas.microsoft.com/office/drawing/2017/decorative" val="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473144" y="4248230"/>
            <a:ext cx="431800" cy="349250"/>
          </a:xfrm>
          <a:prstGeom prst="rect">
            <a:avLst/>
          </a:prstGeom>
        </p:spPr>
      </p:pic>
      <p:sp>
        <p:nvSpPr>
          <p:cNvPr id="220" name="TextBox 219">
            <a:extLst>
              <a:ext uri="{FF2B5EF4-FFF2-40B4-BE49-F238E27FC236}">
                <a16:creationId xmlns:a16="http://schemas.microsoft.com/office/drawing/2014/main" id="{A4D209B3-FDF6-C8E3-B55B-1AFDACECFC58}"/>
              </a:ext>
            </a:extLst>
          </p:cNvPr>
          <p:cNvSpPr txBox="1"/>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Nøgletal</a:t>
            </a:r>
          </a:p>
        </p:txBody>
      </p:sp>
      <p:sp>
        <p:nvSpPr>
          <p:cNvPr id="222" name="TextBox 221">
            <a:extLst>
              <a:ext uri="{FF2B5EF4-FFF2-40B4-BE49-F238E27FC236}">
                <a16:creationId xmlns:a16="http://schemas.microsoft.com/office/drawing/2014/main" id="{D1176285-7475-ADBC-FB7E-F34D8FB7DD22}"/>
              </a:ext>
            </a:extLst>
          </p:cNvPr>
          <p:cNvSpPr txBox="1"/>
          <p:nvPr/>
        </p:nvSpPr>
        <p:spPr>
          <a:xfrm>
            <a:off x="10330124" y="2033118"/>
            <a:ext cx="1578671" cy="677108"/>
          </a:xfrm>
          <a:prstGeom prst="rect">
            <a:avLst/>
          </a:prstGeom>
          <a:noFill/>
        </p:spPr>
        <p:txBody>
          <a:bodyPr wrap="square">
            <a:spAutoFit/>
          </a:bodyPr>
          <a:lstStyle/>
          <a:p>
            <a:r>
              <a:rPr lang="da-DK" sz="1400" noProof="0" dirty="0">
                <a:solidFill>
                  <a:srgbClr val="EE2F66"/>
                </a:solidFill>
              </a:rPr>
              <a:t>90%</a:t>
            </a:r>
          </a:p>
          <a:p>
            <a:r>
              <a:rPr lang="da-DK" sz="800" noProof="0" dirty="0"/>
              <a:t>af </a:t>
            </a:r>
            <a:r>
              <a:rPr lang="da-DK" sz="800" noProof="0" dirty="0" err="1"/>
              <a:t>STILs</a:t>
            </a:r>
            <a:r>
              <a:rPr lang="da-DK" sz="800" noProof="0" dirty="0"/>
              <a:t> servere er placeret i STIL </a:t>
            </a:r>
            <a:r>
              <a:rPr lang="da-DK" sz="800" noProof="0" dirty="0" err="1"/>
              <a:t>Housing</a:t>
            </a:r>
            <a:r>
              <a:rPr lang="da-DK" sz="800" noProof="0" dirty="0"/>
              <a:t>, hvoraf 75% drives i </a:t>
            </a:r>
            <a:r>
              <a:rPr lang="da-DK" sz="800" noProof="0" dirty="0" err="1"/>
              <a:t>OpenStack</a:t>
            </a:r>
            <a:r>
              <a:rPr lang="da-DK" sz="800" noProof="0" dirty="0"/>
              <a:t>.</a:t>
            </a:r>
          </a:p>
        </p:txBody>
      </p:sp>
      <p:sp>
        <p:nvSpPr>
          <p:cNvPr id="228" name="TextBox 227">
            <a:extLst>
              <a:ext uri="{FF2B5EF4-FFF2-40B4-BE49-F238E27FC236}">
                <a16:creationId xmlns:a16="http://schemas.microsoft.com/office/drawing/2014/main" id="{A8AAC1DD-DDEC-6C7C-9D2C-F0C0395D2223}"/>
              </a:ext>
            </a:extLst>
          </p:cNvPr>
          <p:cNvSpPr txBox="1"/>
          <p:nvPr/>
        </p:nvSpPr>
        <p:spPr>
          <a:xfrm>
            <a:off x="10330124" y="2768778"/>
            <a:ext cx="1519861" cy="677108"/>
          </a:xfrm>
          <a:prstGeom prst="rect">
            <a:avLst/>
          </a:prstGeom>
          <a:noFill/>
        </p:spPr>
        <p:txBody>
          <a:bodyPr wrap="square">
            <a:spAutoFit/>
          </a:bodyPr>
          <a:lstStyle/>
          <a:p>
            <a:r>
              <a:rPr lang="da-DK" sz="1400" noProof="0" dirty="0">
                <a:solidFill>
                  <a:srgbClr val="EE2F66"/>
                </a:solidFill>
              </a:rPr>
              <a:t>1.000.000 </a:t>
            </a:r>
            <a:endParaRPr lang="da-DK" sz="1400" noProof="0" dirty="0">
              <a:solidFill>
                <a:srgbClr val="2C8027"/>
              </a:solidFill>
            </a:endParaRPr>
          </a:p>
          <a:p>
            <a:r>
              <a:rPr lang="da-DK" sz="800" noProof="0" dirty="0"/>
              <a:t>daglige brugere på kritiske it-løsninger, som er udviklet og driftet af STIL.</a:t>
            </a:r>
          </a:p>
        </p:txBody>
      </p:sp>
      <p:sp>
        <p:nvSpPr>
          <p:cNvPr id="225" name="TextBox 224">
            <a:extLst>
              <a:ext uri="{FF2B5EF4-FFF2-40B4-BE49-F238E27FC236}">
                <a16:creationId xmlns:a16="http://schemas.microsoft.com/office/drawing/2014/main" id="{6A17CA92-5210-5D35-597E-0486C18D5390}"/>
              </a:ext>
            </a:extLst>
          </p:cNvPr>
          <p:cNvSpPr txBox="1"/>
          <p:nvPr/>
        </p:nvSpPr>
        <p:spPr>
          <a:xfrm>
            <a:off x="10330124" y="3495330"/>
            <a:ext cx="1519861" cy="677108"/>
          </a:xfrm>
          <a:prstGeom prst="rect">
            <a:avLst/>
          </a:prstGeom>
          <a:noFill/>
        </p:spPr>
        <p:txBody>
          <a:bodyPr wrap="square">
            <a:spAutoFit/>
          </a:bodyPr>
          <a:lstStyle/>
          <a:p>
            <a:r>
              <a:rPr lang="da-DK" sz="1400" noProof="0" dirty="0">
                <a:solidFill>
                  <a:srgbClr val="EE2F66"/>
                </a:solidFill>
              </a:rPr>
              <a:t>+10 år</a:t>
            </a:r>
          </a:p>
          <a:p>
            <a:r>
              <a:rPr lang="da-DK" sz="800" noProof="0" dirty="0"/>
              <a:t>har STIL målrettet arbejdet imod en mere åben teknologistak.</a:t>
            </a:r>
          </a:p>
        </p:txBody>
      </p:sp>
      <p:sp>
        <p:nvSpPr>
          <p:cNvPr id="4" name="Content Placeholder 5">
            <a:extLst>
              <a:ext uri="{FF2B5EF4-FFF2-40B4-BE49-F238E27FC236}">
                <a16:creationId xmlns:a16="http://schemas.microsoft.com/office/drawing/2014/main" id="{973399EC-A56C-E672-D36C-453B96BBC25F}"/>
              </a:ext>
              <a:ext uri="{C183D7F6-B498-43B3-948B-1728B52AA6E4}">
                <adec:decorative xmlns:adec="http://schemas.microsoft.com/office/drawing/2017/decorative" val="1"/>
              </a:ext>
            </a:extLst>
          </p:cNvPr>
          <p:cNvSpPr txBox="1">
            <a:spLocks/>
          </p:cNvSpPr>
          <p:nvPr/>
        </p:nvSpPr>
        <p:spPr>
          <a:xfrm>
            <a:off x="512975" y="6493250"/>
            <a:ext cx="8136000" cy="21600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endParaRPr lang="da-DK" sz="900" b="0" noProof="0">
              <a:solidFill>
                <a:schemeClr val="tx1"/>
              </a:solidFill>
            </a:endParaRPr>
          </a:p>
        </p:txBody>
      </p:sp>
      <p:grpSp>
        <p:nvGrpSpPr>
          <p:cNvPr id="13" name="Group 12">
            <a:extLst>
              <a:ext uri="{FF2B5EF4-FFF2-40B4-BE49-F238E27FC236}">
                <a16:creationId xmlns:a16="http://schemas.microsoft.com/office/drawing/2014/main" id="{5034AEA2-1EFD-CDF7-D2F4-83FEF4F29122}"/>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4" name="Rectangle 13">
              <a:extLst>
                <a:ext uri="{FF2B5EF4-FFF2-40B4-BE49-F238E27FC236}">
                  <a16:creationId xmlns:a16="http://schemas.microsoft.com/office/drawing/2014/main" id="{2FCD5842-2FCD-EAA1-EF4B-2D1B651568F7}"/>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5" name="Rectangle 14">
              <a:extLst>
                <a:ext uri="{FF2B5EF4-FFF2-40B4-BE49-F238E27FC236}">
                  <a16:creationId xmlns:a16="http://schemas.microsoft.com/office/drawing/2014/main" id="{291E1788-F6C6-EDB3-0977-1C2BE2562D9E}"/>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t>Case Katalog</a:t>
              </a:r>
            </a:p>
          </p:txBody>
        </p:sp>
      </p:grpSp>
      <p:sp>
        <p:nvSpPr>
          <p:cNvPr id="16" name="Freeform 13">
            <a:extLst>
              <a:ext uri="{FF2B5EF4-FFF2-40B4-BE49-F238E27FC236}">
                <a16:creationId xmlns:a16="http://schemas.microsoft.com/office/drawing/2014/main" id="{84ED4E33-9A8C-3628-398F-D430E55490E1}"/>
              </a:ext>
              <a:ext uri="{C183D7F6-B498-43B3-948B-1728B52AA6E4}">
                <adec:decorative xmlns:adec="http://schemas.microsoft.com/office/drawing/2017/decorative" val="1"/>
              </a:ext>
            </a:extLst>
          </p:cNvPr>
          <p:cNvSpPr>
            <a:spLocks noEditPoints="1"/>
          </p:cNvSpPr>
          <p:nvPr/>
        </p:nvSpPr>
        <p:spPr bwMode="auto">
          <a:xfrm>
            <a:off x="9685591" y="2857101"/>
            <a:ext cx="389455" cy="317831"/>
          </a:xfrm>
          <a:custGeom>
            <a:avLst/>
            <a:gdLst>
              <a:gd name="T0" fmla="*/ 44 w 216"/>
              <a:gd name="T1" fmla="*/ 0 h 176"/>
              <a:gd name="T2" fmla="*/ 44 w 216"/>
              <a:gd name="T3" fmla="*/ 8 h 176"/>
              <a:gd name="T4" fmla="*/ 28 w 216"/>
              <a:gd name="T5" fmla="*/ 24 h 176"/>
              <a:gd name="T6" fmla="*/ 132 w 216"/>
              <a:gd name="T7" fmla="*/ 40 h 176"/>
              <a:gd name="T8" fmla="*/ 108 w 216"/>
              <a:gd name="T9" fmla="*/ 64 h 176"/>
              <a:gd name="T10" fmla="*/ 108 w 216"/>
              <a:gd name="T11" fmla="*/ 56 h 176"/>
              <a:gd name="T12" fmla="*/ 172 w 216"/>
              <a:gd name="T13" fmla="*/ 48 h 176"/>
              <a:gd name="T14" fmla="*/ 148 w 216"/>
              <a:gd name="T15" fmla="*/ 24 h 176"/>
              <a:gd name="T16" fmla="*/ 188 w 216"/>
              <a:gd name="T17" fmla="*/ 24 h 176"/>
              <a:gd name="T18" fmla="*/ 172 w 216"/>
              <a:gd name="T19" fmla="*/ 8 h 176"/>
              <a:gd name="T20" fmla="*/ 189 w 216"/>
              <a:gd name="T21" fmla="*/ 49 h 176"/>
              <a:gd name="T22" fmla="*/ 151 w 216"/>
              <a:gd name="T23" fmla="*/ 48 h 176"/>
              <a:gd name="T24" fmla="*/ 125 w 216"/>
              <a:gd name="T25" fmla="*/ 65 h 176"/>
              <a:gd name="T26" fmla="*/ 87 w 216"/>
              <a:gd name="T27" fmla="*/ 64 h 176"/>
              <a:gd name="T28" fmla="*/ 61 w 216"/>
              <a:gd name="T29" fmla="*/ 49 h 176"/>
              <a:gd name="T30" fmla="*/ 23 w 216"/>
              <a:gd name="T31" fmla="*/ 48 h 176"/>
              <a:gd name="T32" fmla="*/ 0 w 216"/>
              <a:gd name="T33" fmla="*/ 92 h 176"/>
              <a:gd name="T34" fmla="*/ 64 w 216"/>
              <a:gd name="T35" fmla="*/ 108 h 176"/>
              <a:gd name="T36" fmla="*/ 104 w 216"/>
              <a:gd name="T37" fmla="*/ 136 h 176"/>
              <a:gd name="T38" fmla="*/ 44 w 216"/>
              <a:gd name="T39" fmla="*/ 156 h 176"/>
              <a:gd name="T40" fmla="*/ 108 w 216"/>
              <a:gd name="T41" fmla="*/ 176 h 176"/>
              <a:gd name="T42" fmla="*/ 172 w 216"/>
              <a:gd name="T43" fmla="*/ 156 h 176"/>
              <a:gd name="T44" fmla="*/ 112 w 216"/>
              <a:gd name="T45" fmla="*/ 136 h 176"/>
              <a:gd name="T46" fmla="*/ 140 w 216"/>
              <a:gd name="T47" fmla="*/ 120 h 176"/>
              <a:gd name="T48" fmla="*/ 204 w 216"/>
              <a:gd name="T49" fmla="*/ 104 h 176"/>
              <a:gd name="T50" fmla="*/ 204 w 216"/>
              <a:gd name="T51" fmla="*/ 52 h 176"/>
              <a:gd name="T52" fmla="*/ 12 w 216"/>
              <a:gd name="T53" fmla="*/ 96 h 176"/>
              <a:gd name="T54" fmla="*/ 15 w 216"/>
              <a:gd name="T55" fmla="*/ 59 h 176"/>
              <a:gd name="T56" fmla="*/ 44 w 216"/>
              <a:gd name="T57" fmla="*/ 76 h 176"/>
              <a:gd name="T58" fmla="*/ 73 w 216"/>
              <a:gd name="T59" fmla="*/ 59 h 176"/>
              <a:gd name="T60" fmla="*/ 64 w 216"/>
              <a:gd name="T61" fmla="*/ 85 h 176"/>
              <a:gd name="T62" fmla="*/ 120 w 216"/>
              <a:gd name="T63" fmla="*/ 156 h 176"/>
              <a:gd name="T64" fmla="*/ 108 w 216"/>
              <a:gd name="T65" fmla="*/ 144 h 176"/>
              <a:gd name="T66" fmla="*/ 140 w 216"/>
              <a:gd name="T67" fmla="*/ 112 h 176"/>
              <a:gd name="T68" fmla="*/ 72 w 216"/>
              <a:gd name="T69" fmla="*/ 85 h 176"/>
              <a:gd name="T70" fmla="*/ 105 w 216"/>
              <a:gd name="T71" fmla="*/ 91 h 176"/>
              <a:gd name="T72" fmla="*/ 129 w 216"/>
              <a:gd name="T73" fmla="*/ 73 h 176"/>
              <a:gd name="T74" fmla="*/ 144 w 216"/>
              <a:gd name="T75" fmla="*/ 108 h 176"/>
              <a:gd name="T76" fmla="*/ 152 w 216"/>
              <a:gd name="T77" fmla="*/ 96 h 176"/>
              <a:gd name="T78" fmla="*/ 136 w 216"/>
              <a:gd name="T79" fmla="*/ 67 h 176"/>
              <a:gd name="T80" fmla="*/ 169 w 216"/>
              <a:gd name="T81" fmla="*/ 75 h 176"/>
              <a:gd name="T82" fmla="*/ 193 w 216"/>
              <a:gd name="T83" fmla="*/ 57 h 176"/>
              <a:gd name="T84" fmla="*/ 208 w 216"/>
              <a:gd name="T85" fmla="*/ 92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216" h="176">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08" y="64"/>
                </a:moveTo>
                <a:cubicBezTo>
                  <a:pt x="121" y="64"/>
                  <a:pt x="132" y="53"/>
                  <a:pt x="132" y="40"/>
                </a:cubicBezTo>
                <a:cubicBezTo>
                  <a:pt x="132" y="27"/>
                  <a:pt x="121" y="16"/>
                  <a:pt x="108" y="16"/>
                </a:cubicBezTo>
                <a:cubicBezTo>
                  <a:pt x="95" y="16"/>
                  <a:pt x="84" y="27"/>
                  <a:pt x="84" y="40"/>
                </a:cubicBezTo>
                <a:cubicBezTo>
                  <a:pt x="84" y="53"/>
                  <a:pt x="95" y="64"/>
                  <a:pt x="108" y="64"/>
                </a:cubicBezTo>
                <a:close/>
                <a:moveTo>
                  <a:pt x="108" y="24"/>
                </a:moveTo>
                <a:cubicBezTo>
                  <a:pt x="117" y="24"/>
                  <a:pt x="124" y="31"/>
                  <a:pt x="124" y="40"/>
                </a:cubicBezTo>
                <a:cubicBezTo>
                  <a:pt x="124" y="49"/>
                  <a:pt x="117" y="56"/>
                  <a:pt x="108" y="56"/>
                </a:cubicBezTo>
                <a:cubicBezTo>
                  <a:pt x="99" y="56"/>
                  <a:pt x="92" y="49"/>
                  <a:pt x="92" y="40"/>
                </a:cubicBezTo>
                <a:cubicBezTo>
                  <a:pt x="92" y="31"/>
                  <a:pt x="99" y="24"/>
                  <a:pt x="108" y="24"/>
                </a:cubicBezTo>
                <a:close/>
                <a:moveTo>
                  <a:pt x="172" y="48"/>
                </a:moveTo>
                <a:cubicBezTo>
                  <a:pt x="185" y="48"/>
                  <a:pt x="196" y="37"/>
                  <a:pt x="196" y="24"/>
                </a:cubicBezTo>
                <a:cubicBezTo>
                  <a:pt x="196" y="11"/>
                  <a:pt x="185" y="0"/>
                  <a:pt x="172" y="0"/>
                </a:cubicBezTo>
                <a:cubicBezTo>
                  <a:pt x="159" y="0"/>
                  <a:pt x="148" y="11"/>
                  <a:pt x="148" y="24"/>
                </a:cubicBezTo>
                <a:cubicBezTo>
                  <a:pt x="148" y="37"/>
                  <a:pt x="159" y="48"/>
                  <a:pt x="172" y="48"/>
                </a:cubicBezTo>
                <a:close/>
                <a:moveTo>
                  <a:pt x="172" y="8"/>
                </a:moveTo>
                <a:cubicBezTo>
                  <a:pt x="181" y="8"/>
                  <a:pt x="188" y="15"/>
                  <a:pt x="188" y="24"/>
                </a:cubicBezTo>
                <a:cubicBezTo>
                  <a:pt x="188" y="33"/>
                  <a:pt x="181" y="40"/>
                  <a:pt x="172" y="40"/>
                </a:cubicBezTo>
                <a:cubicBezTo>
                  <a:pt x="163" y="40"/>
                  <a:pt x="156" y="33"/>
                  <a:pt x="156" y="24"/>
                </a:cubicBezTo>
                <a:cubicBezTo>
                  <a:pt x="156" y="15"/>
                  <a:pt x="163" y="8"/>
                  <a:pt x="172" y="8"/>
                </a:cubicBezTo>
                <a:close/>
                <a:moveTo>
                  <a:pt x="204" y="52"/>
                </a:moveTo>
                <a:cubicBezTo>
                  <a:pt x="193" y="48"/>
                  <a:pt x="193" y="48"/>
                  <a:pt x="193" y="48"/>
                </a:cubicBezTo>
                <a:cubicBezTo>
                  <a:pt x="192" y="48"/>
                  <a:pt x="190" y="48"/>
                  <a:pt x="189" y="49"/>
                </a:cubicBezTo>
                <a:cubicBezTo>
                  <a:pt x="172" y="66"/>
                  <a:pt x="172" y="66"/>
                  <a:pt x="172" y="66"/>
                </a:cubicBezTo>
                <a:cubicBezTo>
                  <a:pt x="155" y="49"/>
                  <a:pt x="155" y="49"/>
                  <a:pt x="155" y="49"/>
                </a:cubicBezTo>
                <a:cubicBezTo>
                  <a:pt x="154" y="48"/>
                  <a:pt x="152" y="48"/>
                  <a:pt x="151" y="48"/>
                </a:cubicBezTo>
                <a:cubicBezTo>
                  <a:pt x="140" y="52"/>
                  <a:pt x="140" y="52"/>
                  <a:pt x="140" y="52"/>
                </a:cubicBezTo>
                <a:cubicBezTo>
                  <a:pt x="135" y="54"/>
                  <a:pt x="130" y="58"/>
                  <a:pt x="129" y="64"/>
                </a:cubicBezTo>
                <a:cubicBezTo>
                  <a:pt x="127" y="64"/>
                  <a:pt x="126" y="64"/>
                  <a:pt x="125" y="65"/>
                </a:cubicBezTo>
                <a:cubicBezTo>
                  <a:pt x="108" y="82"/>
                  <a:pt x="108" y="82"/>
                  <a:pt x="108" y="82"/>
                </a:cubicBezTo>
                <a:cubicBezTo>
                  <a:pt x="91" y="65"/>
                  <a:pt x="91" y="65"/>
                  <a:pt x="91" y="65"/>
                </a:cubicBezTo>
                <a:cubicBezTo>
                  <a:pt x="90" y="64"/>
                  <a:pt x="89" y="64"/>
                  <a:pt x="87" y="64"/>
                </a:cubicBezTo>
                <a:cubicBezTo>
                  <a:pt x="86" y="58"/>
                  <a:pt x="81" y="54"/>
                  <a:pt x="76" y="52"/>
                </a:cubicBez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92"/>
                  <a:pt x="0" y="92"/>
                  <a:pt x="0" y="92"/>
                </a:cubicBezTo>
                <a:cubicBezTo>
                  <a:pt x="0" y="99"/>
                  <a:pt x="5" y="104"/>
                  <a:pt x="12" y="104"/>
                </a:cubicBezTo>
                <a:cubicBezTo>
                  <a:pt x="64" y="104"/>
                  <a:pt x="64" y="104"/>
                  <a:pt x="64" y="104"/>
                </a:cubicBezTo>
                <a:cubicBezTo>
                  <a:pt x="64" y="108"/>
                  <a:pt x="64" y="108"/>
                  <a:pt x="64" y="108"/>
                </a:cubicBezTo>
                <a:cubicBezTo>
                  <a:pt x="64" y="115"/>
                  <a:pt x="69" y="120"/>
                  <a:pt x="76" y="120"/>
                </a:cubicBezTo>
                <a:cubicBezTo>
                  <a:pt x="104" y="120"/>
                  <a:pt x="104" y="120"/>
                  <a:pt x="104" y="120"/>
                </a:cubicBezTo>
                <a:cubicBezTo>
                  <a:pt x="104" y="136"/>
                  <a:pt x="104" y="136"/>
                  <a:pt x="104" y="136"/>
                </a:cubicBezTo>
                <a:cubicBezTo>
                  <a:pt x="96" y="138"/>
                  <a:pt x="90" y="144"/>
                  <a:pt x="88" y="152"/>
                </a:cubicBezTo>
                <a:cubicBezTo>
                  <a:pt x="48" y="152"/>
                  <a:pt x="48" y="152"/>
                  <a:pt x="48" y="152"/>
                </a:cubicBezTo>
                <a:cubicBezTo>
                  <a:pt x="46" y="152"/>
                  <a:pt x="44" y="154"/>
                  <a:pt x="44" y="156"/>
                </a:cubicBezTo>
                <a:cubicBezTo>
                  <a:pt x="44" y="158"/>
                  <a:pt x="46" y="160"/>
                  <a:pt x="48" y="160"/>
                </a:cubicBezTo>
                <a:cubicBezTo>
                  <a:pt x="88" y="160"/>
                  <a:pt x="88" y="160"/>
                  <a:pt x="88" y="160"/>
                </a:cubicBezTo>
                <a:cubicBezTo>
                  <a:pt x="90" y="169"/>
                  <a:pt x="98" y="176"/>
                  <a:pt x="108" y="176"/>
                </a:cubicBezTo>
                <a:cubicBezTo>
                  <a:pt x="118" y="176"/>
                  <a:pt x="126" y="169"/>
                  <a:pt x="128" y="160"/>
                </a:cubicBezTo>
                <a:cubicBezTo>
                  <a:pt x="168" y="160"/>
                  <a:pt x="168" y="160"/>
                  <a:pt x="168" y="160"/>
                </a:cubicBezTo>
                <a:cubicBezTo>
                  <a:pt x="170" y="160"/>
                  <a:pt x="172" y="158"/>
                  <a:pt x="172" y="156"/>
                </a:cubicBezTo>
                <a:cubicBezTo>
                  <a:pt x="172" y="154"/>
                  <a:pt x="170" y="152"/>
                  <a:pt x="168" y="152"/>
                </a:cubicBezTo>
                <a:cubicBezTo>
                  <a:pt x="128" y="152"/>
                  <a:pt x="128" y="152"/>
                  <a:pt x="128" y="152"/>
                </a:cubicBezTo>
                <a:cubicBezTo>
                  <a:pt x="126" y="144"/>
                  <a:pt x="120" y="138"/>
                  <a:pt x="112" y="136"/>
                </a:cubicBezTo>
                <a:cubicBezTo>
                  <a:pt x="112" y="120"/>
                  <a:pt x="112" y="120"/>
                  <a:pt x="112" y="120"/>
                </a:cubicBezTo>
                <a:cubicBezTo>
                  <a:pt x="140" y="120"/>
                  <a:pt x="140" y="120"/>
                  <a:pt x="140" y="120"/>
                </a:cubicBezTo>
                <a:cubicBezTo>
                  <a:pt x="140" y="120"/>
                  <a:pt x="140" y="120"/>
                  <a:pt x="140" y="120"/>
                </a:cubicBezTo>
                <a:cubicBezTo>
                  <a:pt x="147" y="120"/>
                  <a:pt x="152" y="115"/>
                  <a:pt x="152" y="108"/>
                </a:cubicBezTo>
                <a:cubicBezTo>
                  <a:pt x="152" y="104"/>
                  <a:pt x="152" y="104"/>
                  <a:pt x="152" y="104"/>
                </a:cubicBezTo>
                <a:cubicBezTo>
                  <a:pt x="204" y="104"/>
                  <a:pt x="204" y="104"/>
                  <a:pt x="204" y="104"/>
                </a:cubicBezTo>
                <a:cubicBezTo>
                  <a:pt x="211" y="104"/>
                  <a:pt x="216" y="99"/>
                  <a:pt x="216" y="92"/>
                </a:cubicBezTo>
                <a:cubicBezTo>
                  <a:pt x="216" y="69"/>
                  <a:pt x="216" y="69"/>
                  <a:pt x="216" y="69"/>
                </a:cubicBezTo>
                <a:cubicBezTo>
                  <a:pt x="216" y="61"/>
                  <a:pt x="211" y="54"/>
                  <a:pt x="204" y="52"/>
                </a:cubicBezTo>
                <a:close/>
                <a:moveTo>
                  <a:pt x="64" y="85"/>
                </a:moveTo>
                <a:cubicBezTo>
                  <a:pt x="64" y="96"/>
                  <a:pt x="64" y="96"/>
                  <a:pt x="64" y="96"/>
                </a:cubicBezTo>
                <a:cubicBezTo>
                  <a:pt x="12" y="96"/>
                  <a:pt x="12" y="96"/>
                  <a:pt x="12" y="96"/>
                </a:cubicBezTo>
                <a:cubicBezTo>
                  <a:pt x="10" y="96"/>
                  <a:pt x="8" y="94"/>
                  <a:pt x="8" y="92"/>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6" y="60"/>
                  <a:pt x="79" y="63"/>
                  <a:pt x="80" y="67"/>
                </a:cubicBezTo>
                <a:cubicBezTo>
                  <a:pt x="76" y="68"/>
                  <a:pt x="76" y="68"/>
                  <a:pt x="76" y="68"/>
                </a:cubicBezTo>
                <a:cubicBezTo>
                  <a:pt x="69" y="70"/>
                  <a:pt x="64" y="77"/>
                  <a:pt x="64" y="85"/>
                </a:cubicBezTo>
                <a:close/>
                <a:moveTo>
                  <a:pt x="120" y="156"/>
                </a:moveTo>
                <a:cubicBezTo>
                  <a:pt x="120" y="156"/>
                  <a:pt x="120" y="156"/>
                  <a:pt x="120" y="156"/>
                </a:cubicBezTo>
                <a:cubicBezTo>
                  <a:pt x="120" y="156"/>
                  <a:pt x="120" y="156"/>
                  <a:pt x="120" y="156"/>
                </a:cubicBezTo>
                <a:cubicBezTo>
                  <a:pt x="120" y="163"/>
                  <a:pt x="115" y="168"/>
                  <a:pt x="108" y="168"/>
                </a:cubicBezTo>
                <a:cubicBezTo>
                  <a:pt x="101" y="168"/>
                  <a:pt x="96" y="163"/>
                  <a:pt x="96" y="156"/>
                </a:cubicBezTo>
                <a:cubicBezTo>
                  <a:pt x="96" y="149"/>
                  <a:pt x="101" y="144"/>
                  <a:pt x="108" y="144"/>
                </a:cubicBezTo>
                <a:cubicBezTo>
                  <a:pt x="115" y="144"/>
                  <a:pt x="120" y="149"/>
                  <a:pt x="120" y="156"/>
                </a:cubicBezTo>
                <a:close/>
                <a:moveTo>
                  <a:pt x="144" y="108"/>
                </a:moveTo>
                <a:cubicBezTo>
                  <a:pt x="144" y="110"/>
                  <a:pt x="142" y="112"/>
                  <a:pt x="140" y="112"/>
                </a:cubicBezTo>
                <a:cubicBezTo>
                  <a:pt x="76" y="112"/>
                  <a:pt x="76" y="112"/>
                  <a:pt x="76" y="112"/>
                </a:cubicBezTo>
                <a:cubicBezTo>
                  <a:pt x="74" y="112"/>
                  <a:pt x="72" y="110"/>
                  <a:pt x="72" y="108"/>
                </a:cubicBezTo>
                <a:cubicBezTo>
                  <a:pt x="72" y="85"/>
                  <a:pt x="72" y="85"/>
                  <a:pt x="72" y="85"/>
                </a:cubicBezTo>
                <a:cubicBezTo>
                  <a:pt x="72" y="81"/>
                  <a:pt x="75" y="77"/>
                  <a:pt x="79" y="75"/>
                </a:cubicBezTo>
                <a:cubicBezTo>
                  <a:pt x="87" y="73"/>
                  <a:pt x="87" y="73"/>
                  <a:pt x="87" y="73"/>
                </a:cubicBezTo>
                <a:cubicBezTo>
                  <a:pt x="105" y="91"/>
                  <a:pt x="105" y="91"/>
                  <a:pt x="105" y="91"/>
                </a:cubicBezTo>
                <a:cubicBezTo>
                  <a:pt x="106" y="92"/>
                  <a:pt x="107" y="92"/>
                  <a:pt x="108" y="92"/>
                </a:cubicBezTo>
                <a:cubicBezTo>
                  <a:pt x="109" y="92"/>
                  <a:pt x="110" y="92"/>
                  <a:pt x="111" y="91"/>
                </a:cubicBezTo>
                <a:cubicBezTo>
                  <a:pt x="129" y="73"/>
                  <a:pt x="129" y="73"/>
                  <a:pt x="129" y="73"/>
                </a:cubicBezTo>
                <a:cubicBezTo>
                  <a:pt x="137" y="75"/>
                  <a:pt x="137" y="75"/>
                  <a:pt x="137" y="75"/>
                </a:cubicBezTo>
                <a:cubicBezTo>
                  <a:pt x="141" y="77"/>
                  <a:pt x="144" y="81"/>
                  <a:pt x="144" y="85"/>
                </a:cubicBezTo>
                <a:lnTo>
                  <a:pt x="144" y="108"/>
                </a:lnTo>
                <a:close/>
                <a:moveTo>
                  <a:pt x="208" y="92"/>
                </a:moveTo>
                <a:cubicBezTo>
                  <a:pt x="208" y="94"/>
                  <a:pt x="206" y="96"/>
                  <a:pt x="204" y="96"/>
                </a:cubicBezTo>
                <a:cubicBezTo>
                  <a:pt x="152" y="96"/>
                  <a:pt x="152" y="96"/>
                  <a:pt x="152" y="96"/>
                </a:cubicBezTo>
                <a:cubicBezTo>
                  <a:pt x="152" y="85"/>
                  <a:pt x="152" y="85"/>
                  <a:pt x="152" y="85"/>
                </a:cubicBezTo>
                <a:cubicBezTo>
                  <a:pt x="152" y="77"/>
                  <a:pt x="147" y="70"/>
                  <a:pt x="140" y="68"/>
                </a:cubicBezTo>
                <a:cubicBezTo>
                  <a:pt x="136" y="67"/>
                  <a:pt x="136" y="67"/>
                  <a:pt x="136" y="67"/>
                </a:cubicBezTo>
                <a:cubicBezTo>
                  <a:pt x="137" y="63"/>
                  <a:pt x="140" y="60"/>
                  <a:pt x="143" y="59"/>
                </a:cubicBezTo>
                <a:cubicBezTo>
                  <a:pt x="151" y="57"/>
                  <a:pt x="151" y="57"/>
                  <a:pt x="151" y="57"/>
                </a:cubicBezTo>
                <a:cubicBezTo>
                  <a:pt x="169" y="75"/>
                  <a:pt x="169" y="75"/>
                  <a:pt x="169" y="75"/>
                </a:cubicBezTo>
                <a:cubicBezTo>
                  <a:pt x="170" y="76"/>
                  <a:pt x="171" y="76"/>
                  <a:pt x="172" y="76"/>
                </a:cubicBezTo>
                <a:cubicBezTo>
                  <a:pt x="173" y="76"/>
                  <a:pt x="174" y="76"/>
                  <a:pt x="175" y="75"/>
                </a:cubicBezTo>
                <a:cubicBezTo>
                  <a:pt x="193" y="57"/>
                  <a:pt x="193" y="57"/>
                  <a:pt x="193" y="57"/>
                </a:cubicBezTo>
                <a:cubicBezTo>
                  <a:pt x="201" y="59"/>
                  <a:pt x="201" y="59"/>
                  <a:pt x="201" y="59"/>
                </a:cubicBezTo>
                <a:cubicBezTo>
                  <a:pt x="205" y="61"/>
                  <a:pt x="208" y="65"/>
                  <a:pt x="208" y="69"/>
                </a:cubicBezTo>
                <a:lnTo>
                  <a:pt x="208" y="9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8" name="Freeform 31">
            <a:extLst>
              <a:ext uri="{FF2B5EF4-FFF2-40B4-BE49-F238E27FC236}">
                <a16:creationId xmlns:a16="http://schemas.microsoft.com/office/drawing/2014/main" id="{2B88775A-2500-A76C-9BA5-5F4994D17403}"/>
              </a:ext>
              <a:ext uri="{C183D7F6-B498-43B3-948B-1728B52AA6E4}">
                <adec:decorative xmlns:adec="http://schemas.microsoft.com/office/drawing/2017/decorative" val="1"/>
              </a:ext>
            </a:extLst>
          </p:cNvPr>
          <p:cNvSpPr>
            <a:spLocks noEditPoints="1"/>
          </p:cNvSpPr>
          <p:nvPr/>
        </p:nvSpPr>
        <p:spPr bwMode="auto">
          <a:xfrm>
            <a:off x="9653668" y="2098554"/>
            <a:ext cx="440762" cy="293841"/>
          </a:xfrm>
          <a:custGeom>
            <a:avLst/>
            <a:gdLst>
              <a:gd name="T0" fmla="*/ 216 w 240"/>
              <a:gd name="T1" fmla="*/ 128 h 160"/>
              <a:gd name="T2" fmla="*/ 240 w 240"/>
              <a:gd name="T3" fmla="*/ 60 h 160"/>
              <a:gd name="T4" fmla="*/ 226 w 240"/>
              <a:gd name="T5" fmla="*/ 35 h 160"/>
              <a:gd name="T6" fmla="*/ 215 w 240"/>
              <a:gd name="T7" fmla="*/ 9 h 160"/>
              <a:gd name="T8" fmla="*/ 191 w 240"/>
              <a:gd name="T9" fmla="*/ 0 h 160"/>
              <a:gd name="T10" fmla="*/ 36 w 240"/>
              <a:gd name="T11" fmla="*/ 8 h 160"/>
              <a:gd name="T12" fmla="*/ 24 w 240"/>
              <a:gd name="T13" fmla="*/ 128 h 160"/>
              <a:gd name="T14" fmla="*/ 1 w 240"/>
              <a:gd name="T15" fmla="*/ 129 h 160"/>
              <a:gd name="T16" fmla="*/ 0 w 240"/>
              <a:gd name="T17" fmla="*/ 140 h 160"/>
              <a:gd name="T18" fmla="*/ 220 w 240"/>
              <a:gd name="T19" fmla="*/ 160 h 160"/>
              <a:gd name="T20" fmla="*/ 240 w 240"/>
              <a:gd name="T21" fmla="*/ 132 h 160"/>
              <a:gd name="T22" fmla="*/ 236 w 240"/>
              <a:gd name="T23" fmla="*/ 128 h 160"/>
              <a:gd name="T24" fmla="*/ 200 w 240"/>
              <a:gd name="T25" fmla="*/ 88 h 160"/>
              <a:gd name="T26" fmla="*/ 208 w 240"/>
              <a:gd name="T27" fmla="*/ 128 h 160"/>
              <a:gd name="T28" fmla="*/ 123 w 240"/>
              <a:gd name="T29" fmla="*/ 47 h 160"/>
              <a:gd name="T30" fmla="*/ 125 w 240"/>
              <a:gd name="T31" fmla="*/ 88 h 160"/>
              <a:gd name="T32" fmla="*/ 192 w 240"/>
              <a:gd name="T33" fmla="*/ 128 h 160"/>
              <a:gd name="T34" fmla="*/ 133 w 240"/>
              <a:gd name="T35" fmla="*/ 129 h 160"/>
              <a:gd name="T36" fmla="*/ 128 w 240"/>
              <a:gd name="T37" fmla="*/ 136 h 160"/>
              <a:gd name="T38" fmla="*/ 108 w 240"/>
              <a:gd name="T39" fmla="*/ 132 h 160"/>
              <a:gd name="T40" fmla="*/ 104 w 240"/>
              <a:gd name="T41" fmla="*/ 128 h 160"/>
              <a:gd name="T42" fmla="*/ 48 w 240"/>
              <a:gd name="T43" fmla="*/ 32 h 160"/>
              <a:gd name="T44" fmla="*/ 123 w 240"/>
              <a:gd name="T45" fmla="*/ 46 h 160"/>
              <a:gd name="T46" fmla="*/ 191 w 240"/>
              <a:gd name="T47" fmla="*/ 8 h 160"/>
              <a:gd name="T48" fmla="*/ 209 w 240"/>
              <a:gd name="T49" fmla="*/ 15 h 160"/>
              <a:gd name="T50" fmla="*/ 218 w 240"/>
              <a:gd name="T51" fmla="*/ 35 h 160"/>
              <a:gd name="T52" fmla="*/ 220 w 240"/>
              <a:gd name="T53" fmla="*/ 42 h 160"/>
              <a:gd name="T54" fmla="*/ 212 w 240"/>
              <a:gd name="T55" fmla="*/ 80 h 160"/>
              <a:gd name="T56" fmla="*/ 112 w 240"/>
              <a:gd name="T57" fmla="*/ 68 h 160"/>
              <a:gd name="T58" fmla="*/ 127 w 240"/>
              <a:gd name="T59" fmla="*/ 55 h 160"/>
              <a:gd name="T60" fmla="*/ 131 w 240"/>
              <a:gd name="T61" fmla="*/ 50 h 160"/>
              <a:gd name="T62" fmla="*/ 148 w 240"/>
              <a:gd name="T63" fmla="*/ 29 h 160"/>
              <a:gd name="T64" fmla="*/ 157 w 240"/>
              <a:gd name="T65" fmla="*/ 31 h 160"/>
              <a:gd name="T66" fmla="*/ 158 w 240"/>
              <a:gd name="T67" fmla="*/ 32 h 160"/>
              <a:gd name="T68" fmla="*/ 158 w 240"/>
              <a:gd name="T69" fmla="*/ 32 h 160"/>
              <a:gd name="T70" fmla="*/ 160 w 240"/>
              <a:gd name="T71" fmla="*/ 33 h 160"/>
              <a:gd name="T72" fmla="*/ 161 w 240"/>
              <a:gd name="T73" fmla="*/ 33 h 160"/>
              <a:gd name="T74" fmla="*/ 162 w 240"/>
              <a:gd name="T75" fmla="*/ 33 h 160"/>
              <a:gd name="T76" fmla="*/ 164 w 240"/>
              <a:gd name="T77" fmla="*/ 30 h 160"/>
              <a:gd name="T78" fmla="*/ 191 w 240"/>
              <a:gd name="T79" fmla="*/ 8 h 160"/>
              <a:gd name="T80" fmla="*/ 36 w 240"/>
              <a:gd name="T81" fmla="*/ 16 h 160"/>
              <a:gd name="T82" fmla="*/ 158 w 240"/>
              <a:gd name="T83" fmla="*/ 23 h 160"/>
              <a:gd name="T84" fmla="*/ 137 w 240"/>
              <a:gd name="T85" fmla="*/ 24 h 160"/>
              <a:gd name="T86" fmla="*/ 41 w 240"/>
              <a:gd name="T87" fmla="*/ 25 h 160"/>
              <a:gd name="T88" fmla="*/ 40 w 240"/>
              <a:gd name="T89" fmla="*/ 128 h 160"/>
              <a:gd name="T90" fmla="*/ 32 w 240"/>
              <a:gd name="T91" fmla="*/ 20 h 160"/>
              <a:gd name="T92" fmla="*/ 220 w 240"/>
              <a:gd name="T93" fmla="*/ 152 h 160"/>
              <a:gd name="T94" fmla="*/ 8 w 240"/>
              <a:gd name="T95" fmla="*/ 140 h 160"/>
              <a:gd name="T96" fmla="*/ 101 w 240"/>
              <a:gd name="T97" fmla="*/ 136 h 160"/>
              <a:gd name="T98" fmla="*/ 128 w 240"/>
              <a:gd name="T99" fmla="*/ 144 h 160"/>
              <a:gd name="T100" fmla="*/ 232 w 240"/>
              <a:gd name="T101" fmla="*/ 136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240" h="160">
                <a:moveTo>
                  <a:pt x="236" y="128"/>
                </a:moveTo>
                <a:cubicBezTo>
                  <a:pt x="216" y="128"/>
                  <a:pt x="216" y="128"/>
                  <a:pt x="216" y="128"/>
                </a:cubicBezTo>
                <a:cubicBezTo>
                  <a:pt x="216" y="88"/>
                  <a:pt x="216" y="88"/>
                  <a:pt x="216" y="88"/>
                </a:cubicBezTo>
                <a:cubicBezTo>
                  <a:pt x="230" y="86"/>
                  <a:pt x="240" y="74"/>
                  <a:pt x="240" y="60"/>
                </a:cubicBezTo>
                <a:cubicBezTo>
                  <a:pt x="240" y="50"/>
                  <a:pt x="234" y="41"/>
                  <a:pt x="226" y="36"/>
                </a:cubicBezTo>
                <a:cubicBezTo>
                  <a:pt x="226" y="36"/>
                  <a:pt x="226" y="35"/>
                  <a:pt x="226" y="35"/>
                </a:cubicBezTo>
                <a:cubicBezTo>
                  <a:pt x="226" y="25"/>
                  <a:pt x="222" y="16"/>
                  <a:pt x="215" y="10"/>
                </a:cubicBezTo>
                <a:cubicBezTo>
                  <a:pt x="215" y="10"/>
                  <a:pt x="215" y="9"/>
                  <a:pt x="215" y="9"/>
                </a:cubicBezTo>
                <a:cubicBezTo>
                  <a:pt x="214" y="9"/>
                  <a:pt x="214" y="9"/>
                  <a:pt x="214" y="8"/>
                </a:cubicBezTo>
                <a:cubicBezTo>
                  <a:pt x="207" y="3"/>
                  <a:pt x="200" y="0"/>
                  <a:pt x="191" y="0"/>
                </a:cubicBezTo>
                <a:cubicBezTo>
                  <a:pt x="183" y="0"/>
                  <a:pt x="175" y="3"/>
                  <a:pt x="169" y="8"/>
                </a:cubicBezTo>
                <a:cubicBezTo>
                  <a:pt x="36" y="8"/>
                  <a:pt x="36" y="8"/>
                  <a:pt x="36" y="8"/>
                </a:cubicBezTo>
                <a:cubicBezTo>
                  <a:pt x="29" y="8"/>
                  <a:pt x="24" y="13"/>
                  <a:pt x="24" y="20"/>
                </a:cubicBezTo>
                <a:cubicBezTo>
                  <a:pt x="24" y="128"/>
                  <a:pt x="24" y="128"/>
                  <a:pt x="24" y="128"/>
                </a:cubicBezTo>
                <a:cubicBezTo>
                  <a:pt x="4" y="128"/>
                  <a:pt x="4" y="128"/>
                  <a:pt x="4" y="128"/>
                </a:cubicBezTo>
                <a:cubicBezTo>
                  <a:pt x="3" y="128"/>
                  <a:pt x="2" y="128"/>
                  <a:pt x="1" y="129"/>
                </a:cubicBezTo>
                <a:cubicBezTo>
                  <a:pt x="0" y="130"/>
                  <a:pt x="0" y="131"/>
                  <a:pt x="0" y="132"/>
                </a:cubicBezTo>
                <a:cubicBezTo>
                  <a:pt x="0" y="140"/>
                  <a:pt x="0" y="140"/>
                  <a:pt x="0" y="140"/>
                </a:cubicBezTo>
                <a:cubicBezTo>
                  <a:pt x="0" y="151"/>
                  <a:pt x="9" y="160"/>
                  <a:pt x="20" y="160"/>
                </a:cubicBezTo>
                <a:cubicBezTo>
                  <a:pt x="220" y="160"/>
                  <a:pt x="220" y="160"/>
                  <a:pt x="220" y="160"/>
                </a:cubicBezTo>
                <a:cubicBezTo>
                  <a:pt x="231" y="160"/>
                  <a:pt x="240" y="151"/>
                  <a:pt x="240" y="140"/>
                </a:cubicBezTo>
                <a:cubicBezTo>
                  <a:pt x="240" y="132"/>
                  <a:pt x="240" y="132"/>
                  <a:pt x="240" y="132"/>
                </a:cubicBezTo>
                <a:cubicBezTo>
                  <a:pt x="240" y="131"/>
                  <a:pt x="240" y="130"/>
                  <a:pt x="239" y="129"/>
                </a:cubicBezTo>
                <a:cubicBezTo>
                  <a:pt x="238" y="128"/>
                  <a:pt x="237" y="128"/>
                  <a:pt x="236" y="128"/>
                </a:cubicBezTo>
                <a:close/>
                <a:moveTo>
                  <a:pt x="200" y="128"/>
                </a:moveTo>
                <a:cubicBezTo>
                  <a:pt x="200" y="88"/>
                  <a:pt x="200" y="88"/>
                  <a:pt x="200" y="88"/>
                </a:cubicBezTo>
                <a:cubicBezTo>
                  <a:pt x="208" y="88"/>
                  <a:pt x="208" y="88"/>
                  <a:pt x="208" y="88"/>
                </a:cubicBezTo>
                <a:cubicBezTo>
                  <a:pt x="208" y="128"/>
                  <a:pt x="208" y="128"/>
                  <a:pt x="208" y="128"/>
                </a:cubicBezTo>
                <a:lnTo>
                  <a:pt x="200" y="128"/>
                </a:lnTo>
                <a:close/>
                <a:moveTo>
                  <a:pt x="123" y="47"/>
                </a:moveTo>
                <a:cubicBezTo>
                  <a:pt x="112" y="48"/>
                  <a:pt x="104" y="57"/>
                  <a:pt x="104" y="68"/>
                </a:cubicBezTo>
                <a:cubicBezTo>
                  <a:pt x="104" y="79"/>
                  <a:pt x="113" y="88"/>
                  <a:pt x="125" y="88"/>
                </a:cubicBezTo>
                <a:cubicBezTo>
                  <a:pt x="192" y="88"/>
                  <a:pt x="192" y="88"/>
                  <a:pt x="192" y="88"/>
                </a:cubicBezTo>
                <a:cubicBezTo>
                  <a:pt x="192" y="128"/>
                  <a:pt x="192" y="128"/>
                  <a:pt x="192" y="128"/>
                </a:cubicBezTo>
                <a:cubicBezTo>
                  <a:pt x="136" y="128"/>
                  <a:pt x="136" y="128"/>
                  <a:pt x="136" y="128"/>
                </a:cubicBezTo>
                <a:cubicBezTo>
                  <a:pt x="135" y="128"/>
                  <a:pt x="134" y="128"/>
                  <a:pt x="133" y="129"/>
                </a:cubicBezTo>
                <a:cubicBezTo>
                  <a:pt x="132" y="130"/>
                  <a:pt x="132" y="131"/>
                  <a:pt x="132" y="132"/>
                </a:cubicBezTo>
                <a:cubicBezTo>
                  <a:pt x="132" y="134"/>
                  <a:pt x="130" y="136"/>
                  <a:pt x="128" y="136"/>
                </a:cubicBezTo>
                <a:cubicBezTo>
                  <a:pt x="112" y="136"/>
                  <a:pt x="112" y="136"/>
                  <a:pt x="112" y="136"/>
                </a:cubicBezTo>
                <a:cubicBezTo>
                  <a:pt x="110" y="136"/>
                  <a:pt x="108" y="134"/>
                  <a:pt x="108" y="132"/>
                </a:cubicBezTo>
                <a:cubicBezTo>
                  <a:pt x="108" y="131"/>
                  <a:pt x="108" y="130"/>
                  <a:pt x="107" y="129"/>
                </a:cubicBezTo>
                <a:cubicBezTo>
                  <a:pt x="106" y="128"/>
                  <a:pt x="105" y="128"/>
                  <a:pt x="104" y="128"/>
                </a:cubicBezTo>
                <a:cubicBezTo>
                  <a:pt x="48" y="128"/>
                  <a:pt x="48" y="128"/>
                  <a:pt x="48" y="128"/>
                </a:cubicBezTo>
                <a:cubicBezTo>
                  <a:pt x="48" y="32"/>
                  <a:pt x="48" y="32"/>
                  <a:pt x="48" y="32"/>
                </a:cubicBezTo>
                <a:cubicBezTo>
                  <a:pt x="127" y="32"/>
                  <a:pt x="127" y="32"/>
                  <a:pt x="127" y="32"/>
                </a:cubicBezTo>
                <a:cubicBezTo>
                  <a:pt x="125" y="36"/>
                  <a:pt x="123" y="41"/>
                  <a:pt x="123" y="46"/>
                </a:cubicBezTo>
                <a:cubicBezTo>
                  <a:pt x="123" y="47"/>
                  <a:pt x="123" y="47"/>
                  <a:pt x="123" y="47"/>
                </a:cubicBezTo>
                <a:close/>
                <a:moveTo>
                  <a:pt x="191" y="8"/>
                </a:moveTo>
                <a:cubicBezTo>
                  <a:pt x="198" y="8"/>
                  <a:pt x="204" y="11"/>
                  <a:pt x="209" y="15"/>
                </a:cubicBezTo>
                <a:cubicBezTo>
                  <a:pt x="209" y="15"/>
                  <a:pt x="209" y="15"/>
                  <a:pt x="209" y="15"/>
                </a:cubicBezTo>
                <a:cubicBezTo>
                  <a:pt x="209" y="15"/>
                  <a:pt x="209" y="15"/>
                  <a:pt x="209" y="15"/>
                </a:cubicBezTo>
                <a:cubicBezTo>
                  <a:pt x="214" y="20"/>
                  <a:pt x="218" y="27"/>
                  <a:pt x="218" y="35"/>
                </a:cubicBezTo>
                <a:cubicBezTo>
                  <a:pt x="218" y="36"/>
                  <a:pt x="218" y="37"/>
                  <a:pt x="217" y="38"/>
                </a:cubicBezTo>
                <a:cubicBezTo>
                  <a:pt x="217" y="40"/>
                  <a:pt x="218" y="42"/>
                  <a:pt x="220" y="42"/>
                </a:cubicBezTo>
                <a:cubicBezTo>
                  <a:pt x="227" y="45"/>
                  <a:pt x="232" y="52"/>
                  <a:pt x="232" y="60"/>
                </a:cubicBezTo>
                <a:cubicBezTo>
                  <a:pt x="232" y="71"/>
                  <a:pt x="223" y="80"/>
                  <a:pt x="212" y="80"/>
                </a:cubicBezTo>
                <a:cubicBezTo>
                  <a:pt x="125" y="80"/>
                  <a:pt x="125" y="80"/>
                  <a:pt x="125" y="80"/>
                </a:cubicBezTo>
                <a:cubicBezTo>
                  <a:pt x="118" y="80"/>
                  <a:pt x="112" y="74"/>
                  <a:pt x="112" y="68"/>
                </a:cubicBezTo>
                <a:cubicBezTo>
                  <a:pt x="112" y="61"/>
                  <a:pt x="118" y="55"/>
                  <a:pt x="125" y="55"/>
                </a:cubicBezTo>
                <a:cubicBezTo>
                  <a:pt x="125" y="55"/>
                  <a:pt x="126" y="55"/>
                  <a:pt x="127" y="55"/>
                </a:cubicBezTo>
                <a:cubicBezTo>
                  <a:pt x="128" y="56"/>
                  <a:pt x="130" y="55"/>
                  <a:pt x="130" y="54"/>
                </a:cubicBezTo>
                <a:cubicBezTo>
                  <a:pt x="131" y="53"/>
                  <a:pt x="132" y="52"/>
                  <a:pt x="131" y="50"/>
                </a:cubicBezTo>
                <a:cubicBezTo>
                  <a:pt x="131" y="49"/>
                  <a:pt x="131" y="48"/>
                  <a:pt x="131" y="46"/>
                </a:cubicBezTo>
                <a:cubicBezTo>
                  <a:pt x="131" y="37"/>
                  <a:pt x="139" y="29"/>
                  <a:pt x="148" y="29"/>
                </a:cubicBezTo>
                <a:cubicBezTo>
                  <a:pt x="151" y="29"/>
                  <a:pt x="154" y="30"/>
                  <a:pt x="157" y="31"/>
                </a:cubicBezTo>
                <a:cubicBezTo>
                  <a:pt x="157" y="31"/>
                  <a:pt x="157" y="31"/>
                  <a:pt x="157" y="31"/>
                </a:cubicBezTo>
                <a:cubicBezTo>
                  <a:pt x="157" y="32"/>
                  <a:pt x="157" y="32"/>
                  <a:pt x="157" y="32"/>
                </a:cubicBezTo>
                <a:cubicBezTo>
                  <a:pt x="158" y="32"/>
                  <a:pt x="158" y="32"/>
                  <a:pt x="158" y="32"/>
                </a:cubicBezTo>
                <a:cubicBezTo>
                  <a:pt x="158" y="32"/>
                  <a:pt x="158" y="32"/>
                  <a:pt x="158" y="32"/>
                </a:cubicBezTo>
                <a:cubicBezTo>
                  <a:pt x="158" y="32"/>
                  <a:pt x="158" y="32"/>
                  <a:pt x="158" y="32"/>
                </a:cubicBezTo>
                <a:cubicBezTo>
                  <a:pt x="159" y="33"/>
                  <a:pt x="159" y="33"/>
                  <a:pt x="159" y="33"/>
                </a:cubicBezTo>
                <a:cubicBezTo>
                  <a:pt x="159" y="33"/>
                  <a:pt x="160" y="33"/>
                  <a:pt x="160" y="33"/>
                </a:cubicBezTo>
                <a:cubicBezTo>
                  <a:pt x="160" y="33"/>
                  <a:pt x="160" y="33"/>
                  <a:pt x="160" y="33"/>
                </a:cubicBezTo>
                <a:cubicBezTo>
                  <a:pt x="161" y="33"/>
                  <a:pt x="161" y="33"/>
                  <a:pt x="161" y="33"/>
                </a:cubicBezTo>
                <a:cubicBezTo>
                  <a:pt x="161" y="33"/>
                  <a:pt x="161" y="33"/>
                  <a:pt x="161" y="33"/>
                </a:cubicBezTo>
                <a:cubicBezTo>
                  <a:pt x="161" y="33"/>
                  <a:pt x="162" y="33"/>
                  <a:pt x="162" y="33"/>
                </a:cubicBezTo>
                <a:cubicBezTo>
                  <a:pt x="162" y="33"/>
                  <a:pt x="162" y="33"/>
                  <a:pt x="162" y="33"/>
                </a:cubicBezTo>
                <a:cubicBezTo>
                  <a:pt x="163" y="32"/>
                  <a:pt x="164" y="31"/>
                  <a:pt x="164" y="30"/>
                </a:cubicBezTo>
                <a:cubicBezTo>
                  <a:pt x="165" y="30"/>
                  <a:pt x="165" y="30"/>
                  <a:pt x="165" y="30"/>
                </a:cubicBezTo>
                <a:cubicBezTo>
                  <a:pt x="167" y="17"/>
                  <a:pt x="178" y="8"/>
                  <a:pt x="191" y="8"/>
                </a:cubicBezTo>
                <a:close/>
                <a:moveTo>
                  <a:pt x="32" y="20"/>
                </a:moveTo>
                <a:cubicBezTo>
                  <a:pt x="32" y="18"/>
                  <a:pt x="34" y="16"/>
                  <a:pt x="36" y="16"/>
                </a:cubicBezTo>
                <a:cubicBezTo>
                  <a:pt x="162" y="16"/>
                  <a:pt x="162" y="16"/>
                  <a:pt x="162" y="16"/>
                </a:cubicBezTo>
                <a:cubicBezTo>
                  <a:pt x="160" y="18"/>
                  <a:pt x="159" y="21"/>
                  <a:pt x="158" y="23"/>
                </a:cubicBezTo>
                <a:cubicBezTo>
                  <a:pt x="155" y="22"/>
                  <a:pt x="152" y="21"/>
                  <a:pt x="148" y="21"/>
                </a:cubicBezTo>
                <a:cubicBezTo>
                  <a:pt x="144" y="21"/>
                  <a:pt x="140" y="22"/>
                  <a:pt x="137" y="24"/>
                </a:cubicBezTo>
                <a:cubicBezTo>
                  <a:pt x="44" y="24"/>
                  <a:pt x="44" y="24"/>
                  <a:pt x="44" y="24"/>
                </a:cubicBezTo>
                <a:cubicBezTo>
                  <a:pt x="43" y="24"/>
                  <a:pt x="42" y="24"/>
                  <a:pt x="41" y="25"/>
                </a:cubicBezTo>
                <a:cubicBezTo>
                  <a:pt x="40" y="26"/>
                  <a:pt x="40" y="27"/>
                  <a:pt x="40" y="28"/>
                </a:cubicBezTo>
                <a:cubicBezTo>
                  <a:pt x="40" y="128"/>
                  <a:pt x="40" y="128"/>
                  <a:pt x="40" y="128"/>
                </a:cubicBezTo>
                <a:cubicBezTo>
                  <a:pt x="32" y="128"/>
                  <a:pt x="32" y="128"/>
                  <a:pt x="32" y="128"/>
                </a:cubicBezTo>
                <a:lnTo>
                  <a:pt x="32" y="20"/>
                </a:lnTo>
                <a:close/>
                <a:moveTo>
                  <a:pt x="232" y="140"/>
                </a:moveTo>
                <a:cubicBezTo>
                  <a:pt x="232" y="147"/>
                  <a:pt x="227" y="152"/>
                  <a:pt x="220" y="152"/>
                </a:cubicBezTo>
                <a:cubicBezTo>
                  <a:pt x="20" y="152"/>
                  <a:pt x="20" y="152"/>
                  <a:pt x="20" y="152"/>
                </a:cubicBezTo>
                <a:cubicBezTo>
                  <a:pt x="13" y="152"/>
                  <a:pt x="8" y="147"/>
                  <a:pt x="8" y="140"/>
                </a:cubicBezTo>
                <a:cubicBezTo>
                  <a:pt x="8" y="136"/>
                  <a:pt x="8" y="136"/>
                  <a:pt x="8" y="136"/>
                </a:cubicBezTo>
                <a:cubicBezTo>
                  <a:pt x="101" y="136"/>
                  <a:pt x="101" y="136"/>
                  <a:pt x="101" y="136"/>
                </a:cubicBezTo>
                <a:cubicBezTo>
                  <a:pt x="102" y="141"/>
                  <a:pt x="107" y="144"/>
                  <a:pt x="112" y="144"/>
                </a:cubicBezTo>
                <a:cubicBezTo>
                  <a:pt x="128" y="144"/>
                  <a:pt x="128" y="144"/>
                  <a:pt x="128" y="144"/>
                </a:cubicBezTo>
                <a:cubicBezTo>
                  <a:pt x="133" y="144"/>
                  <a:pt x="138" y="141"/>
                  <a:pt x="139" y="136"/>
                </a:cubicBezTo>
                <a:cubicBezTo>
                  <a:pt x="232" y="136"/>
                  <a:pt x="232" y="136"/>
                  <a:pt x="232" y="136"/>
                </a:cubicBezTo>
                <a:lnTo>
                  <a:pt x="232" y="140"/>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nvGrpSpPr>
          <p:cNvPr id="19" name="Graphic 2">
            <a:extLst>
              <a:ext uri="{FF2B5EF4-FFF2-40B4-BE49-F238E27FC236}">
                <a16:creationId xmlns:a16="http://schemas.microsoft.com/office/drawing/2014/main" id="{9C802D99-9AFA-D0C6-891B-70C6CE574C62}"/>
              </a:ext>
              <a:ext uri="{C183D7F6-B498-43B3-948B-1728B52AA6E4}">
                <adec:decorative xmlns:adec="http://schemas.microsoft.com/office/drawing/2017/decorative" val="1"/>
              </a:ext>
            </a:extLst>
          </p:cNvPr>
          <p:cNvGrpSpPr/>
          <p:nvPr/>
        </p:nvGrpSpPr>
        <p:grpSpPr>
          <a:xfrm>
            <a:off x="9685592" y="3572524"/>
            <a:ext cx="383114" cy="332540"/>
            <a:chOff x="1196841" y="1125489"/>
            <a:chExt cx="749958" cy="650962"/>
          </a:xfrm>
          <a:solidFill>
            <a:schemeClr val="tx1"/>
          </a:solidFill>
        </p:grpSpPr>
        <p:sp>
          <p:nvSpPr>
            <p:cNvPr id="20" name="Free-form: Shape 84">
              <a:extLst>
                <a:ext uri="{FF2B5EF4-FFF2-40B4-BE49-F238E27FC236}">
                  <a16:creationId xmlns:a16="http://schemas.microsoft.com/office/drawing/2014/main" id="{55BF103A-028A-1695-B255-D89ACD2B71E4}"/>
                </a:ext>
              </a:extLst>
            </p:cNvPr>
            <p:cNvSpPr/>
            <p:nvPr/>
          </p:nvSpPr>
          <p:spPr>
            <a:xfrm>
              <a:off x="1686203" y="1464791"/>
              <a:ext cx="156403" cy="307470"/>
            </a:xfrm>
            <a:custGeom>
              <a:avLst/>
              <a:gdLst>
                <a:gd name="connsiteX0" fmla="*/ 148896 w 156403"/>
                <a:gd name="connsiteY0" fmla="*/ 307471 h 307470"/>
                <a:gd name="connsiteX1" fmla="*/ 142161 w 156403"/>
                <a:gd name="connsiteY1" fmla="*/ 303230 h 307470"/>
                <a:gd name="connsiteX2" fmla="*/ 748 w 156403"/>
                <a:gd name="connsiteY2" fmla="*/ 10751 h 307470"/>
                <a:gd name="connsiteX3" fmla="*/ 4240 w 156403"/>
                <a:gd name="connsiteY3" fmla="*/ 748 h 307470"/>
                <a:gd name="connsiteX4" fmla="*/ 14243 w 156403"/>
                <a:gd name="connsiteY4" fmla="*/ 4240 h 307470"/>
                <a:gd name="connsiteX5" fmla="*/ 155656 w 156403"/>
                <a:gd name="connsiteY5" fmla="*/ 296719 h 307470"/>
                <a:gd name="connsiteX6" fmla="*/ 152164 w 156403"/>
                <a:gd name="connsiteY6" fmla="*/ 306722 h 307470"/>
                <a:gd name="connsiteX7" fmla="*/ 148921 w 156403"/>
                <a:gd name="connsiteY7" fmla="*/ 307471 h 3074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56403" h="307470">
                  <a:moveTo>
                    <a:pt x="148896" y="307471"/>
                  </a:moveTo>
                  <a:cubicBezTo>
                    <a:pt x="146127" y="307471"/>
                    <a:pt x="143433" y="305924"/>
                    <a:pt x="142161" y="303230"/>
                  </a:cubicBezTo>
                  <a:lnTo>
                    <a:pt x="748" y="10751"/>
                  </a:lnTo>
                  <a:cubicBezTo>
                    <a:pt x="-1048" y="7034"/>
                    <a:pt x="498" y="2544"/>
                    <a:pt x="4240" y="748"/>
                  </a:cubicBezTo>
                  <a:cubicBezTo>
                    <a:pt x="7957" y="-1048"/>
                    <a:pt x="12447" y="498"/>
                    <a:pt x="14243" y="4240"/>
                  </a:cubicBezTo>
                  <a:lnTo>
                    <a:pt x="155656" y="296719"/>
                  </a:lnTo>
                  <a:cubicBezTo>
                    <a:pt x="157452" y="300436"/>
                    <a:pt x="155905" y="304926"/>
                    <a:pt x="152164" y="306722"/>
                  </a:cubicBezTo>
                  <a:cubicBezTo>
                    <a:pt x="151116" y="307221"/>
                    <a:pt x="149993" y="307471"/>
                    <a:pt x="148921" y="307471"/>
                  </a:cubicBezTo>
                  <a:close/>
                </a:path>
              </a:pathLst>
            </a:custGeom>
            <a:grpFill/>
            <a:ln w="3175" cap="flat">
              <a:solidFill>
                <a:schemeClr val="tx1"/>
              </a:solidFill>
              <a:prstDash val="solid"/>
              <a:miter/>
            </a:ln>
          </p:spPr>
          <p:txBody>
            <a:bodyPr rtlCol="0" anchor="ctr"/>
            <a:lstStyle/>
            <a:p>
              <a:endParaRPr lang="da-DK" noProof="0" dirty="0"/>
            </a:p>
          </p:txBody>
        </p:sp>
        <p:sp>
          <p:nvSpPr>
            <p:cNvPr id="21" name="Free-form: Shape 85">
              <a:extLst>
                <a:ext uri="{FF2B5EF4-FFF2-40B4-BE49-F238E27FC236}">
                  <a16:creationId xmlns:a16="http://schemas.microsoft.com/office/drawing/2014/main" id="{FEC5ADFE-12BB-0A16-F306-A118D8C74ABB}"/>
                </a:ext>
              </a:extLst>
            </p:cNvPr>
            <p:cNvSpPr/>
            <p:nvPr/>
          </p:nvSpPr>
          <p:spPr>
            <a:xfrm>
              <a:off x="1301082" y="1464806"/>
              <a:ext cx="156395" cy="307455"/>
            </a:xfrm>
            <a:custGeom>
              <a:avLst/>
              <a:gdLst>
                <a:gd name="connsiteX0" fmla="*/ 7479 w 156395"/>
                <a:gd name="connsiteY0" fmla="*/ 307455 h 307455"/>
                <a:gd name="connsiteX1" fmla="*/ 4236 w 156395"/>
                <a:gd name="connsiteY1" fmla="*/ 306707 h 307455"/>
                <a:gd name="connsiteX2" fmla="*/ 744 w 156395"/>
                <a:gd name="connsiteY2" fmla="*/ 296704 h 307455"/>
                <a:gd name="connsiteX3" fmla="*/ 142156 w 156395"/>
                <a:gd name="connsiteY3" fmla="*/ 4225 h 307455"/>
                <a:gd name="connsiteX4" fmla="*/ 152159 w 156395"/>
                <a:gd name="connsiteY4" fmla="*/ 733 h 307455"/>
                <a:gd name="connsiteX5" fmla="*/ 155652 w 156395"/>
                <a:gd name="connsiteY5" fmla="*/ 10735 h 307455"/>
                <a:gd name="connsiteX6" fmla="*/ 14239 w 156395"/>
                <a:gd name="connsiteY6" fmla="*/ 303215 h 307455"/>
                <a:gd name="connsiteX7" fmla="*/ 7504 w 156395"/>
                <a:gd name="connsiteY7" fmla="*/ 307455 h 307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56395" h="307455">
                  <a:moveTo>
                    <a:pt x="7479" y="307455"/>
                  </a:moveTo>
                  <a:cubicBezTo>
                    <a:pt x="6381" y="307455"/>
                    <a:pt x="5283" y="307206"/>
                    <a:pt x="4236" y="306707"/>
                  </a:cubicBezTo>
                  <a:cubicBezTo>
                    <a:pt x="519" y="304911"/>
                    <a:pt x="-1053" y="300421"/>
                    <a:pt x="744" y="296704"/>
                  </a:cubicBezTo>
                  <a:lnTo>
                    <a:pt x="142156" y="4225"/>
                  </a:lnTo>
                  <a:cubicBezTo>
                    <a:pt x="143952" y="508"/>
                    <a:pt x="148443" y="-1038"/>
                    <a:pt x="152159" y="733"/>
                  </a:cubicBezTo>
                  <a:cubicBezTo>
                    <a:pt x="155876" y="2529"/>
                    <a:pt x="157448" y="7019"/>
                    <a:pt x="155652" y="10735"/>
                  </a:cubicBezTo>
                  <a:lnTo>
                    <a:pt x="14239" y="303215"/>
                  </a:lnTo>
                  <a:cubicBezTo>
                    <a:pt x="12942" y="305884"/>
                    <a:pt x="10272" y="307455"/>
                    <a:pt x="7504" y="307455"/>
                  </a:cubicBezTo>
                  <a:close/>
                </a:path>
              </a:pathLst>
            </a:custGeom>
            <a:grpFill/>
            <a:ln w="3175" cap="flat">
              <a:solidFill>
                <a:schemeClr val="tx1"/>
              </a:solidFill>
              <a:prstDash val="solid"/>
              <a:miter/>
            </a:ln>
          </p:spPr>
          <p:txBody>
            <a:bodyPr rtlCol="0" anchor="ctr"/>
            <a:lstStyle/>
            <a:p>
              <a:endParaRPr lang="da-DK" noProof="0" dirty="0"/>
            </a:p>
          </p:txBody>
        </p:sp>
        <p:sp>
          <p:nvSpPr>
            <p:cNvPr id="22" name="Free-form: Shape 86">
              <a:extLst>
                <a:ext uri="{FF2B5EF4-FFF2-40B4-BE49-F238E27FC236}">
                  <a16:creationId xmlns:a16="http://schemas.microsoft.com/office/drawing/2014/main" id="{11E443E5-313C-7E7E-CB9F-AE695A54381C}"/>
                </a:ext>
              </a:extLst>
            </p:cNvPr>
            <p:cNvSpPr/>
            <p:nvPr/>
          </p:nvSpPr>
          <p:spPr>
            <a:xfrm>
              <a:off x="1196841" y="1426926"/>
              <a:ext cx="216331" cy="345335"/>
            </a:xfrm>
            <a:custGeom>
              <a:avLst/>
              <a:gdLst>
                <a:gd name="connsiteX0" fmla="*/ 7475 w 216331"/>
                <a:gd name="connsiteY0" fmla="*/ 345335 h 345335"/>
                <a:gd name="connsiteX1" fmla="*/ 3584 w 216331"/>
                <a:gd name="connsiteY1" fmla="*/ 344237 h 345335"/>
                <a:gd name="connsiteX2" fmla="*/ 1089 w 216331"/>
                <a:gd name="connsiteY2" fmla="*/ 333960 h 345335"/>
                <a:gd name="connsiteX3" fmla="*/ 202470 w 216331"/>
                <a:gd name="connsiteY3" fmla="*/ 3590 h 345335"/>
                <a:gd name="connsiteX4" fmla="*/ 212747 w 216331"/>
                <a:gd name="connsiteY4" fmla="*/ 1095 h 345335"/>
                <a:gd name="connsiteX5" fmla="*/ 215242 w 216331"/>
                <a:gd name="connsiteY5" fmla="*/ 11372 h 345335"/>
                <a:gd name="connsiteX6" fmla="*/ 13861 w 216331"/>
                <a:gd name="connsiteY6" fmla="*/ 341743 h 345335"/>
                <a:gd name="connsiteX7" fmla="*/ 7475 w 216331"/>
                <a:gd name="connsiteY7" fmla="*/ 345335 h 3453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16331" h="345335">
                  <a:moveTo>
                    <a:pt x="7475" y="345335"/>
                  </a:moveTo>
                  <a:cubicBezTo>
                    <a:pt x="6153" y="345335"/>
                    <a:pt x="4806" y="344986"/>
                    <a:pt x="3584" y="344237"/>
                  </a:cubicBezTo>
                  <a:cubicBezTo>
                    <a:pt x="67" y="342092"/>
                    <a:pt x="-1056" y="337478"/>
                    <a:pt x="1089" y="333960"/>
                  </a:cubicBezTo>
                  <a:lnTo>
                    <a:pt x="202470" y="3590"/>
                  </a:lnTo>
                  <a:cubicBezTo>
                    <a:pt x="204615" y="48"/>
                    <a:pt x="209230" y="-1050"/>
                    <a:pt x="212747" y="1095"/>
                  </a:cubicBezTo>
                  <a:cubicBezTo>
                    <a:pt x="216264" y="3240"/>
                    <a:pt x="217387" y="7855"/>
                    <a:pt x="215242" y="11372"/>
                  </a:cubicBezTo>
                  <a:lnTo>
                    <a:pt x="13861" y="341743"/>
                  </a:lnTo>
                  <a:cubicBezTo>
                    <a:pt x="12464" y="344063"/>
                    <a:pt x="9995" y="345335"/>
                    <a:pt x="7475" y="345335"/>
                  </a:cubicBezTo>
                  <a:close/>
                </a:path>
              </a:pathLst>
            </a:custGeom>
            <a:grpFill/>
            <a:ln w="3175" cap="flat">
              <a:solidFill>
                <a:schemeClr val="tx1"/>
              </a:solidFill>
              <a:prstDash val="solid"/>
              <a:miter/>
            </a:ln>
          </p:spPr>
          <p:txBody>
            <a:bodyPr rtlCol="0" anchor="ctr"/>
            <a:lstStyle/>
            <a:p>
              <a:endParaRPr lang="da-DK" noProof="0" dirty="0"/>
            </a:p>
          </p:txBody>
        </p:sp>
        <p:sp>
          <p:nvSpPr>
            <p:cNvPr id="23" name="Free-form: Shape 87">
              <a:extLst>
                <a:ext uri="{FF2B5EF4-FFF2-40B4-BE49-F238E27FC236}">
                  <a16:creationId xmlns:a16="http://schemas.microsoft.com/office/drawing/2014/main" id="{914A3BD7-EAE7-047E-9998-B472FAEBDAEC}"/>
                </a:ext>
              </a:extLst>
            </p:cNvPr>
            <p:cNvSpPr/>
            <p:nvPr/>
          </p:nvSpPr>
          <p:spPr>
            <a:xfrm>
              <a:off x="1730463" y="1426926"/>
              <a:ext cx="216336" cy="345335"/>
            </a:xfrm>
            <a:custGeom>
              <a:avLst/>
              <a:gdLst>
                <a:gd name="connsiteX0" fmla="*/ 208856 w 216336"/>
                <a:gd name="connsiteY0" fmla="*/ 345335 h 345335"/>
                <a:gd name="connsiteX1" fmla="*/ 202470 w 216336"/>
                <a:gd name="connsiteY1" fmla="*/ 341743 h 345335"/>
                <a:gd name="connsiteX2" fmla="*/ 1090 w 216336"/>
                <a:gd name="connsiteY2" fmla="*/ 11372 h 345335"/>
                <a:gd name="connsiteX3" fmla="*/ 3584 w 216336"/>
                <a:gd name="connsiteY3" fmla="*/ 1095 h 345335"/>
                <a:gd name="connsiteX4" fmla="*/ 13861 w 216336"/>
                <a:gd name="connsiteY4" fmla="*/ 3590 h 345335"/>
                <a:gd name="connsiteX5" fmla="*/ 215242 w 216336"/>
                <a:gd name="connsiteY5" fmla="*/ 333960 h 345335"/>
                <a:gd name="connsiteX6" fmla="*/ 212747 w 216336"/>
                <a:gd name="connsiteY6" fmla="*/ 344237 h 345335"/>
                <a:gd name="connsiteX7" fmla="*/ 208856 w 216336"/>
                <a:gd name="connsiteY7" fmla="*/ 345335 h 3453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16336" h="345335">
                  <a:moveTo>
                    <a:pt x="208856" y="345335"/>
                  </a:moveTo>
                  <a:cubicBezTo>
                    <a:pt x="206336" y="345335"/>
                    <a:pt x="203867" y="344063"/>
                    <a:pt x="202470" y="341743"/>
                  </a:cubicBezTo>
                  <a:lnTo>
                    <a:pt x="1090" y="11372"/>
                  </a:lnTo>
                  <a:cubicBezTo>
                    <a:pt x="-1056" y="7830"/>
                    <a:pt x="67" y="3240"/>
                    <a:pt x="3584" y="1095"/>
                  </a:cubicBezTo>
                  <a:cubicBezTo>
                    <a:pt x="7101" y="-1050"/>
                    <a:pt x="11716" y="48"/>
                    <a:pt x="13861" y="3590"/>
                  </a:cubicBezTo>
                  <a:lnTo>
                    <a:pt x="215242" y="333960"/>
                  </a:lnTo>
                  <a:cubicBezTo>
                    <a:pt x="217387" y="337502"/>
                    <a:pt x="216289" y="342092"/>
                    <a:pt x="212747" y="344237"/>
                  </a:cubicBezTo>
                  <a:cubicBezTo>
                    <a:pt x="211525" y="344986"/>
                    <a:pt x="210178" y="345335"/>
                    <a:pt x="208856" y="345335"/>
                  </a:cubicBezTo>
                  <a:close/>
                </a:path>
              </a:pathLst>
            </a:custGeom>
            <a:grpFill/>
            <a:ln w="3175" cap="flat">
              <a:solidFill>
                <a:schemeClr val="tx1"/>
              </a:solidFill>
              <a:prstDash val="solid"/>
              <a:miter/>
            </a:ln>
          </p:spPr>
          <p:txBody>
            <a:bodyPr rtlCol="0" anchor="ctr"/>
            <a:lstStyle/>
            <a:p>
              <a:endParaRPr lang="da-DK" noProof="0" dirty="0"/>
            </a:p>
          </p:txBody>
        </p:sp>
        <p:sp>
          <p:nvSpPr>
            <p:cNvPr id="24" name="Free-form: Shape 88">
              <a:extLst>
                <a:ext uri="{FF2B5EF4-FFF2-40B4-BE49-F238E27FC236}">
                  <a16:creationId xmlns:a16="http://schemas.microsoft.com/office/drawing/2014/main" id="{251B2AED-2BD4-103A-64D3-9925B320458F}"/>
                </a:ext>
              </a:extLst>
            </p:cNvPr>
            <p:cNvSpPr/>
            <p:nvPr/>
          </p:nvSpPr>
          <p:spPr>
            <a:xfrm>
              <a:off x="1564347" y="1727385"/>
              <a:ext cx="14966" cy="49066"/>
            </a:xfrm>
            <a:custGeom>
              <a:avLst/>
              <a:gdLst>
                <a:gd name="connsiteX0" fmla="*/ 7483 w 14966"/>
                <a:gd name="connsiteY0" fmla="*/ 49067 h 49066"/>
                <a:gd name="connsiteX1" fmla="*/ 0 w 14966"/>
                <a:gd name="connsiteY1" fmla="*/ 41583 h 49066"/>
                <a:gd name="connsiteX2" fmla="*/ 0 w 14966"/>
                <a:gd name="connsiteY2" fmla="*/ 7483 h 49066"/>
                <a:gd name="connsiteX3" fmla="*/ 7483 w 14966"/>
                <a:gd name="connsiteY3" fmla="*/ 0 h 49066"/>
                <a:gd name="connsiteX4" fmla="*/ 14967 w 14966"/>
                <a:gd name="connsiteY4" fmla="*/ 7483 h 49066"/>
                <a:gd name="connsiteX5" fmla="*/ 14967 w 14966"/>
                <a:gd name="connsiteY5" fmla="*/ 41583 h 49066"/>
                <a:gd name="connsiteX6" fmla="*/ 7483 w 14966"/>
                <a:gd name="connsiteY6" fmla="*/ 49067 h 490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966" h="49066">
                  <a:moveTo>
                    <a:pt x="7483" y="49067"/>
                  </a:moveTo>
                  <a:cubicBezTo>
                    <a:pt x="3343" y="49067"/>
                    <a:pt x="0" y="45724"/>
                    <a:pt x="0" y="41583"/>
                  </a:cubicBezTo>
                  <a:lnTo>
                    <a:pt x="0" y="7483"/>
                  </a:lnTo>
                  <a:cubicBezTo>
                    <a:pt x="0" y="3343"/>
                    <a:pt x="3343" y="0"/>
                    <a:pt x="7483" y="0"/>
                  </a:cubicBezTo>
                  <a:cubicBezTo>
                    <a:pt x="11624" y="0"/>
                    <a:pt x="14967" y="3343"/>
                    <a:pt x="14967" y="7483"/>
                  </a:cubicBezTo>
                  <a:lnTo>
                    <a:pt x="14967" y="41583"/>
                  </a:lnTo>
                  <a:cubicBezTo>
                    <a:pt x="14967" y="45724"/>
                    <a:pt x="11624" y="49067"/>
                    <a:pt x="7483" y="49067"/>
                  </a:cubicBezTo>
                  <a:close/>
                </a:path>
              </a:pathLst>
            </a:custGeom>
            <a:grpFill/>
            <a:ln w="3175" cap="flat">
              <a:solidFill>
                <a:schemeClr val="tx1"/>
              </a:solidFill>
              <a:prstDash val="solid"/>
              <a:miter/>
            </a:ln>
          </p:spPr>
          <p:txBody>
            <a:bodyPr rtlCol="0" anchor="ctr"/>
            <a:lstStyle/>
            <a:p>
              <a:endParaRPr lang="da-DK" noProof="0" dirty="0"/>
            </a:p>
          </p:txBody>
        </p:sp>
        <p:sp>
          <p:nvSpPr>
            <p:cNvPr id="25" name="Free-form: Shape 89">
              <a:extLst>
                <a:ext uri="{FF2B5EF4-FFF2-40B4-BE49-F238E27FC236}">
                  <a16:creationId xmlns:a16="http://schemas.microsoft.com/office/drawing/2014/main" id="{D789D30E-785A-D5F1-6E6A-6F74FC19C1A3}"/>
                </a:ext>
              </a:extLst>
            </p:cNvPr>
            <p:cNvSpPr/>
            <p:nvPr/>
          </p:nvSpPr>
          <p:spPr>
            <a:xfrm>
              <a:off x="1564347" y="1620147"/>
              <a:ext cx="14966" cy="48916"/>
            </a:xfrm>
            <a:custGeom>
              <a:avLst/>
              <a:gdLst>
                <a:gd name="connsiteX0" fmla="*/ 7483 w 14966"/>
                <a:gd name="connsiteY0" fmla="*/ 48917 h 48916"/>
                <a:gd name="connsiteX1" fmla="*/ 0 w 14966"/>
                <a:gd name="connsiteY1" fmla="*/ 41433 h 48916"/>
                <a:gd name="connsiteX2" fmla="*/ 0 w 14966"/>
                <a:gd name="connsiteY2" fmla="*/ 7483 h 48916"/>
                <a:gd name="connsiteX3" fmla="*/ 7483 w 14966"/>
                <a:gd name="connsiteY3" fmla="*/ 0 h 48916"/>
                <a:gd name="connsiteX4" fmla="*/ 14967 w 14966"/>
                <a:gd name="connsiteY4" fmla="*/ 7483 h 48916"/>
                <a:gd name="connsiteX5" fmla="*/ 14967 w 14966"/>
                <a:gd name="connsiteY5" fmla="*/ 41433 h 48916"/>
                <a:gd name="connsiteX6" fmla="*/ 7483 w 14966"/>
                <a:gd name="connsiteY6" fmla="*/ 48917 h 489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966" h="48916">
                  <a:moveTo>
                    <a:pt x="7483" y="48917"/>
                  </a:moveTo>
                  <a:cubicBezTo>
                    <a:pt x="3343" y="48917"/>
                    <a:pt x="0" y="45574"/>
                    <a:pt x="0" y="41433"/>
                  </a:cubicBezTo>
                  <a:lnTo>
                    <a:pt x="0" y="7483"/>
                  </a:lnTo>
                  <a:cubicBezTo>
                    <a:pt x="0" y="3343"/>
                    <a:pt x="3343" y="0"/>
                    <a:pt x="7483" y="0"/>
                  </a:cubicBezTo>
                  <a:cubicBezTo>
                    <a:pt x="11624" y="0"/>
                    <a:pt x="14967" y="3343"/>
                    <a:pt x="14967" y="7483"/>
                  </a:cubicBezTo>
                  <a:lnTo>
                    <a:pt x="14967" y="41433"/>
                  </a:lnTo>
                  <a:cubicBezTo>
                    <a:pt x="14967" y="45574"/>
                    <a:pt x="11624" y="48917"/>
                    <a:pt x="7483" y="48917"/>
                  </a:cubicBezTo>
                  <a:close/>
                </a:path>
              </a:pathLst>
            </a:custGeom>
            <a:grpFill/>
            <a:ln w="3175" cap="flat">
              <a:solidFill>
                <a:schemeClr val="tx1"/>
              </a:solidFill>
              <a:prstDash val="solid"/>
              <a:miter/>
            </a:ln>
          </p:spPr>
          <p:txBody>
            <a:bodyPr rtlCol="0" anchor="ctr"/>
            <a:lstStyle/>
            <a:p>
              <a:endParaRPr lang="da-DK" noProof="0" dirty="0"/>
            </a:p>
          </p:txBody>
        </p:sp>
        <p:sp>
          <p:nvSpPr>
            <p:cNvPr id="26" name="Free-form: Shape 90">
              <a:extLst>
                <a:ext uri="{FF2B5EF4-FFF2-40B4-BE49-F238E27FC236}">
                  <a16:creationId xmlns:a16="http://schemas.microsoft.com/office/drawing/2014/main" id="{6C7A27F9-4318-65BE-2359-6F233F4E4DB7}"/>
                </a:ext>
              </a:extLst>
            </p:cNvPr>
            <p:cNvSpPr/>
            <p:nvPr/>
          </p:nvSpPr>
          <p:spPr>
            <a:xfrm>
              <a:off x="1418768" y="1125489"/>
              <a:ext cx="306074" cy="445242"/>
            </a:xfrm>
            <a:custGeom>
              <a:avLst/>
              <a:gdLst>
                <a:gd name="connsiteX0" fmla="*/ 153062 w 306074"/>
                <a:gd name="connsiteY0" fmla="*/ 445242 h 445242"/>
                <a:gd name="connsiteX1" fmla="*/ 147499 w 306074"/>
                <a:gd name="connsiteY1" fmla="*/ 442773 h 445242"/>
                <a:gd name="connsiteX2" fmla="*/ 0 w 306074"/>
                <a:gd name="connsiteY2" fmla="*/ 153037 h 445242"/>
                <a:gd name="connsiteX3" fmla="*/ 153037 w 306074"/>
                <a:gd name="connsiteY3" fmla="*/ 0 h 445242"/>
                <a:gd name="connsiteX4" fmla="*/ 306074 w 306074"/>
                <a:gd name="connsiteY4" fmla="*/ 153037 h 445242"/>
                <a:gd name="connsiteX5" fmla="*/ 158575 w 306074"/>
                <a:gd name="connsiteY5" fmla="*/ 442773 h 445242"/>
                <a:gd name="connsiteX6" fmla="*/ 153012 w 306074"/>
                <a:gd name="connsiteY6" fmla="*/ 445242 h 445242"/>
                <a:gd name="connsiteX7" fmla="*/ 153062 w 306074"/>
                <a:gd name="connsiteY7" fmla="*/ 14967 h 445242"/>
                <a:gd name="connsiteX8" fmla="*/ 14992 w 306074"/>
                <a:gd name="connsiteY8" fmla="*/ 153037 h 445242"/>
                <a:gd name="connsiteX9" fmla="*/ 153062 w 306074"/>
                <a:gd name="connsiteY9" fmla="*/ 426359 h 445242"/>
                <a:gd name="connsiteX10" fmla="*/ 291132 w 306074"/>
                <a:gd name="connsiteY10" fmla="*/ 153037 h 445242"/>
                <a:gd name="connsiteX11" fmla="*/ 153062 w 306074"/>
                <a:gd name="connsiteY11" fmla="*/ 14967 h 4452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06074" h="445242">
                  <a:moveTo>
                    <a:pt x="153062" y="445242"/>
                  </a:moveTo>
                  <a:cubicBezTo>
                    <a:pt x="150942" y="445242"/>
                    <a:pt x="148921" y="444344"/>
                    <a:pt x="147499" y="442773"/>
                  </a:cubicBezTo>
                  <a:cubicBezTo>
                    <a:pt x="141488" y="436112"/>
                    <a:pt x="0" y="278261"/>
                    <a:pt x="0" y="153037"/>
                  </a:cubicBezTo>
                  <a:cubicBezTo>
                    <a:pt x="0" y="68649"/>
                    <a:pt x="68648" y="0"/>
                    <a:pt x="153037" y="0"/>
                  </a:cubicBezTo>
                  <a:cubicBezTo>
                    <a:pt x="237426" y="0"/>
                    <a:pt x="306074" y="68649"/>
                    <a:pt x="306074" y="153037"/>
                  </a:cubicBezTo>
                  <a:cubicBezTo>
                    <a:pt x="306074" y="278261"/>
                    <a:pt x="164612" y="436112"/>
                    <a:pt x="158575" y="442773"/>
                  </a:cubicBezTo>
                  <a:cubicBezTo>
                    <a:pt x="157153" y="444344"/>
                    <a:pt x="155132" y="445242"/>
                    <a:pt x="153012" y="445242"/>
                  </a:cubicBezTo>
                  <a:close/>
                  <a:moveTo>
                    <a:pt x="153062" y="14967"/>
                  </a:moveTo>
                  <a:cubicBezTo>
                    <a:pt x="76930" y="14967"/>
                    <a:pt x="14992" y="76905"/>
                    <a:pt x="14992" y="153037"/>
                  </a:cubicBezTo>
                  <a:cubicBezTo>
                    <a:pt x="14992" y="258953"/>
                    <a:pt x="126645" y="395527"/>
                    <a:pt x="153062" y="426359"/>
                  </a:cubicBezTo>
                  <a:cubicBezTo>
                    <a:pt x="179504" y="395502"/>
                    <a:pt x="291132" y="258879"/>
                    <a:pt x="291132" y="153037"/>
                  </a:cubicBezTo>
                  <a:cubicBezTo>
                    <a:pt x="291132" y="76905"/>
                    <a:pt x="229194" y="14967"/>
                    <a:pt x="153062" y="14967"/>
                  </a:cubicBezTo>
                  <a:close/>
                </a:path>
              </a:pathLst>
            </a:custGeom>
            <a:grpFill/>
            <a:ln w="3175" cap="flat">
              <a:solidFill>
                <a:schemeClr val="tx1"/>
              </a:solidFill>
              <a:prstDash val="solid"/>
              <a:miter/>
            </a:ln>
          </p:spPr>
          <p:txBody>
            <a:bodyPr rtlCol="0" anchor="ctr"/>
            <a:lstStyle/>
            <a:p>
              <a:endParaRPr lang="da-DK" noProof="0" dirty="0"/>
            </a:p>
          </p:txBody>
        </p:sp>
        <p:sp>
          <p:nvSpPr>
            <p:cNvPr id="27" name="Free-form: Shape 91">
              <a:extLst>
                <a:ext uri="{FF2B5EF4-FFF2-40B4-BE49-F238E27FC236}">
                  <a16:creationId xmlns:a16="http://schemas.microsoft.com/office/drawing/2014/main" id="{838CA291-CA9A-363E-B3A1-94220FB89242}"/>
                </a:ext>
              </a:extLst>
            </p:cNvPr>
            <p:cNvSpPr/>
            <p:nvPr/>
          </p:nvSpPr>
          <p:spPr>
            <a:xfrm>
              <a:off x="1504404" y="1211100"/>
              <a:ext cx="134852" cy="134852"/>
            </a:xfrm>
            <a:custGeom>
              <a:avLst/>
              <a:gdLst>
                <a:gd name="connsiteX0" fmla="*/ 67426 w 134852"/>
                <a:gd name="connsiteY0" fmla="*/ 134852 h 134852"/>
                <a:gd name="connsiteX1" fmla="*/ 0 w 134852"/>
                <a:gd name="connsiteY1" fmla="*/ 67426 h 134852"/>
                <a:gd name="connsiteX2" fmla="*/ 67426 w 134852"/>
                <a:gd name="connsiteY2" fmla="*/ 0 h 134852"/>
                <a:gd name="connsiteX3" fmla="*/ 134853 w 134852"/>
                <a:gd name="connsiteY3" fmla="*/ 67426 h 134852"/>
                <a:gd name="connsiteX4" fmla="*/ 67426 w 134852"/>
                <a:gd name="connsiteY4" fmla="*/ 134852 h 134852"/>
                <a:gd name="connsiteX5" fmla="*/ 67426 w 134852"/>
                <a:gd name="connsiteY5" fmla="*/ 14967 h 134852"/>
                <a:gd name="connsiteX6" fmla="*/ 14967 w 134852"/>
                <a:gd name="connsiteY6" fmla="*/ 67426 h 134852"/>
                <a:gd name="connsiteX7" fmla="*/ 67426 w 134852"/>
                <a:gd name="connsiteY7" fmla="*/ 119885 h 134852"/>
                <a:gd name="connsiteX8" fmla="*/ 119886 w 134852"/>
                <a:gd name="connsiteY8" fmla="*/ 67426 h 134852"/>
                <a:gd name="connsiteX9" fmla="*/ 67426 w 134852"/>
                <a:gd name="connsiteY9" fmla="*/ 14967 h 1348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34852" h="134852">
                  <a:moveTo>
                    <a:pt x="67426" y="134852"/>
                  </a:moveTo>
                  <a:cubicBezTo>
                    <a:pt x="30258" y="134852"/>
                    <a:pt x="0" y="104619"/>
                    <a:pt x="0" y="67426"/>
                  </a:cubicBezTo>
                  <a:cubicBezTo>
                    <a:pt x="0" y="30233"/>
                    <a:pt x="30233" y="0"/>
                    <a:pt x="67426" y="0"/>
                  </a:cubicBezTo>
                  <a:cubicBezTo>
                    <a:pt x="104619" y="0"/>
                    <a:pt x="134853" y="30233"/>
                    <a:pt x="134853" y="67426"/>
                  </a:cubicBezTo>
                  <a:cubicBezTo>
                    <a:pt x="134853" y="104619"/>
                    <a:pt x="104619" y="134852"/>
                    <a:pt x="67426" y="134852"/>
                  </a:cubicBezTo>
                  <a:close/>
                  <a:moveTo>
                    <a:pt x="67426" y="14967"/>
                  </a:moveTo>
                  <a:cubicBezTo>
                    <a:pt x="38515" y="14967"/>
                    <a:pt x="14967" y="38490"/>
                    <a:pt x="14967" y="67426"/>
                  </a:cubicBezTo>
                  <a:cubicBezTo>
                    <a:pt x="14967" y="96362"/>
                    <a:pt x="38490" y="119885"/>
                    <a:pt x="67426" y="119885"/>
                  </a:cubicBezTo>
                  <a:cubicBezTo>
                    <a:pt x="96362" y="119885"/>
                    <a:pt x="119886" y="96362"/>
                    <a:pt x="119886" y="67426"/>
                  </a:cubicBezTo>
                  <a:cubicBezTo>
                    <a:pt x="119886" y="38490"/>
                    <a:pt x="96362" y="14967"/>
                    <a:pt x="67426" y="14967"/>
                  </a:cubicBezTo>
                  <a:close/>
                </a:path>
              </a:pathLst>
            </a:custGeom>
            <a:grpFill/>
            <a:ln w="3175" cap="flat">
              <a:solidFill>
                <a:schemeClr val="tx1"/>
              </a:solidFill>
              <a:prstDash val="solid"/>
              <a:miter/>
            </a:ln>
          </p:spPr>
          <p:txBody>
            <a:bodyPr rtlCol="0" anchor="ctr"/>
            <a:lstStyle/>
            <a:p>
              <a:endParaRPr lang="da-DK" noProof="0" dirty="0"/>
            </a:p>
          </p:txBody>
        </p:sp>
      </p:grpSp>
      <p:sp>
        <p:nvSpPr>
          <p:cNvPr id="34" name="TextBox 33">
            <a:extLst>
              <a:ext uri="{FF2B5EF4-FFF2-40B4-BE49-F238E27FC236}">
                <a16:creationId xmlns:a16="http://schemas.microsoft.com/office/drawing/2014/main" id="{B76EC94B-5F47-8C35-5C76-603C16DAD2D3}"/>
              </a:ext>
            </a:extLst>
          </p:cNvPr>
          <p:cNvSpPr txBox="1"/>
          <p:nvPr/>
        </p:nvSpPr>
        <p:spPr>
          <a:xfrm>
            <a:off x="9390064" y="4588054"/>
            <a:ext cx="2412155" cy="1656864"/>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I Styrelsen for It og Læring benytter vi os ofte af open source software, som både understøtter sammenhængende digitalisering på tværs af vores mange it-løsninger og en høj grad af leverandøruafhængighed.”</a:t>
            </a:r>
            <a:endParaRPr kumimoji="0" lang="da-DK" sz="800" b="0" i="1"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Styrelsen for It og Læring</a:t>
            </a:r>
            <a:b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b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Offentlig citat fra </a:t>
            </a:r>
            <a:r>
              <a:rPr kumimoji="0" lang="da-DK" sz="900" b="0" i="0" u="none" strike="noStrike" kern="1200" cap="none" spc="0" normalizeH="0" baseline="0" noProof="0" dirty="0" err="1">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STILs</a:t>
            </a: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 strategi.</a:t>
            </a:r>
          </a:p>
        </p:txBody>
      </p:sp>
    </p:spTree>
    <p:extLst>
      <p:ext uri="{BB962C8B-B14F-4D97-AF65-F5344CB8AC3E}">
        <p14:creationId xmlns:p14="http://schemas.microsoft.com/office/powerpoint/2010/main" val="1960915484"/>
      </p:ext>
    </p:extLst>
  </p:cSld>
  <p:clrMapOvr>
    <a:masterClrMapping/>
  </p:clrMapOvr>
  <p:transition>
    <p:fade/>
  </p:transition>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D3DD5C1-49FC-9AE3-B523-3A1C60348942}"/>
            </a:ext>
          </a:extLst>
        </p:cNvPr>
        <p:cNvGrpSpPr/>
        <p:nvPr/>
      </p:nvGrpSpPr>
      <p:grpSpPr>
        <a:xfrm>
          <a:off x="0" y="0"/>
          <a:ext cx="0" cy="0"/>
          <a:chOff x="0" y="0"/>
          <a:chExt cx="0" cy="0"/>
        </a:xfrm>
      </p:grpSpPr>
      <p:sp>
        <p:nvSpPr>
          <p:cNvPr id="100" name="Rectangle: Rounded Corners 99">
            <a:extLst>
              <a:ext uri="{FF2B5EF4-FFF2-40B4-BE49-F238E27FC236}">
                <a16:creationId xmlns:a16="http://schemas.microsoft.com/office/drawing/2014/main" id="{03EB9154-9547-F6A8-FDB5-8ED793F74CCD}"/>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8 | Fællesoffentlig open source-fællesskab – OS2</a:t>
            </a:r>
          </a:p>
        </p:txBody>
      </p:sp>
      <p:pic>
        <p:nvPicPr>
          <p:cNvPr id="1032" name="Picture 8">
            <a:extLst>
              <a:ext uri="{FF2B5EF4-FFF2-40B4-BE49-F238E27FC236}">
                <a16:creationId xmlns:a16="http://schemas.microsoft.com/office/drawing/2014/main" id="{52F942AA-DD2E-71B8-97A7-29BA0E88F06A}"/>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573375" y="195829"/>
            <a:ext cx="1008000" cy="1008000"/>
          </a:xfrm>
          <a:prstGeom prst="rect">
            <a:avLst/>
          </a:prstGeom>
          <a:noFill/>
          <a:extLst>
            <a:ext uri="{909E8E84-426E-40DD-AFC4-6F175D3DCCD1}">
              <a14:hiddenFill xmlns:a14="http://schemas.microsoft.com/office/drawing/2010/main">
                <a:solidFill>
                  <a:srgbClr val="FFFFFF"/>
                </a:solidFill>
              </a14:hiddenFill>
            </a:ext>
          </a:extLst>
        </p:spPr>
      </p:pic>
      <p:sp>
        <p:nvSpPr>
          <p:cNvPr id="4" name="Rectangle: Rounded Corners 3">
            <a:extLst>
              <a:ext uri="{FF2B5EF4-FFF2-40B4-BE49-F238E27FC236}">
                <a16:creationId xmlns:a16="http://schemas.microsoft.com/office/drawing/2014/main" id="{3944B172-A3FC-A77E-67E0-AA1BCEB7B744}"/>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3" name="Rectangle: Rounded Corners 52">
            <a:extLst>
              <a:ext uri="{FF2B5EF4-FFF2-40B4-BE49-F238E27FC236}">
                <a16:creationId xmlns:a16="http://schemas.microsoft.com/office/drawing/2014/main" id="{973030CD-1FF2-2B8C-5201-93DB765048C3}"/>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 name="Title 1">
            <a:extLst>
              <a:ext uri="{FF2B5EF4-FFF2-40B4-BE49-F238E27FC236}">
                <a16:creationId xmlns:a16="http://schemas.microsoft.com/office/drawing/2014/main" id="{7360A91E-6B74-E54F-8B1D-419E47B46A69}"/>
              </a:ext>
            </a:extLst>
          </p:cNvPr>
          <p:cNvSpPr>
            <a:spLocks noGrp="1"/>
          </p:cNvSpPr>
          <p:nvPr>
            <p:ph type="title"/>
          </p:nvPr>
        </p:nvSpPr>
        <p:spPr/>
        <p:txBody>
          <a:bodyPr/>
          <a:lstStyle/>
          <a:p>
            <a:r>
              <a:rPr lang="da-DK" sz="2200" noProof="0" dirty="0"/>
              <a:t>Side 1/3 | </a:t>
            </a:r>
            <a:r>
              <a:rPr lang="da-DK" sz="2200" b="1" noProof="0" dirty="0"/>
              <a:t>Sammenfatning af casen</a:t>
            </a:r>
          </a:p>
        </p:txBody>
      </p:sp>
      <p:sp>
        <p:nvSpPr>
          <p:cNvPr id="9" name="Rectangle: Rounded Corners 8">
            <a:extLst>
              <a:ext uri="{FF2B5EF4-FFF2-40B4-BE49-F238E27FC236}">
                <a16:creationId xmlns:a16="http://schemas.microsoft.com/office/drawing/2014/main" id="{7E4421D3-84BE-B2D6-CC08-6862E284CC1F}"/>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3" name="Content Placeholder 5">
            <a:extLst>
              <a:ext uri="{FF2B5EF4-FFF2-40B4-BE49-F238E27FC236}">
                <a16:creationId xmlns:a16="http://schemas.microsoft.com/office/drawing/2014/main" id="{60762B76-7D8E-FBA6-E2FE-D414BD00B0E7}"/>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11" name="Rectangle 10">
            <a:extLst>
              <a:ext uri="{FF2B5EF4-FFF2-40B4-BE49-F238E27FC236}">
                <a16:creationId xmlns:a16="http://schemas.microsoft.com/office/drawing/2014/main" id="{BD697DBB-2399-7EEF-6C98-C1521EEE4FD0}"/>
              </a:ext>
            </a:extLst>
          </p:cNvPr>
          <p:cNvSpPr/>
          <p:nvPr/>
        </p:nvSpPr>
        <p:spPr>
          <a:xfrm>
            <a:off x="552449" y="2139037"/>
            <a:ext cx="2757177"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lvl="0">
              <a:spcAft>
                <a:spcPts val="350"/>
              </a:spcAft>
              <a:defRPr/>
            </a:pPr>
            <a:r>
              <a:rPr lang="da-DK" sz="900" noProof="0" dirty="0">
                <a:solidFill>
                  <a:srgbClr val="000000"/>
                </a:solidFill>
                <a:latin typeface="Arial" panose="020B0604020202020204"/>
              </a:rPr>
              <a:t>Offentlig Samarbejde og Open Source (OS2) er et fællesskab af offentlige organisationer og myndigheder, der samarbejder om at udbrede kendskabet til og brugen af open source i den offentlige sektor. </a:t>
            </a:r>
          </a:p>
          <a:p>
            <a:pPr lvl="0">
              <a:spcAft>
                <a:spcPts val="350"/>
              </a:spcAft>
              <a:defRPr/>
            </a:pPr>
            <a:r>
              <a:rPr lang="da-DK" sz="900" noProof="0" dirty="0">
                <a:solidFill>
                  <a:srgbClr val="000000"/>
                </a:solidFill>
                <a:latin typeface="Arial" panose="020B0604020202020204"/>
              </a:rPr>
              <a:t>OS2 har været med til at facilitere en lang række produkter på tværs af teknologistakken. Fokus har primært været på mindre digitale løsninger af forskellige karakter samt </a:t>
            </a:r>
            <a:r>
              <a:rPr lang="da-DK" sz="900" noProof="0" dirty="0" err="1">
                <a:solidFill>
                  <a:srgbClr val="000000"/>
                </a:solidFill>
                <a:latin typeface="Arial" panose="020B0604020202020204"/>
              </a:rPr>
              <a:t>IoT</a:t>
            </a:r>
            <a:r>
              <a:rPr lang="da-DK" sz="900" noProof="0" dirty="0">
                <a:solidFill>
                  <a:srgbClr val="000000"/>
                </a:solidFill>
                <a:latin typeface="Arial" panose="020B0604020202020204"/>
              </a:rPr>
              <a:t>-området, herunder </a:t>
            </a:r>
            <a:r>
              <a:rPr lang="da-DK" sz="900" noProof="0" dirty="0" err="1">
                <a:solidFill>
                  <a:srgbClr val="000000"/>
                </a:solidFill>
                <a:latin typeface="Arial" panose="020B0604020202020204"/>
              </a:rPr>
              <a:t>devices</a:t>
            </a:r>
            <a:r>
              <a:rPr lang="da-DK" sz="900" noProof="0" dirty="0">
                <a:solidFill>
                  <a:srgbClr val="000000"/>
                </a:solidFill>
                <a:latin typeface="Arial" panose="020B0604020202020204"/>
              </a:rPr>
              <a:t> og slutbrugerudstyr samt netværksinfrastruktur.</a:t>
            </a:r>
          </a:p>
        </p:txBody>
      </p:sp>
      <p:grpSp>
        <p:nvGrpSpPr>
          <p:cNvPr id="39" name="Group 38" descr="Oversigt over teknologistakken og hvor casen rammer. Denne case rammer AI og Digitale services, Koncern og fagsystemer,, Digital arbejdsplads, Sikkerhedsløsninger, Datadeling og basis software, Devices og slutbrugerudstyr og netværksinfrastruktur">
            <a:extLst>
              <a:ext uri="{FF2B5EF4-FFF2-40B4-BE49-F238E27FC236}">
                <a16:creationId xmlns:a16="http://schemas.microsoft.com/office/drawing/2014/main" id="{2071011D-A2AE-AABD-5AA0-07A5BBF192BA}"/>
              </a:ext>
              <a:ext uri="{C183D7F6-B498-43B3-948B-1728B52AA6E4}">
                <adec:decorative xmlns:adec="http://schemas.microsoft.com/office/drawing/2017/decorative" val="0"/>
              </a:ext>
            </a:extLst>
          </p:cNvPr>
          <p:cNvGrpSpPr/>
          <p:nvPr/>
        </p:nvGrpSpPr>
        <p:grpSpPr>
          <a:xfrm>
            <a:off x="713385" y="4086154"/>
            <a:ext cx="2338961" cy="2232878"/>
            <a:chOff x="713385" y="4086154"/>
            <a:chExt cx="2338961" cy="2232878"/>
          </a:xfrm>
        </p:grpSpPr>
        <p:sp>
          <p:nvSpPr>
            <p:cNvPr id="64" name="Rectangle: Rounded Corners 63">
              <a:extLst>
                <a:ext uri="{FF2B5EF4-FFF2-40B4-BE49-F238E27FC236}">
                  <a16:creationId xmlns:a16="http://schemas.microsoft.com/office/drawing/2014/main" id="{4B807740-A851-33D9-D017-25D246105BD1}"/>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Digitale løsninger</a:t>
              </a:r>
            </a:p>
          </p:txBody>
        </p:sp>
        <p:sp>
          <p:nvSpPr>
            <p:cNvPr id="88" name="Rectangle: Rounded Corners 87">
              <a:extLst>
                <a:ext uri="{FF2B5EF4-FFF2-40B4-BE49-F238E27FC236}">
                  <a16:creationId xmlns:a16="http://schemas.microsoft.com/office/drawing/2014/main" id="{1470EE17-5CE9-D9C2-79D0-E2932BA62501}"/>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It-infrastruktur</a:t>
              </a:r>
            </a:p>
          </p:txBody>
        </p:sp>
        <p:sp>
          <p:nvSpPr>
            <p:cNvPr id="90" name="Rectangle 36">
              <a:extLst>
                <a:ext uri="{FF2B5EF4-FFF2-40B4-BE49-F238E27FC236}">
                  <a16:creationId xmlns:a16="http://schemas.microsoft.com/office/drawing/2014/main" id="{7D11990D-A945-D84D-E396-B45F39C1A39E}"/>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AI og digitale services</a:t>
              </a:r>
            </a:p>
          </p:txBody>
        </p:sp>
        <p:sp>
          <p:nvSpPr>
            <p:cNvPr id="91" name="Rectangle 43">
              <a:extLst>
                <a:ext uri="{FF2B5EF4-FFF2-40B4-BE49-F238E27FC236}">
                  <a16:creationId xmlns:a16="http://schemas.microsoft.com/office/drawing/2014/main" id="{E45E2160-5487-C546-5C0E-74BEE66417BD}"/>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a:solidFill>
                    <a:schemeClr val="bg1"/>
                  </a:solidFill>
                </a:rPr>
                <a:t>Teknologistak</a:t>
              </a:r>
            </a:p>
          </p:txBody>
        </p:sp>
        <p:sp>
          <p:nvSpPr>
            <p:cNvPr id="92" name="Rectangle 36">
              <a:extLst>
                <a:ext uri="{FF2B5EF4-FFF2-40B4-BE49-F238E27FC236}">
                  <a16:creationId xmlns:a16="http://schemas.microsoft.com/office/drawing/2014/main" id="{D6EEE67F-E391-DBED-31C2-9A70D2B8F1BD}"/>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Koncern- og fagsystemer</a:t>
              </a:r>
            </a:p>
          </p:txBody>
        </p:sp>
        <p:sp>
          <p:nvSpPr>
            <p:cNvPr id="93" name="Rectangle 36">
              <a:extLst>
                <a:ext uri="{FF2B5EF4-FFF2-40B4-BE49-F238E27FC236}">
                  <a16:creationId xmlns:a16="http://schemas.microsoft.com/office/drawing/2014/main" id="{4C2BD501-E67C-97E0-7DAC-997A3F03312B}"/>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igital arbejdsplads</a:t>
              </a:r>
            </a:p>
          </p:txBody>
        </p:sp>
        <p:sp>
          <p:nvSpPr>
            <p:cNvPr id="94" name="Rectangle 36">
              <a:extLst>
                <a:ext uri="{FF2B5EF4-FFF2-40B4-BE49-F238E27FC236}">
                  <a16:creationId xmlns:a16="http://schemas.microsoft.com/office/drawing/2014/main" id="{649FE832-D534-A672-7A75-F58EAADCD895}"/>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ikkerhedsløsninger</a:t>
              </a:r>
            </a:p>
          </p:txBody>
        </p:sp>
        <p:sp>
          <p:nvSpPr>
            <p:cNvPr id="95" name="Rectangle 36">
              <a:extLst>
                <a:ext uri="{FF2B5EF4-FFF2-40B4-BE49-F238E27FC236}">
                  <a16:creationId xmlns:a16="http://schemas.microsoft.com/office/drawing/2014/main" id="{8CA991AC-C4A7-1DD5-6399-5A05FC516FB3}"/>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deling og basis-software</a:t>
              </a:r>
            </a:p>
          </p:txBody>
        </p:sp>
        <p:sp>
          <p:nvSpPr>
            <p:cNvPr id="96" name="Rectangle 36">
              <a:extLst>
                <a:ext uri="{FF2B5EF4-FFF2-40B4-BE49-F238E27FC236}">
                  <a16:creationId xmlns:a16="http://schemas.microsoft.com/office/drawing/2014/main" id="{1CA584B4-3249-CA70-39FD-D963E6311DD5}"/>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Cloud services</a:t>
              </a:r>
            </a:p>
          </p:txBody>
        </p:sp>
        <p:sp>
          <p:nvSpPr>
            <p:cNvPr id="97" name="Rectangle 36">
              <a:extLst>
                <a:ext uri="{FF2B5EF4-FFF2-40B4-BE49-F238E27FC236}">
                  <a16:creationId xmlns:a16="http://schemas.microsoft.com/office/drawing/2014/main" id="{30CDFB77-9A74-CB26-028C-F11D82144D9C}"/>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evices og slutbrugerudstyr</a:t>
              </a:r>
            </a:p>
          </p:txBody>
        </p:sp>
        <p:sp>
          <p:nvSpPr>
            <p:cNvPr id="98" name="Rectangle 36">
              <a:extLst>
                <a:ext uri="{FF2B5EF4-FFF2-40B4-BE49-F238E27FC236}">
                  <a16:creationId xmlns:a16="http://schemas.microsoft.com/office/drawing/2014/main" id="{BF0DE3BA-9DDF-5E96-6237-D9C78E618FC5}"/>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centerinfrastruktur</a:t>
              </a:r>
            </a:p>
          </p:txBody>
        </p:sp>
        <p:sp>
          <p:nvSpPr>
            <p:cNvPr id="99" name="Rectangle 36">
              <a:extLst>
                <a:ext uri="{FF2B5EF4-FFF2-40B4-BE49-F238E27FC236}">
                  <a16:creationId xmlns:a16="http://schemas.microsoft.com/office/drawing/2014/main" id="{A2963043-036F-DCB1-6A4F-BBEA5326E951}"/>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Netværksinfrastruktur</a:t>
              </a:r>
            </a:p>
          </p:txBody>
        </p:sp>
      </p:grpSp>
      <p:sp>
        <p:nvSpPr>
          <p:cNvPr id="3" name="Content Placeholder 5">
            <a:extLst>
              <a:ext uri="{FF2B5EF4-FFF2-40B4-BE49-F238E27FC236}">
                <a16:creationId xmlns:a16="http://schemas.microsoft.com/office/drawing/2014/main" id="{DE2A45CD-D7CF-7319-ABEA-E0676D91C831}"/>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Karakteristika, gevinster og barrierer</a:t>
            </a:r>
          </a:p>
        </p:txBody>
      </p:sp>
      <p:grpSp>
        <p:nvGrpSpPr>
          <p:cNvPr id="41" name="Group 40" descr="Casen er i driftsfasen">
            <a:extLst>
              <a:ext uri="{FF2B5EF4-FFF2-40B4-BE49-F238E27FC236}">
                <a16:creationId xmlns:a16="http://schemas.microsoft.com/office/drawing/2014/main" id="{A339992A-B94C-85C4-212D-A1D9015E4109}"/>
              </a:ext>
              <a:ext uri="{C183D7F6-B498-43B3-948B-1728B52AA6E4}">
                <adec:decorative xmlns:adec="http://schemas.microsoft.com/office/drawing/2017/decorative" val="0"/>
              </a:ext>
            </a:extLst>
          </p:cNvPr>
          <p:cNvGrpSpPr/>
          <p:nvPr/>
        </p:nvGrpSpPr>
        <p:grpSpPr>
          <a:xfrm>
            <a:off x="6937091" y="1938275"/>
            <a:ext cx="2371002" cy="240297"/>
            <a:chOff x="579065" y="3714086"/>
            <a:chExt cx="2371002" cy="240297"/>
          </a:xfrm>
        </p:grpSpPr>
        <p:cxnSp>
          <p:nvCxnSpPr>
            <p:cNvPr id="42" name="Straight Connector 41">
              <a:extLst>
                <a:ext uri="{FF2B5EF4-FFF2-40B4-BE49-F238E27FC236}">
                  <a16:creationId xmlns:a16="http://schemas.microsoft.com/office/drawing/2014/main" id="{326FBC41-E307-8441-04E8-265AC1625468}"/>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33BA374-7AFC-A2DC-1881-E18A1499BC97}"/>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44" name="TextBox 43">
              <a:extLst>
                <a:ext uri="{FF2B5EF4-FFF2-40B4-BE49-F238E27FC236}">
                  <a16:creationId xmlns:a16="http://schemas.microsoft.com/office/drawing/2014/main" id="{EE4BEAA7-3C98-203C-266A-73D6EBC29381}"/>
                </a:ext>
              </a:extLst>
            </p:cNvPr>
            <p:cNvSpPr txBox="1"/>
            <p:nvPr/>
          </p:nvSpPr>
          <p:spPr>
            <a:xfrm>
              <a:off x="579065"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dé</a:t>
              </a:r>
            </a:p>
          </p:txBody>
        </p:sp>
        <p:sp>
          <p:nvSpPr>
            <p:cNvPr id="47" name="TextBox 46">
              <a:extLst>
                <a:ext uri="{FF2B5EF4-FFF2-40B4-BE49-F238E27FC236}">
                  <a16:creationId xmlns:a16="http://schemas.microsoft.com/office/drawing/2014/main" id="{FA91886C-852F-FFEB-0E41-D97EE820A400}"/>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Projekt</a:t>
              </a:r>
            </a:p>
          </p:txBody>
        </p:sp>
        <p:sp>
          <p:nvSpPr>
            <p:cNvPr id="48" name="TextBox 47">
              <a:extLst>
                <a:ext uri="{FF2B5EF4-FFF2-40B4-BE49-F238E27FC236}">
                  <a16:creationId xmlns:a16="http://schemas.microsoft.com/office/drawing/2014/main" id="{AA4412E7-BCEB-36E6-EB80-7020812962EB}"/>
                </a:ext>
              </a:extLst>
            </p:cNvPr>
            <p:cNvSpPr txBox="1"/>
            <p:nvPr/>
          </p:nvSpPr>
          <p:spPr>
            <a:xfrm>
              <a:off x="1688148" y="3714086"/>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mplementering</a:t>
              </a:r>
            </a:p>
          </p:txBody>
        </p:sp>
        <p:sp>
          <p:nvSpPr>
            <p:cNvPr id="50" name="TextBox 49">
              <a:extLst>
                <a:ext uri="{FF2B5EF4-FFF2-40B4-BE49-F238E27FC236}">
                  <a16:creationId xmlns:a16="http://schemas.microsoft.com/office/drawing/2014/main" id="{0F61824D-FB89-DAB6-619F-978453813A09}"/>
                </a:ext>
              </a:extLst>
            </p:cNvPr>
            <p:cNvSpPr txBox="1"/>
            <p:nvPr/>
          </p:nvSpPr>
          <p:spPr>
            <a:xfrm>
              <a:off x="2299837" y="3721174"/>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Drift</a:t>
              </a:r>
            </a:p>
          </p:txBody>
        </p:sp>
        <p:cxnSp>
          <p:nvCxnSpPr>
            <p:cNvPr id="51" name="Straight Connector 50">
              <a:extLst>
                <a:ext uri="{FF2B5EF4-FFF2-40B4-BE49-F238E27FC236}">
                  <a16:creationId xmlns:a16="http://schemas.microsoft.com/office/drawing/2014/main" id="{21CCBB30-7789-D4E8-30E4-F5273CEC93B7}"/>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DFF82B37-55CA-CA0E-59DE-6534708BCC56}"/>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5912FD9E-7E1D-3AA1-EF18-AB01A46C9A9B}"/>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14" name="Rectangle 13">
            <a:extLst>
              <a:ext uri="{FF2B5EF4-FFF2-40B4-BE49-F238E27FC236}">
                <a16:creationId xmlns:a16="http://schemas.microsoft.com/office/drawing/2014/main" id="{3E57D719-89F9-1AAB-1993-45F68254821F}"/>
              </a:ext>
            </a:extLst>
          </p:cNvPr>
          <p:cNvSpPr/>
          <p:nvPr/>
        </p:nvSpPr>
        <p:spPr>
          <a:xfrm>
            <a:off x="3408013" y="2192514"/>
            <a:ext cx="5681357" cy="214319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900" b="1" noProof="0" dirty="0">
                <a:solidFill>
                  <a:srgbClr val="36465A"/>
                </a:solidFill>
              </a:rPr>
              <a:t>Generelle karakteristika</a:t>
            </a:r>
          </a:p>
          <a:p>
            <a:pPr marL="171450" indent="-171450">
              <a:buFont typeface="Wingdings" panose="05000000000000000000" pitchFamily="2" charset="2"/>
              <a:buChar char="Ø"/>
            </a:pPr>
            <a:r>
              <a:rPr lang="da-DK" sz="900" b="1" noProof="0" dirty="0">
                <a:solidFill>
                  <a:schemeClr val="tx1"/>
                </a:solidFill>
              </a:rPr>
              <a:t>Status på projekt: </a:t>
            </a:r>
            <a:r>
              <a:rPr lang="da-DK" sz="900" noProof="0" dirty="0">
                <a:solidFill>
                  <a:schemeClr val="tx1"/>
                </a:solidFill>
              </a:rPr>
              <a:t>OS2 blev grundlagt som en medlemsforening i 2012 af fem kommuner (Ballerup, Syddjurs, Sønderborg, Ishøj og København). Organisationen har en portefølje af ca. 28 idriftsatte open source-løsninger, og nye projekter opstartes løbende af medlemmerne.</a:t>
            </a:r>
          </a:p>
          <a:p>
            <a:pPr marL="171450" indent="-171450">
              <a:buFont typeface="Wingdings" panose="05000000000000000000" pitchFamily="2" charset="2"/>
              <a:buChar char="Ø"/>
            </a:pPr>
            <a:r>
              <a:rPr lang="da-DK" sz="900" b="1" noProof="0" dirty="0">
                <a:solidFill>
                  <a:schemeClr val="tx1"/>
                </a:solidFill>
              </a:rPr>
              <a:t>Antal myndigheder/organisationer: </a:t>
            </a:r>
            <a:r>
              <a:rPr lang="da-DK" sz="900" noProof="0" dirty="0">
                <a:solidFill>
                  <a:schemeClr val="tx1"/>
                </a:solidFill>
              </a:rPr>
              <a:t>Fællesskabet har 90 medlemsorganisationer, herunder 85 kommuner, Region Midtjylland, Region Nordjylland, Statens It, SKI og IT-forsyningen.</a:t>
            </a:r>
          </a:p>
          <a:p>
            <a:pPr marL="171450" indent="-171450">
              <a:buFont typeface="Wingdings" panose="05000000000000000000" pitchFamily="2" charset="2"/>
              <a:buChar char="Ø"/>
            </a:pPr>
            <a:r>
              <a:rPr lang="da-DK" sz="900" b="1" noProof="0" dirty="0">
                <a:solidFill>
                  <a:schemeClr val="tx1"/>
                </a:solidFill>
              </a:rPr>
              <a:t>Geografisk omfang: </a:t>
            </a:r>
            <a:r>
              <a:rPr lang="da-DK" sz="900" noProof="0" dirty="0">
                <a:solidFill>
                  <a:schemeClr val="tx1"/>
                </a:solidFill>
              </a:rPr>
              <a:t>Fællesskabet arbejder med løsninger til offentlige myndigheder i Danmark.</a:t>
            </a:r>
          </a:p>
          <a:p>
            <a:pPr marL="171450" indent="-171450">
              <a:buFont typeface="Wingdings" panose="05000000000000000000" pitchFamily="2" charset="2"/>
              <a:buChar char="Ø"/>
            </a:pPr>
            <a:r>
              <a:rPr lang="da-DK" sz="900" b="1" noProof="0" dirty="0">
                <a:solidFill>
                  <a:schemeClr val="tx1"/>
                </a:solidFill>
              </a:rPr>
              <a:t>Antal brugere omfattet: </a:t>
            </a:r>
            <a:r>
              <a:rPr lang="da-DK" sz="900" noProof="0" dirty="0">
                <a:solidFill>
                  <a:schemeClr val="tx1"/>
                </a:solidFill>
              </a:rPr>
              <a:t>Brugerantallet varierer afhængig af det enkelte OS2-produkt. Da fællesskabet omfatter 85 kommuner samt øvrige offentlige organisationer, kan løsningerne samlet set nå et stort antal brugere. For de enkelte produkter er det omfattede antal brugere begrænset til relativt få brugere, mens andre anvendes bredt på tværs af myndigheder. Fx anvendes OS2-produktet KITOS til at understøtte overblik over bl.a. it-systemer og systemporteføljen i 78 kommuner.</a:t>
            </a:r>
          </a:p>
          <a:p>
            <a:pPr marL="171450" indent="-171450">
              <a:buFont typeface="Wingdings" panose="05000000000000000000" pitchFamily="2" charset="2"/>
              <a:buChar char="Ø"/>
            </a:pPr>
            <a:r>
              <a:rPr lang="da-DK" sz="900" b="1" noProof="0" dirty="0">
                <a:solidFill>
                  <a:schemeClr val="tx1"/>
                </a:solidFill>
              </a:rPr>
              <a:t>Antal systemer berørt: </a:t>
            </a:r>
            <a:r>
              <a:rPr lang="da-DK" sz="900" noProof="0" dirty="0">
                <a:solidFill>
                  <a:schemeClr val="tx1"/>
                </a:solidFill>
              </a:rPr>
              <a:t>OS2’s portefølje omfatter 28 produkter, hvoraf mere end 500 instanser er i drift hos offentlige myndigheder.</a:t>
            </a:r>
            <a:endParaRPr lang="da-DK" sz="900" noProof="0" dirty="0">
              <a:solidFill>
                <a:schemeClr val="tx1"/>
              </a:solidFill>
              <a:highlight>
                <a:srgbClr val="FFFF00"/>
              </a:highlight>
            </a:endParaRPr>
          </a:p>
        </p:txBody>
      </p:sp>
      <p:sp>
        <p:nvSpPr>
          <p:cNvPr id="49" name="Isosceles Triangle 48">
            <a:extLst>
              <a:ext uri="{FF2B5EF4-FFF2-40B4-BE49-F238E27FC236}">
                <a16:creationId xmlns:a16="http://schemas.microsoft.com/office/drawing/2014/main" id="{39180BCC-3860-061E-5506-E103221E3029}"/>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6" name="Straight Connector 5">
            <a:extLst>
              <a:ext uri="{FF2B5EF4-FFF2-40B4-BE49-F238E27FC236}">
                <a16:creationId xmlns:a16="http://schemas.microsoft.com/office/drawing/2014/main" id="{BEB4D001-733F-3D33-9AAC-24C641F8B9FB}"/>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0048E700-9ECB-9BB4-2CFE-758A3EE0ADA0}"/>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Gevinster </a:t>
            </a:r>
          </a:p>
        </p:txBody>
      </p:sp>
      <p:sp>
        <p:nvSpPr>
          <p:cNvPr id="59" name="Content Placeholder 5">
            <a:extLst>
              <a:ext uri="{FF2B5EF4-FFF2-40B4-BE49-F238E27FC236}">
                <a16:creationId xmlns:a16="http://schemas.microsoft.com/office/drawing/2014/main" id="{7426F1F8-346C-5434-4409-560B3B7F807E}"/>
              </a:ext>
            </a:extLst>
          </p:cNvPr>
          <p:cNvSpPr txBox="1">
            <a:spLocks/>
          </p:cNvSpPr>
          <p:nvPr/>
        </p:nvSpPr>
        <p:spPr>
          <a:xfrm>
            <a:off x="3505880" y="4578217"/>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dirty="0">
                <a:solidFill>
                  <a:schemeClr val="tx1"/>
                </a:solidFill>
              </a:rPr>
              <a:t>Reduceret afhængighed:</a:t>
            </a:r>
            <a:r>
              <a:rPr lang="da-DK" sz="900" b="0" noProof="0" dirty="0">
                <a:solidFill>
                  <a:schemeClr val="tx1"/>
                </a:solidFill>
              </a:rPr>
              <a:t> Mindre afhængighed til enkeltleverandører og </a:t>
            </a:r>
            <a:r>
              <a:rPr lang="da-DK" sz="900" b="0" noProof="0" dirty="0" err="1">
                <a:solidFill>
                  <a:schemeClr val="tx1"/>
                </a:solidFill>
              </a:rPr>
              <a:t>proprietære</a:t>
            </a:r>
            <a:r>
              <a:rPr lang="da-DK" sz="900" b="0" noProof="0" dirty="0">
                <a:solidFill>
                  <a:schemeClr val="tx1"/>
                </a:solidFill>
              </a:rPr>
              <a:t> systemer via OSS som alternativ.</a:t>
            </a:r>
          </a:p>
          <a:p>
            <a:pPr marL="171450" indent="-171450">
              <a:buFont typeface="Wingdings" panose="05000000000000000000" pitchFamily="2" charset="2"/>
              <a:buChar char="Ø"/>
            </a:pPr>
            <a:r>
              <a:rPr lang="da-DK" sz="900" noProof="0" dirty="0">
                <a:solidFill>
                  <a:schemeClr val="tx1"/>
                </a:solidFill>
              </a:rPr>
              <a:t>Mulighed for genbrug: </a:t>
            </a:r>
            <a:r>
              <a:rPr lang="da-DK" sz="900" b="0" noProof="0" dirty="0">
                <a:solidFill>
                  <a:schemeClr val="tx1"/>
                </a:solidFill>
              </a:rPr>
              <a:t>Løsninger kan (gen)bruges på tværs af organisationer, hvilket kan reducere udviklingsomkostninger.</a:t>
            </a:r>
          </a:p>
          <a:p>
            <a:pPr marL="171450" indent="-171450">
              <a:buFont typeface="Wingdings" panose="05000000000000000000" pitchFamily="2" charset="2"/>
              <a:buChar char="Ø"/>
            </a:pPr>
            <a:r>
              <a:rPr lang="da-DK" sz="900" noProof="0" dirty="0">
                <a:solidFill>
                  <a:schemeClr val="tx1"/>
                </a:solidFill>
              </a:rPr>
              <a:t>Styrket samarbejde og videndeling: </a:t>
            </a:r>
            <a:r>
              <a:rPr lang="da-DK" sz="900" b="0" noProof="0" dirty="0">
                <a:solidFill>
                  <a:schemeClr val="tx1"/>
                </a:solidFill>
              </a:rPr>
              <a:t>Mellem offentlige myndigheder og mellem myndigheder og leverandørmarked.</a:t>
            </a:r>
          </a:p>
          <a:p>
            <a:pPr marL="171450" indent="-171450">
              <a:buFont typeface="Wingdings" panose="05000000000000000000" pitchFamily="2" charset="2"/>
              <a:buChar char="Ø"/>
            </a:pPr>
            <a:r>
              <a:rPr lang="da-DK" sz="900" noProof="0" dirty="0">
                <a:solidFill>
                  <a:schemeClr val="tx1"/>
                </a:solidFill>
              </a:rPr>
              <a:t>Øget transparens:</a:t>
            </a:r>
            <a:r>
              <a:rPr lang="da-DK" sz="900" b="0" noProof="0" dirty="0">
                <a:solidFill>
                  <a:schemeClr val="tx1"/>
                </a:solidFill>
              </a:rPr>
              <a:t> Øget gennemsigtighed i it- udvikling og </a:t>
            </a:r>
            <a:r>
              <a:rPr lang="da-DK" sz="900" b="0" noProof="0" dirty="0" err="1">
                <a:solidFill>
                  <a:schemeClr val="tx1"/>
                </a:solidFill>
              </a:rPr>
              <a:t>governance</a:t>
            </a:r>
            <a:r>
              <a:rPr lang="da-DK" sz="900" b="0" noProof="0" dirty="0">
                <a:solidFill>
                  <a:schemeClr val="tx1"/>
                </a:solidFill>
              </a:rPr>
              <a:t>.</a:t>
            </a:r>
            <a:endParaRPr lang="da-DK" sz="900" noProof="0" dirty="0"/>
          </a:p>
        </p:txBody>
      </p:sp>
      <p:sp>
        <p:nvSpPr>
          <p:cNvPr id="23" name="Content Placeholder 5">
            <a:extLst>
              <a:ext uri="{FF2B5EF4-FFF2-40B4-BE49-F238E27FC236}">
                <a16:creationId xmlns:a16="http://schemas.microsoft.com/office/drawing/2014/main" id="{3B40F867-28C1-C8EB-9DF0-11241E121EBB}"/>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Barrierer</a:t>
            </a:r>
          </a:p>
        </p:txBody>
      </p:sp>
      <p:sp>
        <p:nvSpPr>
          <p:cNvPr id="89" name="Content Placeholder 5">
            <a:extLst>
              <a:ext uri="{FF2B5EF4-FFF2-40B4-BE49-F238E27FC236}">
                <a16:creationId xmlns:a16="http://schemas.microsoft.com/office/drawing/2014/main" id="{3C16BC42-BEC1-F8C8-D4FB-362B652ABCEA}"/>
              </a:ext>
            </a:extLst>
          </p:cNvPr>
          <p:cNvSpPr txBox="1">
            <a:spLocks/>
          </p:cNvSpPr>
          <p:nvPr/>
        </p:nvSpPr>
        <p:spPr>
          <a:xfrm>
            <a:off x="6317127" y="4574674"/>
            <a:ext cx="289014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Ins="0"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dirty="0">
                <a:solidFill>
                  <a:srgbClr val="000000"/>
                </a:solidFill>
              </a:rPr>
              <a:t>Ressourcer: </a:t>
            </a:r>
            <a:r>
              <a:rPr lang="da-DK" sz="900" b="0" noProof="0" dirty="0">
                <a:solidFill>
                  <a:srgbClr val="000000"/>
                </a:solidFill>
              </a:rPr>
              <a:t>Medlemmerne skal i nogen grad stille ressourcer til rådighed til bl.a. ideudvikling og projektstyring, hvilket kan være en udfordring for mindre myndigheder. Ressourcer deles imidlertid på tværs af fællesskabet.</a:t>
            </a:r>
          </a:p>
          <a:p>
            <a:pPr marL="171450" indent="-171450">
              <a:buFont typeface="Wingdings" panose="05000000000000000000" pitchFamily="2" charset="2"/>
              <a:buChar char="Ø"/>
            </a:pPr>
            <a:r>
              <a:rPr lang="da-DK" sz="900" noProof="0" dirty="0">
                <a:solidFill>
                  <a:srgbClr val="000000"/>
                </a:solidFill>
              </a:rPr>
              <a:t>Vedligeholdelse og videreudvikling:</a:t>
            </a:r>
            <a:r>
              <a:rPr lang="da-DK" sz="900" b="0" noProof="0" dirty="0">
                <a:solidFill>
                  <a:srgbClr val="000000"/>
                </a:solidFill>
              </a:rPr>
              <a:t> OSS kræver løbende engagement fra produkt-fællesskaber og finansiering fra flere parter, hvilket kan være vanskeligt at fastholde over tid.</a:t>
            </a:r>
          </a:p>
          <a:p>
            <a:pPr marL="171450" indent="-171450">
              <a:buFont typeface="Wingdings" panose="05000000000000000000" pitchFamily="2" charset="2"/>
              <a:buChar char="Ø"/>
            </a:pPr>
            <a:r>
              <a:rPr lang="da-DK" sz="900" noProof="0" dirty="0">
                <a:solidFill>
                  <a:srgbClr val="000000"/>
                </a:solidFill>
              </a:rPr>
              <a:t>Leverandørmarkedet kan være begrænset: </a:t>
            </a:r>
            <a:r>
              <a:rPr lang="da-DK" sz="900" b="0" noProof="0" dirty="0">
                <a:solidFill>
                  <a:srgbClr val="000000"/>
                </a:solidFill>
              </a:rPr>
              <a:t>Fordi leverandører skal acceptere en source-forpligtelse.</a:t>
            </a:r>
            <a:endParaRPr lang="da-DK" sz="900" noProof="0" dirty="0"/>
          </a:p>
        </p:txBody>
      </p:sp>
      <p:cxnSp>
        <p:nvCxnSpPr>
          <p:cNvPr id="25" name="Straight Connector 24">
            <a:extLst>
              <a:ext uri="{FF2B5EF4-FFF2-40B4-BE49-F238E27FC236}">
                <a16:creationId xmlns:a16="http://schemas.microsoft.com/office/drawing/2014/main" id="{EBE667C2-D432-432A-9258-6476AA6CB763}"/>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6D254FE9-B5D5-2671-655B-B3770989D893}"/>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cxnSp>
        <p:nvCxnSpPr>
          <p:cNvPr id="57" name="Straight Connector 56">
            <a:extLst>
              <a:ext uri="{FF2B5EF4-FFF2-40B4-BE49-F238E27FC236}">
                <a16:creationId xmlns:a16="http://schemas.microsoft.com/office/drawing/2014/main" id="{F48C54A5-A1B4-B0FC-7734-E85E7BDC1289}"/>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AE4A1E93-C942-DF27-601C-B413069DA4E7}"/>
              </a:ext>
              <a:ext uri="{C183D7F6-B498-43B3-948B-1728B52AA6E4}">
                <adec:decorative xmlns:adec="http://schemas.microsoft.com/office/drawing/2017/decorative" val="1"/>
              </a:ext>
            </a:extLst>
          </p:cNvPr>
          <p:cNvCxnSpPr>
            <a:cxnSpLocks/>
          </p:cNvCxnSpPr>
          <p:nvPr/>
        </p:nvCxnSpPr>
        <p:spPr>
          <a:xfrm>
            <a:off x="6514217"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D66955E7-80D6-A0BF-3925-1B7D4F112BC0}"/>
              </a:ext>
              <a:ext uri="{C183D7F6-B498-43B3-948B-1728B52AA6E4}">
                <adec:decorative xmlns:adec="http://schemas.microsoft.com/office/drawing/2017/decorative" val="1"/>
              </a:ext>
            </a:extLst>
          </p:cNvPr>
          <p:cNvCxnSpPr>
            <a:cxnSpLocks/>
          </p:cNvCxnSpPr>
          <p:nvPr/>
        </p:nvCxnSpPr>
        <p:spPr>
          <a:xfrm>
            <a:off x="3408176" y="2122972"/>
            <a:ext cx="3574515"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5" name="Rectangle 114">
            <a:extLst>
              <a:ext uri="{FF2B5EF4-FFF2-40B4-BE49-F238E27FC236}">
                <a16:creationId xmlns:a16="http://schemas.microsoft.com/office/drawing/2014/main" id="{CE4FC7FB-8462-BF8D-55C4-3966F6010EF9}"/>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endParaRPr lang="da-DK" sz="900" b="1" noProof="0">
              <a:solidFill>
                <a:schemeClr val="tx1"/>
              </a:solidFill>
            </a:endParaRPr>
          </a:p>
        </p:txBody>
      </p:sp>
      <p:cxnSp>
        <p:nvCxnSpPr>
          <p:cNvPr id="30" name="Straight Connector 29">
            <a:extLst>
              <a:ext uri="{FF2B5EF4-FFF2-40B4-BE49-F238E27FC236}">
                <a16:creationId xmlns:a16="http://schemas.microsoft.com/office/drawing/2014/main" id="{A5B1199C-BD4A-EDDC-E813-0D78435554F2}"/>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41E1C10C-3444-4F0F-E9BD-7D2F9D15D2D8}"/>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5" name="Oval 54">
            <a:extLst>
              <a:ext uri="{FF2B5EF4-FFF2-40B4-BE49-F238E27FC236}">
                <a16:creationId xmlns:a16="http://schemas.microsoft.com/office/drawing/2014/main" id="{8D0E9CF6-F415-9CF6-587C-4EE059D58A30}"/>
              </a:ext>
              <a:ext uri="{C183D7F6-B498-43B3-948B-1728B52AA6E4}">
                <adec:decorative xmlns:adec="http://schemas.microsoft.com/office/drawing/2017/decorative" val="1"/>
              </a:ext>
            </a:extLst>
          </p:cNvPr>
          <p:cNvSpPr/>
          <p:nvPr/>
        </p:nvSpPr>
        <p:spPr>
          <a:xfrm>
            <a:off x="8922862"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6" name="Rectangle 25">
            <a:extLst>
              <a:ext uri="{FF2B5EF4-FFF2-40B4-BE49-F238E27FC236}">
                <a16:creationId xmlns:a16="http://schemas.microsoft.com/office/drawing/2014/main" id="{C30F43E3-BB57-65B1-B5EA-AD51DE98E5B3}"/>
              </a:ext>
              <a:ext uri="{C183D7F6-B498-43B3-948B-1728B52AA6E4}">
                <adec:decorative xmlns:adec="http://schemas.microsoft.com/office/drawing/2017/decorative" val="1"/>
              </a:ext>
            </a:extLst>
          </p:cNvPr>
          <p:cNvSpPr>
            <a:spLocks/>
          </p:cNvSpPr>
          <p:nvPr/>
        </p:nvSpPr>
        <p:spPr>
          <a:xfrm>
            <a:off x="1070058" y="5894166"/>
            <a:ext cx="2008508" cy="208276"/>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grpSp>
        <p:nvGrpSpPr>
          <p:cNvPr id="101" name="Group 100">
            <a:extLst>
              <a:ext uri="{FF2B5EF4-FFF2-40B4-BE49-F238E27FC236}">
                <a16:creationId xmlns:a16="http://schemas.microsoft.com/office/drawing/2014/main" id="{F92621CF-06E1-9818-1470-BB32E1C5EC5D}"/>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02" name="Rectangle 101">
              <a:extLst>
                <a:ext uri="{FF2B5EF4-FFF2-40B4-BE49-F238E27FC236}">
                  <a16:creationId xmlns:a16="http://schemas.microsoft.com/office/drawing/2014/main" id="{13E214D1-93C0-CA23-786F-6C57F27040C5}"/>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03" name="Rectangle 102">
              <a:extLst>
                <a:ext uri="{FF2B5EF4-FFF2-40B4-BE49-F238E27FC236}">
                  <a16:creationId xmlns:a16="http://schemas.microsoft.com/office/drawing/2014/main" id="{E0DBFDEC-6E00-8ACC-0435-EAE857C67CB1}"/>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17" name="Rectangle 45">
            <a:extLst>
              <a:ext uri="{FF2B5EF4-FFF2-40B4-BE49-F238E27FC236}">
                <a16:creationId xmlns:a16="http://schemas.microsoft.com/office/drawing/2014/main" id="{0F52981D-DCB6-B37F-6B68-16F8644EC74E}"/>
              </a:ext>
              <a:ext uri="{C183D7F6-B498-43B3-948B-1728B52AA6E4}">
                <adec:decorative xmlns:adec="http://schemas.microsoft.com/office/drawing/2017/decorative" val="1"/>
              </a:ext>
            </a:extLst>
          </p:cNvPr>
          <p:cNvSpPr>
            <a:spLocks/>
          </p:cNvSpPr>
          <p:nvPr/>
        </p:nvSpPr>
        <p:spPr>
          <a:xfrm>
            <a:off x="1073145" y="5669574"/>
            <a:ext cx="1996499" cy="18800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grpSp>
        <p:nvGrpSpPr>
          <p:cNvPr id="8" name="Group 7" descr="Casen addresserer virkemidlerne Strategi og organisation samt alternative løsninger ">
            <a:extLst>
              <a:ext uri="{FF2B5EF4-FFF2-40B4-BE49-F238E27FC236}">
                <a16:creationId xmlns:a16="http://schemas.microsoft.com/office/drawing/2014/main" id="{73E5EBCA-5BBB-B5CD-217C-6BCA868C690E}"/>
              </a:ext>
            </a:extLst>
          </p:cNvPr>
          <p:cNvGrpSpPr/>
          <p:nvPr/>
        </p:nvGrpSpPr>
        <p:grpSpPr>
          <a:xfrm>
            <a:off x="9603525" y="1810298"/>
            <a:ext cx="2399666" cy="2088724"/>
            <a:chOff x="6170312" y="1801370"/>
            <a:chExt cx="2399666" cy="2088724"/>
          </a:xfrm>
        </p:grpSpPr>
        <p:sp>
          <p:nvSpPr>
            <p:cNvPr id="10" name="Content Placeholder 5">
              <a:extLst>
                <a:ext uri="{FF2B5EF4-FFF2-40B4-BE49-F238E27FC236}">
                  <a16:creationId xmlns:a16="http://schemas.microsoft.com/office/drawing/2014/main" id="{7F1D78B3-21EB-0AAE-ACB1-E03D1625A5F3}"/>
                </a:ext>
              </a:extLst>
            </p:cNvPr>
            <p:cNvSpPr txBox="1">
              <a:spLocks/>
            </p:cNvSpPr>
            <p:nvPr/>
          </p:nvSpPr>
          <p:spPr>
            <a:xfrm>
              <a:off x="6292650" y="1860060"/>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Virkemidler</a:t>
              </a:r>
            </a:p>
          </p:txBody>
        </p:sp>
        <p:sp>
          <p:nvSpPr>
            <p:cNvPr id="12" name="Rectangle: Rounded Corners 11">
              <a:extLst>
                <a:ext uri="{FF2B5EF4-FFF2-40B4-BE49-F238E27FC236}">
                  <a16:creationId xmlns:a16="http://schemas.microsoft.com/office/drawing/2014/main" id="{226A4023-403B-814B-3A24-C6B1157005F7}"/>
                </a:ext>
              </a:extLst>
            </p:cNvPr>
            <p:cNvSpPr/>
            <p:nvPr/>
          </p:nvSpPr>
          <p:spPr>
            <a:xfrm>
              <a:off x="6170312" y="1801370"/>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solidFill>
                  <a:srgbClr val="A2B3C9"/>
                </a:solidFill>
              </a:endParaRPr>
            </a:p>
          </p:txBody>
        </p:sp>
        <p:cxnSp>
          <p:nvCxnSpPr>
            <p:cNvPr id="15" name="Straight Connector 14">
              <a:extLst>
                <a:ext uri="{FF2B5EF4-FFF2-40B4-BE49-F238E27FC236}">
                  <a16:creationId xmlns:a16="http://schemas.microsoft.com/office/drawing/2014/main" id="{173AAE70-B36D-69F7-E8AD-4D57628E0F4D}"/>
                </a:ext>
              </a:extLst>
            </p:cNvPr>
            <p:cNvCxnSpPr>
              <a:cxnSpLocks/>
            </p:cNvCxnSpPr>
            <p:nvPr/>
          </p:nvCxnSpPr>
          <p:spPr>
            <a:xfrm>
              <a:off x="6281165" y="2112275"/>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Rektangel: afrundede hjørner 10">
              <a:extLst>
                <a:ext uri="{FF2B5EF4-FFF2-40B4-BE49-F238E27FC236}">
                  <a16:creationId xmlns:a16="http://schemas.microsoft.com/office/drawing/2014/main" id="{1DB38389-861D-B5D7-08DF-0C9817D9C06A}"/>
                </a:ext>
              </a:extLst>
            </p:cNvPr>
            <p:cNvSpPr>
              <a:spLocks/>
            </p:cNvSpPr>
            <p:nvPr/>
          </p:nvSpPr>
          <p:spPr>
            <a:xfrm>
              <a:off x="6281355" y="2161059"/>
              <a:ext cx="2190658" cy="252000"/>
            </a:xfrm>
            <a:prstGeom prst="roundRect">
              <a:avLst>
                <a:gd name="adj" fmla="val 5714"/>
              </a:avLst>
            </a:prstGeom>
            <a:solidFill>
              <a:srgbClr val="B7E5EE"/>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9" name="TextBox 4">
              <a:extLst>
                <a:ext uri="{FF2B5EF4-FFF2-40B4-BE49-F238E27FC236}">
                  <a16:creationId xmlns:a16="http://schemas.microsoft.com/office/drawing/2014/main" id="{8E2CF16D-9CD7-2D9C-5BC9-A64284C82841}"/>
                </a:ext>
              </a:extLst>
            </p:cNvPr>
            <p:cNvSpPr txBox="1">
              <a:spLocks/>
            </p:cNvSpPr>
            <p:nvPr/>
          </p:nvSpPr>
          <p:spPr>
            <a:xfrm>
              <a:off x="6579387" y="2172005"/>
              <a:ext cx="1955475" cy="230108"/>
            </a:xfrm>
            <a:prstGeom prst="rect">
              <a:avLst/>
            </a:prstGeom>
            <a:noFill/>
          </p:spPr>
          <p:txBody>
            <a:bodyPr wrap="square" lIns="0" rtlCol="0" anchor="ctr">
              <a:noAutofit/>
            </a:bodyPr>
            <a:lstStyle/>
            <a:p>
              <a:r>
                <a:rPr lang="da-DK" sz="700" b="1" noProof="0" dirty="0">
                  <a:solidFill>
                    <a:srgbClr val="024D78"/>
                  </a:solidFill>
                </a:rPr>
                <a:t>01 | Strategi og organisation</a:t>
              </a:r>
            </a:p>
          </p:txBody>
        </p:sp>
        <p:sp>
          <p:nvSpPr>
            <p:cNvPr id="20" name="Rektangel: afrundede hjørner 5">
              <a:extLst>
                <a:ext uri="{FF2B5EF4-FFF2-40B4-BE49-F238E27FC236}">
                  <a16:creationId xmlns:a16="http://schemas.microsoft.com/office/drawing/2014/main" id="{B5C2AE2D-92DB-9666-575A-EB3DD88450B6}"/>
                </a:ext>
              </a:extLst>
            </p:cNvPr>
            <p:cNvSpPr>
              <a:spLocks/>
            </p:cNvSpPr>
            <p:nvPr/>
          </p:nvSpPr>
          <p:spPr>
            <a:xfrm>
              <a:off x="6280700" y="3209658"/>
              <a:ext cx="2190658" cy="252000"/>
            </a:xfrm>
            <a:prstGeom prst="roundRect">
              <a:avLst>
                <a:gd name="adj" fmla="val 5714"/>
              </a:avLst>
            </a:prstGeom>
            <a:solidFill>
              <a:srgbClr val="B7E5EE">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1" name="Rektangel: afrundede hjørner 9">
              <a:extLst>
                <a:ext uri="{FF2B5EF4-FFF2-40B4-BE49-F238E27FC236}">
                  <a16:creationId xmlns:a16="http://schemas.microsoft.com/office/drawing/2014/main" id="{FD51CEC6-C766-6AB7-6A58-B0ECBCA3D0C0}"/>
                </a:ext>
              </a:extLst>
            </p:cNvPr>
            <p:cNvSpPr>
              <a:spLocks/>
            </p:cNvSpPr>
            <p:nvPr/>
          </p:nvSpPr>
          <p:spPr>
            <a:xfrm>
              <a:off x="6281618" y="2861617"/>
              <a:ext cx="2190193" cy="252000"/>
            </a:xfrm>
            <a:prstGeom prst="roundRect">
              <a:avLst>
                <a:gd name="adj" fmla="val 5714"/>
              </a:avLst>
            </a:prstGeom>
            <a:solidFill>
              <a:srgbClr val="B7E5EE">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4" name="Rektangel: afrundede hjørner 39">
              <a:extLst>
                <a:ext uri="{FF2B5EF4-FFF2-40B4-BE49-F238E27FC236}">
                  <a16:creationId xmlns:a16="http://schemas.microsoft.com/office/drawing/2014/main" id="{10CCCDC6-7E93-933D-3D06-70A19DA8C757}"/>
                </a:ext>
              </a:extLst>
            </p:cNvPr>
            <p:cNvSpPr>
              <a:spLocks/>
            </p:cNvSpPr>
            <p:nvPr/>
          </p:nvSpPr>
          <p:spPr>
            <a:xfrm>
              <a:off x="6280700" y="2490331"/>
              <a:ext cx="2190193" cy="252000"/>
            </a:xfrm>
            <a:prstGeom prst="roundRect">
              <a:avLst>
                <a:gd name="adj" fmla="val 5714"/>
              </a:avLst>
            </a:prstGeom>
            <a:solidFill>
              <a:srgbClr val="B7E5EE">
                <a:alpha val="7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33" name="Rektangel: afrundede hjørner 39">
              <a:extLst>
                <a:ext uri="{FF2B5EF4-FFF2-40B4-BE49-F238E27FC236}">
                  <a16:creationId xmlns:a16="http://schemas.microsoft.com/office/drawing/2014/main" id="{0EEB4157-91B4-437D-A82A-327DB6FDAFE4}"/>
                </a:ext>
              </a:extLst>
            </p:cNvPr>
            <p:cNvSpPr>
              <a:spLocks/>
            </p:cNvSpPr>
            <p:nvPr/>
          </p:nvSpPr>
          <p:spPr>
            <a:xfrm>
              <a:off x="6281165" y="3562176"/>
              <a:ext cx="2190193" cy="252000"/>
            </a:xfrm>
            <a:prstGeom prst="roundRect">
              <a:avLst>
                <a:gd name="adj" fmla="val 5714"/>
              </a:avLst>
            </a:prstGeom>
            <a:solidFill>
              <a:srgbClr val="B7E5EE">
                <a:alpha val="1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34" name="TextBox 4">
              <a:extLst>
                <a:ext uri="{FF2B5EF4-FFF2-40B4-BE49-F238E27FC236}">
                  <a16:creationId xmlns:a16="http://schemas.microsoft.com/office/drawing/2014/main" id="{415A3B89-8B65-27D5-7788-A5AAE18589BC}"/>
                </a:ext>
              </a:extLst>
            </p:cNvPr>
            <p:cNvSpPr txBox="1">
              <a:spLocks/>
            </p:cNvSpPr>
            <p:nvPr/>
          </p:nvSpPr>
          <p:spPr>
            <a:xfrm>
              <a:off x="6578922" y="3220604"/>
              <a:ext cx="1955475" cy="230108"/>
            </a:xfrm>
            <a:prstGeom prst="rect">
              <a:avLst/>
            </a:prstGeom>
            <a:noFill/>
          </p:spPr>
          <p:txBody>
            <a:bodyPr wrap="square" lIns="0" rtlCol="0" anchor="ctr">
              <a:noAutofit/>
            </a:bodyPr>
            <a:lstStyle/>
            <a:p>
              <a:r>
                <a:rPr lang="da-DK" sz="700" noProof="0" dirty="0">
                  <a:solidFill>
                    <a:srgbClr val="024D78"/>
                  </a:solidFill>
                </a:rPr>
                <a:t>04 | Indkøb, krav og leverandørsamarbejde</a:t>
              </a:r>
            </a:p>
          </p:txBody>
        </p:sp>
        <p:sp>
          <p:nvSpPr>
            <p:cNvPr id="35" name="TextBox 4">
              <a:extLst>
                <a:ext uri="{FF2B5EF4-FFF2-40B4-BE49-F238E27FC236}">
                  <a16:creationId xmlns:a16="http://schemas.microsoft.com/office/drawing/2014/main" id="{BAC7C91F-BA4A-3673-2DCE-0CD4508F1336}"/>
                </a:ext>
              </a:extLst>
            </p:cNvPr>
            <p:cNvSpPr txBox="1">
              <a:spLocks/>
            </p:cNvSpPr>
            <p:nvPr/>
          </p:nvSpPr>
          <p:spPr>
            <a:xfrm>
              <a:off x="6579387" y="2872563"/>
              <a:ext cx="1955475" cy="230108"/>
            </a:xfrm>
            <a:prstGeom prst="rect">
              <a:avLst/>
            </a:prstGeom>
            <a:noFill/>
          </p:spPr>
          <p:txBody>
            <a:bodyPr wrap="square" lIns="0" rtlCol="0" anchor="ctr">
              <a:noAutofit/>
            </a:bodyPr>
            <a:lstStyle/>
            <a:p>
              <a:r>
                <a:rPr lang="da-DK" sz="700" noProof="0" dirty="0">
                  <a:solidFill>
                    <a:srgbClr val="024D78"/>
                  </a:solidFill>
                </a:rPr>
                <a:t>03 | Arkitektur og åbne standarder</a:t>
              </a:r>
            </a:p>
          </p:txBody>
        </p:sp>
        <p:sp>
          <p:nvSpPr>
            <p:cNvPr id="36" name="TextBox 4">
              <a:extLst>
                <a:ext uri="{FF2B5EF4-FFF2-40B4-BE49-F238E27FC236}">
                  <a16:creationId xmlns:a16="http://schemas.microsoft.com/office/drawing/2014/main" id="{D616F0FD-9090-CC1F-DE3D-D3C78A1820A9}"/>
                </a:ext>
              </a:extLst>
            </p:cNvPr>
            <p:cNvSpPr txBox="1">
              <a:spLocks/>
            </p:cNvSpPr>
            <p:nvPr/>
          </p:nvSpPr>
          <p:spPr>
            <a:xfrm>
              <a:off x="6578469" y="2501277"/>
              <a:ext cx="1955475" cy="230108"/>
            </a:xfrm>
            <a:prstGeom prst="rect">
              <a:avLst/>
            </a:prstGeom>
            <a:noFill/>
          </p:spPr>
          <p:txBody>
            <a:bodyPr wrap="square" lIns="0" rtlCol="0" anchor="ctr">
              <a:noAutofit/>
            </a:bodyPr>
            <a:lstStyle/>
            <a:p>
              <a:r>
                <a:rPr lang="da-DK" sz="700" noProof="0" dirty="0">
                  <a:solidFill>
                    <a:srgbClr val="024D78"/>
                  </a:solidFill>
                </a:rPr>
                <a:t>02 | Risikobaseret styring af afhængigheder</a:t>
              </a:r>
            </a:p>
          </p:txBody>
        </p:sp>
        <p:sp>
          <p:nvSpPr>
            <p:cNvPr id="37" name="TextBox 4">
              <a:extLst>
                <a:ext uri="{FF2B5EF4-FFF2-40B4-BE49-F238E27FC236}">
                  <a16:creationId xmlns:a16="http://schemas.microsoft.com/office/drawing/2014/main" id="{26266DC8-D1F6-B78C-418B-1D807F6A6CB3}"/>
                </a:ext>
              </a:extLst>
            </p:cNvPr>
            <p:cNvSpPr txBox="1">
              <a:spLocks/>
            </p:cNvSpPr>
            <p:nvPr/>
          </p:nvSpPr>
          <p:spPr>
            <a:xfrm>
              <a:off x="6579387" y="3573122"/>
              <a:ext cx="1955475" cy="230108"/>
            </a:xfrm>
            <a:prstGeom prst="rect">
              <a:avLst/>
            </a:prstGeom>
            <a:noFill/>
          </p:spPr>
          <p:txBody>
            <a:bodyPr wrap="square" lIns="0" rtlCol="0" anchor="ctr">
              <a:noAutofit/>
            </a:bodyPr>
            <a:lstStyle/>
            <a:p>
              <a:r>
                <a:rPr lang="da-DK" sz="700" b="1" noProof="0" dirty="0">
                  <a:solidFill>
                    <a:srgbClr val="024D78"/>
                  </a:solidFill>
                </a:rPr>
                <a:t>05 | Alternative løsninger</a:t>
              </a:r>
            </a:p>
          </p:txBody>
        </p:sp>
        <p:sp>
          <p:nvSpPr>
            <p:cNvPr id="40" name="Freeform 7">
              <a:extLst>
                <a:ext uri="{FF2B5EF4-FFF2-40B4-BE49-F238E27FC236}">
                  <a16:creationId xmlns:a16="http://schemas.microsoft.com/office/drawing/2014/main" id="{B2228BAC-5D53-05BC-CE98-DAC79BD0629D}"/>
                </a:ext>
              </a:extLst>
            </p:cNvPr>
            <p:cNvSpPr>
              <a:spLocks noEditPoints="1"/>
            </p:cNvSpPr>
            <p:nvPr/>
          </p:nvSpPr>
          <p:spPr bwMode="auto">
            <a:xfrm>
              <a:off x="6353426" y="3250371"/>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60" name="Group 59">
              <a:extLst>
                <a:ext uri="{FF2B5EF4-FFF2-40B4-BE49-F238E27FC236}">
                  <a16:creationId xmlns:a16="http://schemas.microsoft.com/office/drawing/2014/main" id="{59ED17F1-3BD8-620D-0574-66DBDAB26F41}"/>
                </a:ext>
              </a:extLst>
            </p:cNvPr>
            <p:cNvGrpSpPr/>
            <p:nvPr/>
          </p:nvGrpSpPr>
          <p:grpSpPr>
            <a:xfrm>
              <a:off x="6345364" y="2912838"/>
              <a:ext cx="193946" cy="152578"/>
              <a:chOff x="8675444" y="2927353"/>
              <a:chExt cx="573087" cy="450850"/>
            </a:xfrm>
            <a:solidFill>
              <a:srgbClr val="024D78"/>
            </a:solidFill>
          </p:grpSpPr>
          <p:sp>
            <p:nvSpPr>
              <p:cNvPr id="109" name="Freeform 257">
                <a:extLst>
                  <a:ext uri="{FF2B5EF4-FFF2-40B4-BE49-F238E27FC236}">
                    <a16:creationId xmlns:a16="http://schemas.microsoft.com/office/drawing/2014/main" id="{5F00405A-46BE-EAB4-20A6-B19A3F4F5682}"/>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10" name="Freeform 258">
                <a:extLst>
                  <a:ext uri="{FF2B5EF4-FFF2-40B4-BE49-F238E27FC236}">
                    <a16:creationId xmlns:a16="http://schemas.microsoft.com/office/drawing/2014/main" id="{B8A97566-29C3-6CD9-F6BB-69545E9B87F5}"/>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11" name="Freeform 259">
                <a:extLst>
                  <a:ext uri="{FF2B5EF4-FFF2-40B4-BE49-F238E27FC236}">
                    <a16:creationId xmlns:a16="http://schemas.microsoft.com/office/drawing/2014/main" id="{E21843A8-3A8F-29BF-5738-8095255F6E0A}"/>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68" name="Group 67">
              <a:extLst>
                <a:ext uri="{FF2B5EF4-FFF2-40B4-BE49-F238E27FC236}">
                  <a16:creationId xmlns:a16="http://schemas.microsoft.com/office/drawing/2014/main" id="{3418B053-91C5-B6EE-E722-CD55C577106A}"/>
                </a:ext>
              </a:extLst>
            </p:cNvPr>
            <p:cNvGrpSpPr/>
            <p:nvPr/>
          </p:nvGrpSpPr>
          <p:grpSpPr>
            <a:xfrm>
              <a:off x="6352025" y="2519193"/>
              <a:ext cx="178788" cy="179199"/>
              <a:chOff x="8695953" y="3768979"/>
              <a:chExt cx="531804" cy="533027"/>
            </a:xfrm>
            <a:solidFill>
              <a:srgbClr val="024D78"/>
            </a:solidFill>
          </p:grpSpPr>
          <p:sp>
            <p:nvSpPr>
              <p:cNvPr id="106" name="Freeform 291">
                <a:extLst>
                  <a:ext uri="{FF2B5EF4-FFF2-40B4-BE49-F238E27FC236}">
                    <a16:creationId xmlns:a16="http://schemas.microsoft.com/office/drawing/2014/main" id="{8EE88984-6464-32DD-D9B6-161FA9043695}"/>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07" name="Freeform 292">
                <a:extLst>
                  <a:ext uri="{FF2B5EF4-FFF2-40B4-BE49-F238E27FC236}">
                    <a16:creationId xmlns:a16="http://schemas.microsoft.com/office/drawing/2014/main" id="{3FB3B099-D60D-C600-7429-858EDCA827AB}"/>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08" name="Freeform 293">
                <a:extLst>
                  <a:ext uri="{FF2B5EF4-FFF2-40B4-BE49-F238E27FC236}">
                    <a16:creationId xmlns:a16="http://schemas.microsoft.com/office/drawing/2014/main" id="{55614102-D773-D6FA-FFC8-2367BFBA815D}"/>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104" name="Freeform 25">
              <a:extLst>
                <a:ext uri="{FF2B5EF4-FFF2-40B4-BE49-F238E27FC236}">
                  <a16:creationId xmlns:a16="http://schemas.microsoft.com/office/drawing/2014/main" id="{96E593E4-A409-F514-D4A6-3903B975A100}"/>
                </a:ext>
              </a:extLst>
            </p:cNvPr>
            <p:cNvSpPr>
              <a:spLocks noEditPoints="1"/>
            </p:cNvSpPr>
            <p:nvPr/>
          </p:nvSpPr>
          <p:spPr bwMode="auto">
            <a:xfrm>
              <a:off x="6336953" y="3594116"/>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105" name="Freeform 17">
              <a:extLst>
                <a:ext uri="{FF2B5EF4-FFF2-40B4-BE49-F238E27FC236}">
                  <a16:creationId xmlns:a16="http://schemas.microsoft.com/office/drawing/2014/main" id="{5C57F7F1-516D-CE6B-07D9-2347A834AA17}"/>
                </a:ext>
              </a:extLst>
            </p:cNvPr>
            <p:cNvSpPr>
              <a:spLocks noEditPoints="1"/>
            </p:cNvSpPr>
            <p:nvPr/>
          </p:nvSpPr>
          <p:spPr bwMode="auto">
            <a:xfrm>
              <a:off x="6352866" y="2197783"/>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grpSp>
      <p:sp>
        <p:nvSpPr>
          <p:cNvPr id="29" name="Content Placeholder 5">
            <a:extLst>
              <a:ext uri="{FF2B5EF4-FFF2-40B4-BE49-F238E27FC236}">
                <a16:creationId xmlns:a16="http://schemas.microsoft.com/office/drawing/2014/main" id="{DC582562-7C55-657E-DCD6-82057DE04331}"/>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Nøgleerfaringer og </a:t>
            </a:r>
            <a:r>
              <a:rPr lang="da-DK" sz="1100" noProof="0" dirty="0" err="1">
                <a:solidFill>
                  <a:srgbClr val="36465A"/>
                </a:solidFill>
              </a:rPr>
              <a:t>læringer</a:t>
            </a:r>
            <a:endParaRPr lang="da-DK" sz="1100" noProof="0">
              <a:solidFill>
                <a:srgbClr val="36465A"/>
              </a:solidFill>
            </a:endParaRPr>
          </a:p>
        </p:txBody>
      </p:sp>
      <p:sp>
        <p:nvSpPr>
          <p:cNvPr id="32" name="Content Placeholder 5">
            <a:extLst>
              <a:ext uri="{FF2B5EF4-FFF2-40B4-BE49-F238E27FC236}">
                <a16:creationId xmlns:a16="http://schemas.microsoft.com/office/drawing/2014/main" id="{33AEE72A-B94C-D07D-F200-26DD1B160329}"/>
              </a:ext>
            </a:extLst>
          </p:cNvPr>
          <p:cNvSpPr txBox="1">
            <a:spLocks/>
          </p:cNvSpPr>
          <p:nvPr/>
        </p:nvSpPr>
        <p:spPr>
          <a:xfrm>
            <a:off x="9739805" y="4346558"/>
            <a:ext cx="2129562" cy="2014212"/>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ts val="600"/>
              </a:spcAft>
              <a:buFont typeface="Wingdings" panose="05000000000000000000" pitchFamily="2" charset="2"/>
              <a:buChar char="ü"/>
            </a:pPr>
            <a:r>
              <a:rPr lang="da-DK" sz="900" noProof="0">
                <a:solidFill>
                  <a:schemeClr val="tx1"/>
                </a:solidFill>
              </a:rPr>
              <a:t>Open source er et reelt alternativ på mange områder</a:t>
            </a:r>
            <a:br>
              <a:rPr lang="da-DK" sz="900" noProof="0"/>
            </a:br>
            <a:r>
              <a:rPr lang="da-DK" sz="900" b="0" noProof="0"/>
              <a:t>OS2 viser, at det er muligt at skabe reelle alternativer på tværs af teknologistakken.</a:t>
            </a:r>
            <a:endParaRPr lang="da-DK" sz="900" noProof="0">
              <a:solidFill>
                <a:schemeClr val="tx1"/>
              </a:solidFill>
            </a:endParaRPr>
          </a:p>
          <a:p>
            <a:pPr marL="171450" indent="-171450" defTabSz="914400" eaLnBrk="0" fontAlgn="base" hangingPunct="0">
              <a:spcBef>
                <a:spcPct val="0"/>
              </a:spcBef>
              <a:spcAft>
                <a:spcPts val="600"/>
              </a:spcAft>
              <a:buFont typeface="Wingdings" panose="05000000000000000000" pitchFamily="2" charset="2"/>
              <a:buChar char="ü"/>
            </a:pPr>
            <a:r>
              <a:rPr lang="da-DK" sz="900" noProof="0"/>
              <a:t>Fælles open source-løsninger kræver aktivt engagement</a:t>
            </a:r>
            <a:br>
              <a:rPr lang="da-DK" sz="900" b="0" noProof="0"/>
            </a:br>
            <a:r>
              <a:rPr lang="da-DK" sz="900" b="0" noProof="0"/>
              <a:t>Det er muligt at skabe robuste alternativer gennem et fællesskab, men det forudsætter, at medlemmerne bidrager med ressourcer og engagement.</a:t>
            </a:r>
            <a:endParaRPr lang="da-DK" sz="900" noProof="0">
              <a:solidFill>
                <a:schemeClr val="tx1"/>
              </a:solidFill>
            </a:endParaRPr>
          </a:p>
        </p:txBody>
      </p:sp>
      <p:sp>
        <p:nvSpPr>
          <p:cNvPr id="28" name="Rectangle 27">
            <a:extLst>
              <a:ext uri="{FF2B5EF4-FFF2-40B4-BE49-F238E27FC236}">
                <a16:creationId xmlns:a16="http://schemas.microsoft.com/office/drawing/2014/main" id="{4EE53829-28F1-863C-2951-A098E60F0D1C}"/>
              </a:ext>
              <a:ext uri="{C183D7F6-B498-43B3-948B-1728B52AA6E4}">
                <adec:decorative xmlns:adec="http://schemas.microsoft.com/office/drawing/2017/decorative" val="1"/>
              </a:ext>
            </a:extLst>
          </p:cNvPr>
          <p:cNvSpPr>
            <a:spLocks/>
          </p:cNvSpPr>
          <p:nvPr/>
        </p:nvSpPr>
        <p:spPr>
          <a:xfrm>
            <a:off x="9660370" y="2465890"/>
            <a:ext cx="2265245" cy="1067847"/>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Tree>
    <p:extLst>
      <p:ext uri="{BB962C8B-B14F-4D97-AF65-F5344CB8AC3E}">
        <p14:creationId xmlns:p14="http://schemas.microsoft.com/office/powerpoint/2010/main" val="3281761050"/>
      </p:ext>
    </p:extLst>
  </p:cSld>
  <p:clrMapOvr>
    <a:masterClrMapping/>
  </p:clrMapOvr>
  <p:transition>
    <p:fade/>
  </p:transition>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1F38DD2-B521-D3E8-6E0A-5764D4E48894}"/>
            </a:ext>
          </a:extLst>
        </p:cNvPr>
        <p:cNvGrpSpPr/>
        <p:nvPr/>
      </p:nvGrpSpPr>
      <p:grpSpPr>
        <a:xfrm>
          <a:off x="0" y="0"/>
          <a:ext cx="0" cy="0"/>
          <a:chOff x="0" y="0"/>
          <a:chExt cx="0" cy="0"/>
        </a:xfrm>
      </p:grpSpPr>
      <p:sp>
        <p:nvSpPr>
          <p:cNvPr id="26" name="Rectangle: Rounded Corners 25">
            <a:extLst>
              <a:ext uri="{FF2B5EF4-FFF2-40B4-BE49-F238E27FC236}">
                <a16:creationId xmlns:a16="http://schemas.microsoft.com/office/drawing/2014/main" id="{6769B651-A63A-C1A3-736F-7FE99F4D7F31}"/>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a:solidFill>
                  <a:srgbClr val="36465A"/>
                </a:solidFill>
              </a:rPr>
              <a:t>Case 08 | Fællesoffentlig open source-fællesskab – OS2</a:t>
            </a:r>
          </a:p>
        </p:txBody>
      </p:sp>
      <p:sp>
        <p:nvSpPr>
          <p:cNvPr id="219" name="Rectangle: Rounded Corners 21">
            <a:extLst>
              <a:ext uri="{FF2B5EF4-FFF2-40B4-BE49-F238E27FC236}">
                <a16:creationId xmlns:a16="http://schemas.microsoft.com/office/drawing/2014/main" id="{653C089F-4B15-6A53-9688-F366D3033126}"/>
              </a:ext>
              <a:ext uri="{C183D7F6-B498-43B3-948B-1728B52AA6E4}">
                <adec:decorative xmlns:adec="http://schemas.microsoft.com/office/drawing/2017/decorative" val="1"/>
              </a:ext>
            </a:extLst>
          </p:cNvPr>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400" noProof="0"/>
          </a:p>
        </p:txBody>
      </p:sp>
      <p:pic>
        <p:nvPicPr>
          <p:cNvPr id="6" name="Picture 8">
            <a:extLst>
              <a:ext uri="{FF2B5EF4-FFF2-40B4-BE49-F238E27FC236}">
                <a16:creationId xmlns:a16="http://schemas.microsoft.com/office/drawing/2014/main" id="{BEBE5F86-5A5A-8631-11EA-DF66754160F2}"/>
              </a:ext>
              <a:ext uri="{C183D7F6-B498-43B3-948B-1728B52AA6E4}">
                <adec:decorative xmlns:adec="http://schemas.microsoft.com/office/drawing/2017/decorative" val="1"/>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0573375" y="195829"/>
            <a:ext cx="1008000" cy="1008000"/>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3E906165-22AD-CB3A-CB8B-BA483B7956FC}"/>
              </a:ext>
            </a:extLst>
          </p:cNvPr>
          <p:cNvSpPr>
            <a:spLocks noGrp="1"/>
          </p:cNvSpPr>
          <p:nvPr>
            <p:ph type="title"/>
          </p:nvPr>
        </p:nvSpPr>
        <p:spPr/>
        <p:txBody>
          <a:bodyPr/>
          <a:lstStyle/>
          <a:p>
            <a:r>
              <a:rPr lang="da-DK" sz="2200" noProof="0" dirty="0"/>
              <a:t>Side 2/3 | </a:t>
            </a:r>
            <a:r>
              <a:rPr lang="da-DK" sz="2200" b="1" noProof="0" dirty="0"/>
              <a:t>Formål , baggrund og kontekst</a:t>
            </a:r>
            <a:endParaRPr lang="da-DK" sz="2200" i="1" noProof="0" dirty="0"/>
          </a:p>
        </p:txBody>
      </p:sp>
      <p:sp>
        <p:nvSpPr>
          <p:cNvPr id="10" name="Rectangle: Rounded Corners 9">
            <a:extLst>
              <a:ext uri="{FF2B5EF4-FFF2-40B4-BE49-F238E27FC236}">
                <a16:creationId xmlns:a16="http://schemas.microsoft.com/office/drawing/2014/main" id="{56D51EB8-A99A-1A50-EF50-BB137D0C69D1}"/>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Formål og strategi</a:t>
            </a:r>
          </a:p>
        </p:txBody>
      </p:sp>
      <p:sp>
        <p:nvSpPr>
          <p:cNvPr id="3" name="Rectangle 2">
            <a:extLst>
              <a:ext uri="{FF2B5EF4-FFF2-40B4-BE49-F238E27FC236}">
                <a16:creationId xmlns:a16="http://schemas.microsoft.com/office/drawing/2014/main" id="{763D8822-E01D-7043-BE6A-63C9D144093E}"/>
              </a:ext>
            </a:extLst>
          </p:cNvPr>
          <p:cNvSpPr/>
          <p:nvPr/>
        </p:nvSpPr>
        <p:spPr>
          <a:xfrm>
            <a:off x="560498" y="2069025"/>
            <a:ext cx="2985320" cy="424222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sym typeface="Wingdings" panose="05000000000000000000" pitchFamily="2" charset="2"/>
              </a:rPr>
              <a:t>Formål</a:t>
            </a:r>
          </a:p>
          <a:p>
            <a:r>
              <a:rPr lang="da-DK" sz="900" noProof="0" dirty="0">
                <a:solidFill>
                  <a:schemeClr val="tx1"/>
                </a:solidFill>
              </a:rPr>
              <a:t>Formålet med OS2 er at styrke kommunerne og andre offentlige myndigheders digitale handlefrihed gennem fælles udvikling og anvendelse af OSS. OS2-fællesskabet arbejder efter at reducere afhængigheden af enkeltleverandører og skabe mulighed for at tilpasse og videreudvikle løsninger efter lokale behov.</a:t>
            </a:r>
          </a:p>
          <a:p>
            <a:endParaRPr lang="da-DK" sz="900" noProof="0" dirty="0">
              <a:solidFill>
                <a:schemeClr val="tx1"/>
              </a:solidFill>
              <a:sym typeface="Wingdings" panose="05000000000000000000" pitchFamily="2" charset="2"/>
            </a:endParaRPr>
          </a:p>
          <a:p>
            <a:r>
              <a:rPr lang="da-DK" sz="900" noProof="0" dirty="0">
                <a:solidFill>
                  <a:schemeClr val="tx1"/>
                </a:solidFill>
                <a:sym typeface="Wingdings" panose="05000000000000000000" pitchFamily="2" charset="2"/>
              </a:rPr>
              <a:t>Ambitionen er at etablere en samarbejdsmodel, hvor kommuner og andre offentlige myndigheder i fællesskab udvikler og vedligeholder digitale løsninger. Det indebærer en bevægelse mod:</a:t>
            </a:r>
          </a:p>
          <a:p>
            <a:pPr marL="171450" indent="-171450">
              <a:buFont typeface="Arial" panose="020B0604020202020204" pitchFamily="34" charset="0"/>
              <a:buChar char="•"/>
            </a:pPr>
            <a:r>
              <a:rPr lang="da-DK" sz="900" noProof="0" dirty="0">
                <a:solidFill>
                  <a:schemeClr val="tx1"/>
                </a:solidFill>
                <a:sym typeface="Wingdings" panose="05000000000000000000" pitchFamily="2" charset="2"/>
              </a:rPr>
              <a:t>Løsninger, der udvikles med åben kildekode for at sikre fleksible og transparente løsninger</a:t>
            </a:r>
          </a:p>
          <a:p>
            <a:pPr marL="171450" indent="-171450">
              <a:buFont typeface="Arial" panose="020B0604020202020204" pitchFamily="34" charset="0"/>
              <a:buChar char="•"/>
            </a:pPr>
            <a:r>
              <a:rPr lang="da-DK" sz="900" noProof="0" dirty="0">
                <a:solidFill>
                  <a:schemeClr val="tx1"/>
                </a:solidFill>
                <a:sym typeface="Wingdings" panose="05000000000000000000" pitchFamily="2" charset="2"/>
              </a:rPr>
              <a:t>Offentlige myndigheder, der deler ressourcer, viden og løsninger</a:t>
            </a:r>
          </a:p>
          <a:p>
            <a:pPr marL="171450" indent="-171450">
              <a:buFont typeface="Arial" panose="020B0604020202020204" pitchFamily="34" charset="0"/>
              <a:buChar char="•"/>
            </a:pPr>
            <a:r>
              <a:rPr lang="da-DK" sz="900" noProof="0" dirty="0" err="1">
                <a:solidFill>
                  <a:schemeClr val="tx1"/>
                </a:solidFill>
                <a:sym typeface="Wingdings" panose="05000000000000000000" pitchFamily="2" charset="2"/>
              </a:rPr>
              <a:t>Governance</a:t>
            </a:r>
            <a:r>
              <a:rPr lang="da-DK" sz="900" noProof="0" dirty="0">
                <a:solidFill>
                  <a:schemeClr val="tx1"/>
                </a:solidFill>
                <a:sym typeface="Wingdings" panose="05000000000000000000" pitchFamily="2" charset="2"/>
              </a:rPr>
              <a:t>-strukturer, der sikrer fælles ejerskab, kvalitet og langsigtet drift</a:t>
            </a:r>
          </a:p>
          <a:p>
            <a:endParaRPr lang="da-DK" sz="900" noProof="0" dirty="0">
              <a:solidFill>
                <a:srgbClr val="36465A"/>
              </a:solidFill>
              <a:sym typeface="Wingdings" panose="05000000000000000000" pitchFamily="2" charset="2"/>
            </a:endParaRPr>
          </a:p>
          <a:p>
            <a:r>
              <a:rPr lang="da-DK" sz="900" b="1" noProof="0" dirty="0">
                <a:solidFill>
                  <a:srgbClr val="36465A"/>
                </a:solidFill>
                <a:sym typeface="Wingdings" panose="05000000000000000000" pitchFamily="2" charset="2"/>
              </a:rPr>
              <a:t>Strategisk ophæng</a:t>
            </a:r>
          </a:p>
          <a:p>
            <a:r>
              <a:rPr lang="da-DK" sz="900" noProof="0" dirty="0">
                <a:solidFill>
                  <a:schemeClr val="tx1"/>
                </a:solidFill>
              </a:rPr>
              <a:t>OS2 er forankret i forenings strategi for 2022-2025, der bl.a. fokuserer at skabe rammerne for, at offentlige myndigheder kan udvikle digitale løsninger, udbrede kendskab til open source og muliggøre teknisk udveksling og videndeling på tværs af offentlige myndigheder.</a:t>
            </a:r>
          </a:p>
          <a:p>
            <a:endParaRPr lang="da-DK" sz="900" b="1" noProof="0" dirty="0">
              <a:solidFill>
                <a:schemeClr val="tx1"/>
              </a:solidFill>
              <a:sym typeface="Wingdings" panose="05000000000000000000" pitchFamily="2" charset="2"/>
            </a:endParaRPr>
          </a:p>
          <a:p>
            <a:endParaRPr lang="da-DK" sz="900" b="1" noProof="0" dirty="0">
              <a:solidFill>
                <a:schemeClr val="tx1"/>
              </a:solidFill>
              <a:sym typeface="Wingdings" panose="05000000000000000000" pitchFamily="2" charset="2"/>
            </a:endParaRPr>
          </a:p>
          <a:p>
            <a:endParaRPr lang="da-DK" sz="900" noProof="0" dirty="0">
              <a:solidFill>
                <a:schemeClr val="tx1"/>
              </a:solidFill>
            </a:endParaRPr>
          </a:p>
          <a:p>
            <a:endParaRPr lang="da-DK" sz="900" noProof="0" dirty="0">
              <a:solidFill>
                <a:schemeClr val="tx1"/>
              </a:solidFill>
            </a:endParaRPr>
          </a:p>
          <a:p>
            <a:endParaRPr lang="da-DK" sz="900" noProof="0" dirty="0">
              <a:solidFill>
                <a:schemeClr val="tx1"/>
              </a:solidFill>
            </a:endParaRPr>
          </a:p>
        </p:txBody>
      </p:sp>
      <p:sp>
        <p:nvSpPr>
          <p:cNvPr id="11" name="Rectangle: Rounded Corners 10">
            <a:extLst>
              <a:ext uri="{FF2B5EF4-FFF2-40B4-BE49-F238E27FC236}">
                <a16:creationId xmlns:a16="http://schemas.microsoft.com/office/drawing/2014/main" id="{567BA683-5CD0-84F9-1EFF-21E67F2F01C4}"/>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Baggrund og kontekst</a:t>
            </a:r>
          </a:p>
        </p:txBody>
      </p:sp>
      <p:sp>
        <p:nvSpPr>
          <p:cNvPr id="5" name="Rectangle 4">
            <a:extLst>
              <a:ext uri="{FF2B5EF4-FFF2-40B4-BE49-F238E27FC236}">
                <a16:creationId xmlns:a16="http://schemas.microsoft.com/office/drawing/2014/main" id="{4A226905-DB5E-24C8-DA2B-05BA13695244}"/>
              </a:ext>
            </a:extLst>
          </p:cNvPr>
          <p:cNvSpPr/>
          <p:nvPr/>
        </p:nvSpPr>
        <p:spPr>
          <a:xfrm>
            <a:off x="3565418" y="2069025"/>
            <a:ext cx="2985319" cy="448713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rPr>
              <a:t>Baggrund</a:t>
            </a:r>
            <a:endParaRPr lang="da-DK" sz="900" noProof="0" dirty="0">
              <a:solidFill>
                <a:srgbClr val="36465A"/>
              </a:solidFill>
            </a:endParaRPr>
          </a:p>
          <a:p>
            <a:r>
              <a:rPr lang="da-DK" sz="900" noProof="0" dirty="0">
                <a:solidFill>
                  <a:schemeClr val="tx1"/>
                </a:solidFill>
              </a:rPr>
              <a:t>Samarbejdet startede som OS2 Web og begyndte i 2011, hvor fem kommuner gik sammen om at udvikle en fælles hjemmeside i stedet for at lave hver sin løsning.</a:t>
            </a:r>
          </a:p>
          <a:p>
            <a:endParaRPr lang="da-DK" sz="900" noProof="0" dirty="0">
              <a:solidFill>
                <a:schemeClr val="tx1"/>
              </a:solidFill>
            </a:endParaRPr>
          </a:p>
          <a:p>
            <a:r>
              <a:rPr lang="da-DK" sz="900" noProof="0" dirty="0">
                <a:solidFill>
                  <a:schemeClr val="tx1"/>
                </a:solidFill>
              </a:rPr>
              <a:t>Erfaringerne fra OS2 Web viste, at der var et bredere potentiale for samarbejde om digitale løsninger. Det førte til stiftelsen af OS2-fællesskabet i 2012 som en medlemsdrevet forening. Baggrunden for etableringen var udfordringerne med stigende licensomkostninger, begrænset mulighed for at tilpasse it-løsninger og øget afhængighed af </a:t>
            </a:r>
            <a:r>
              <a:rPr lang="da-DK" sz="900" noProof="0" dirty="0" err="1">
                <a:solidFill>
                  <a:schemeClr val="tx1"/>
                </a:solidFill>
              </a:rPr>
              <a:t>proprietære</a:t>
            </a:r>
            <a:r>
              <a:rPr lang="da-DK" sz="900" noProof="0" dirty="0">
                <a:solidFill>
                  <a:schemeClr val="tx1"/>
                </a:solidFill>
              </a:rPr>
              <a:t> leverandører. </a:t>
            </a:r>
            <a:br>
              <a:rPr lang="da-DK" sz="900" noProof="0" dirty="0">
                <a:solidFill>
                  <a:schemeClr val="tx1"/>
                </a:solidFill>
              </a:rPr>
            </a:br>
            <a:endParaRPr lang="da-DK" sz="900" noProof="0" dirty="0">
              <a:solidFill>
                <a:schemeClr val="tx1"/>
              </a:solidFill>
            </a:endParaRPr>
          </a:p>
          <a:p>
            <a:r>
              <a:rPr lang="da-DK" sz="900" noProof="0" dirty="0">
                <a:solidFill>
                  <a:schemeClr val="tx1"/>
                </a:solidFill>
              </a:rPr>
              <a:t>Fællesskabet blev således drevet af erkendelsen af, at open source og samarbejde på tværs af myndigheder kunne reducere omkostninger, skabe bedre tilpasningsmuligheder og understøtte en bæredygtig digital infrastruktur.</a:t>
            </a:r>
          </a:p>
          <a:p>
            <a:endParaRPr lang="da-DK" sz="900" b="1" noProof="0" dirty="0">
              <a:solidFill>
                <a:schemeClr val="tx1"/>
              </a:solidFill>
            </a:endParaRPr>
          </a:p>
          <a:p>
            <a:r>
              <a:rPr lang="da-DK" sz="900" b="1" noProof="0" dirty="0">
                <a:solidFill>
                  <a:srgbClr val="36465A"/>
                </a:solidFill>
              </a:rPr>
              <a:t>Kontekst </a:t>
            </a:r>
          </a:p>
          <a:p>
            <a:r>
              <a:rPr lang="da-DK" sz="900" noProof="0" dirty="0">
                <a:solidFill>
                  <a:schemeClr val="tx1"/>
                </a:solidFill>
              </a:rPr>
              <a:t>OS2-fællesskabet skal ses i lyset af en stigende opmærksomhed på digital suverænitet. Udviklingen af open source-løsninger er ikke et fravalg, men et forsøg på at skabe fleksibilitet og robusthed i den offentlige digitale infrastruktur. </a:t>
            </a:r>
            <a:r>
              <a:rPr lang="da-DK" sz="900" noProof="0" dirty="0">
                <a:solidFill>
                  <a:schemeClr val="tx1"/>
                </a:solidFill>
                <a:sym typeface="Wingdings" panose="05000000000000000000" pitchFamily="2" charset="2"/>
              </a:rPr>
              <a:t>Fællesskabet skal samtidig ses i en kontekst af:</a:t>
            </a:r>
          </a:p>
          <a:p>
            <a:pPr marL="171450" indent="-171450">
              <a:buFont typeface="Arial" panose="020B0604020202020204" pitchFamily="34" charset="0"/>
              <a:buChar char="•"/>
            </a:pPr>
            <a:r>
              <a:rPr lang="da-DK" sz="900" noProof="0" dirty="0">
                <a:solidFill>
                  <a:schemeClr val="tx1"/>
                </a:solidFill>
                <a:sym typeface="Wingdings" panose="05000000000000000000" pitchFamily="2" charset="2"/>
              </a:rPr>
              <a:t>Udfordringer med kompetenceopbygning inden for open source og fælles udviklingsmodeller</a:t>
            </a:r>
          </a:p>
          <a:p>
            <a:pPr marL="171450" indent="-171450">
              <a:buFont typeface="Arial" panose="020B0604020202020204" pitchFamily="34" charset="0"/>
              <a:buChar char="•"/>
            </a:pPr>
            <a:r>
              <a:rPr lang="da-DK" sz="900" noProof="0" dirty="0">
                <a:solidFill>
                  <a:schemeClr val="tx1"/>
                </a:solidFill>
                <a:sym typeface="Wingdings" panose="05000000000000000000" pitchFamily="2" charset="2"/>
              </a:rPr>
              <a:t>Ressourcepres og behov for </a:t>
            </a:r>
            <a:r>
              <a:rPr lang="da-DK" sz="900" noProof="0" dirty="0" err="1">
                <a:solidFill>
                  <a:schemeClr val="tx1"/>
                </a:solidFill>
                <a:sym typeface="Wingdings" panose="05000000000000000000" pitchFamily="2" charset="2"/>
              </a:rPr>
              <a:t>governance</a:t>
            </a:r>
            <a:r>
              <a:rPr lang="da-DK" sz="900" noProof="0" dirty="0">
                <a:solidFill>
                  <a:schemeClr val="tx1"/>
                </a:solidFill>
                <a:sym typeface="Wingdings" panose="05000000000000000000" pitchFamily="2" charset="2"/>
              </a:rPr>
              <a:t>-strukturerer, der understøtter samarbejde og kvalitet.</a:t>
            </a:r>
          </a:p>
          <a:p>
            <a:endParaRPr lang="da-DK" sz="900" noProof="0" dirty="0">
              <a:solidFill>
                <a:schemeClr val="tx1"/>
              </a:solidFill>
            </a:endParaRPr>
          </a:p>
        </p:txBody>
      </p:sp>
      <p:sp>
        <p:nvSpPr>
          <p:cNvPr id="7" name="Rectangle 6">
            <a:extLst>
              <a:ext uri="{FF2B5EF4-FFF2-40B4-BE49-F238E27FC236}">
                <a16:creationId xmlns:a16="http://schemas.microsoft.com/office/drawing/2014/main" id="{568018FB-7DDF-51F2-5905-F1299C85747A}"/>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E08B3FD8-9E0A-226A-DD27-CE74061DE179}"/>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C234F2A1-CD29-0D57-7455-619D4D31F23E}"/>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CAB5447A-6CA6-3D32-5C45-3246E7657A64}"/>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89F4893F-9566-CFBB-6443-B4DC93A63F19}"/>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4" name="Freeform 16">
            <a:extLst>
              <a:ext uri="{FF2B5EF4-FFF2-40B4-BE49-F238E27FC236}">
                <a16:creationId xmlns:a16="http://schemas.microsoft.com/office/drawing/2014/main" id="{0CA43814-BFA6-185B-D79C-377D7F5A9387}"/>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34">
            <a:extLst>
              <a:ext uri="{FF2B5EF4-FFF2-40B4-BE49-F238E27FC236}">
                <a16:creationId xmlns:a16="http://schemas.microsoft.com/office/drawing/2014/main" id="{B9B0F9CD-6C59-B326-9B66-868FD574E3FB}"/>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grpSp>
        <p:nvGrpSpPr>
          <p:cNvPr id="27" name="Group 26">
            <a:extLst>
              <a:ext uri="{FF2B5EF4-FFF2-40B4-BE49-F238E27FC236}">
                <a16:creationId xmlns:a16="http://schemas.microsoft.com/office/drawing/2014/main" id="{3E99A173-6803-0254-47B1-7953DC6A0D87}"/>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28" name="Rectangle 27">
              <a:extLst>
                <a:ext uri="{FF2B5EF4-FFF2-40B4-BE49-F238E27FC236}">
                  <a16:creationId xmlns:a16="http://schemas.microsoft.com/office/drawing/2014/main" id="{915B71FE-377E-138B-2AAB-22465174F412}"/>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9" name="Rectangle 28">
              <a:extLst>
                <a:ext uri="{FF2B5EF4-FFF2-40B4-BE49-F238E27FC236}">
                  <a16:creationId xmlns:a16="http://schemas.microsoft.com/office/drawing/2014/main" id="{6165ABDC-748E-14F9-3450-550A0DFD7FA5}"/>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62" name="TextBox 10" descr="Illustration af governance-strukturen for OS2&#10;">
            <a:extLst>
              <a:ext uri="{FF2B5EF4-FFF2-40B4-BE49-F238E27FC236}">
                <a16:creationId xmlns:a16="http://schemas.microsoft.com/office/drawing/2014/main" id="{6C764C33-7E06-7600-28E8-2C1E57837D87}"/>
              </a:ext>
            </a:extLst>
          </p:cNvPr>
          <p:cNvSpPr txBox="1">
            <a:spLocks/>
          </p:cNvSpPr>
          <p:nvPr/>
        </p:nvSpPr>
        <p:spPr>
          <a:xfrm>
            <a:off x="6724073" y="1827951"/>
            <a:ext cx="5006751" cy="169277"/>
          </a:xfrm>
          <a:prstGeom prst="rect">
            <a:avLst/>
          </a:prstGeom>
          <a:noFill/>
        </p:spPr>
        <p:txBody>
          <a:bodyPr wrap="square" lIns="0" tIns="0" rIns="0" bIns="0" rtlCol="0" anchor="ctr">
            <a:spAutoFit/>
          </a:bodyPr>
          <a:lstStyle/>
          <a:p>
            <a:pPr rtl="0">
              <a:defRPr/>
            </a:pPr>
            <a:r>
              <a:rPr lang="da-DK" sz="1100" b="1" noProof="0" dirty="0">
                <a:solidFill>
                  <a:srgbClr val="024D78"/>
                </a:solidFill>
              </a:rPr>
              <a:t>Illustration af </a:t>
            </a:r>
            <a:r>
              <a:rPr lang="da-DK" sz="1100" b="1" noProof="0" dirty="0" err="1">
                <a:solidFill>
                  <a:srgbClr val="024D78"/>
                </a:solidFill>
              </a:rPr>
              <a:t>governance</a:t>
            </a:r>
            <a:r>
              <a:rPr lang="da-DK" sz="1100" b="1" noProof="0" dirty="0">
                <a:solidFill>
                  <a:srgbClr val="024D78"/>
                </a:solidFill>
              </a:rPr>
              <a:t>-strukturen for OS2</a:t>
            </a:r>
          </a:p>
        </p:txBody>
      </p:sp>
      <p:grpSp>
        <p:nvGrpSpPr>
          <p:cNvPr id="13" name="Group 12">
            <a:extLst>
              <a:ext uri="{FF2B5EF4-FFF2-40B4-BE49-F238E27FC236}">
                <a16:creationId xmlns:a16="http://schemas.microsoft.com/office/drawing/2014/main" id="{6A073067-0EE1-DC18-FF17-55D2C96F4C70}"/>
              </a:ext>
              <a:ext uri="{C183D7F6-B498-43B3-948B-1728B52AA6E4}">
                <adec:decorative xmlns:adec="http://schemas.microsoft.com/office/drawing/2017/decorative" val="1"/>
              </a:ext>
            </a:extLst>
          </p:cNvPr>
          <p:cNvGrpSpPr/>
          <p:nvPr/>
        </p:nvGrpSpPr>
        <p:grpSpPr>
          <a:xfrm>
            <a:off x="6819900" y="2262791"/>
            <a:ext cx="4910924" cy="3899081"/>
            <a:chOff x="6819900" y="2262791"/>
            <a:chExt cx="4910924" cy="3899081"/>
          </a:xfrm>
        </p:grpSpPr>
        <p:sp>
          <p:nvSpPr>
            <p:cNvPr id="15" name="Rektangel: afrundede hjørner 14">
              <a:extLst>
                <a:ext uri="{FF2B5EF4-FFF2-40B4-BE49-F238E27FC236}">
                  <a16:creationId xmlns:a16="http://schemas.microsoft.com/office/drawing/2014/main" id="{58E6C9E3-8FBD-C2E8-C364-F7CD755B46B6}"/>
                </a:ext>
              </a:extLst>
            </p:cNvPr>
            <p:cNvSpPr/>
            <p:nvPr/>
          </p:nvSpPr>
          <p:spPr>
            <a:xfrm>
              <a:off x="10637235" y="2262791"/>
              <a:ext cx="1093589" cy="1010431"/>
            </a:xfrm>
            <a:prstGeom prst="roundRect">
              <a:avLst>
                <a:gd name="adj" fmla="val 5669"/>
              </a:avLst>
            </a:prstGeom>
            <a:solidFill>
              <a:schemeClr val="bg1">
                <a:lumMod val="85000"/>
              </a:schemeClr>
            </a:solidFill>
            <a:ln>
              <a:solidFill>
                <a:srgbClr val="04607D"/>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dirty="0">
                  <a:solidFill>
                    <a:srgbClr val="024D78"/>
                  </a:solidFill>
                </a:rPr>
                <a:t>OS2-sekretariat (ca. 5 ÅV)</a:t>
              </a:r>
            </a:p>
          </p:txBody>
        </p:sp>
        <p:sp>
          <p:nvSpPr>
            <p:cNvPr id="24" name="Rektangel: afrundede hjørner 23">
              <a:extLst>
                <a:ext uri="{FF2B5EF4-FFF2-40B4-BE49-F238E27FC236}">
                  <a16:creationId xmlns:a16="http://schemas.microsoft.com/office/drawing/2014/main" id="{6331D065-4B19-D052-0D8C-74F16F11FE5A}"/>
                </a:ext>
              </a:extLst>
            </p:cNvPr>
            <p:cNvSpPr>
              <a:spLocks/>
            </p:cNvSpPr>
            <p:nvPr/>
          </p:nvSpPr>
          <p:spPr>
            <a:xfrm>
              <a:off x="6819900" y="5776145"/>
              <a:ext cx="4891335" cy="385727"/>
            </a:xfrm>
            <a:prstGeom prst="roundRect">
              <a:avLst>
                <a:gd name="adj" fmla="val 6790"/>
              </a:avLst>
            </a:prstGeom>
            <a:solidFill>
              <a:srgbClr val="CDDFE5"/>
            </a:solidFill>
            <a:ln>
              <a:solidFill>
                <a:srgbClr val="04607D"/>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dirty="0">
                  <a:solidFill>
                    <a:srgbClr val="024D78"/>
                  </a:solidFill>
                </a:rPr>
                <a:t>Medlemsorganisationer (90 medlemmer)</a:t>
              </a:r>
            </a:p>
          </p:txBody>
        </p:sp>
        <p:sp>
          <p:nvSpPr>
            <p:cNvPr id="54" name="Rektangel: afrundede hjørner 53">
              <a:extLst>
                <a:ext uri="{FF2B5EF4-FFF2-40B4-BE49-F238E27FC236}">
                  <a16:creationId xmlns:a16="http://schemas.microsoft.com/office/drawing/2014/main" id="{AE0E8CAF-2F6B-F6BF-D728-03DBE6A94BB2}"/>
                </a:ext>
              </a:extLst>
            </p:cNvPr>
            <p:cNvSpPr>
              <a:spLocks/>
            </p:cNvSpPr>
            <p:nvPr/>
          </p:nvSpPr>
          <p:spPr>
            <a:xfrm>
              <a:off x="6895914" y="2262793"/>
              <a:ext cx="3363208" cy="385727"/>
            </a:xfrm>
            <a:prstGeom prst="roundRect">
              <a:avLst>
                <a:gd name="adj" fmla="val 10082"/>
              </a:avLst>
            </a:prstGeom>
            <a:solidFill>
              <a:schemeClr val="bg1">
                <a:lumMod val="85000"/>
              </a:schemeClr>
            </a:solidFill>
            <a:ln>
              <a:solidFill>
                <a:srgbClr val="04607D"/>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dirty="0">
                  <a:solidFill>
                    <a:srgbClr val="024D78"/>
                  </a:solidFill>
                </a:rPr>
                <a:t>Bestyrelse</a:t>
              </a:r>
            </a:p>
          </p:txBody>
        </p:sp>
        <p:sp>
          <p:nvSpPr>
            <p:cNvPr id="60" name="Rektangel: afrundede hjørner 59">
              <a:extLst>
                <a:ext uri="{FF2B5EF4-FFF2-40B4-BE49-F238E27FC236}">
                  <a16:creationId xmlns:a16="http://schemas.microsoft.com/office/drawing/2014/main" id="{4BBFC1EF-7410-9C84-7326-8EB213CFD21A}"/>
                </a:ext>
              </a:extLst>
            </p:cNvPr>
            <p:cNvSpPr>
              <a:spLocks/>
            </p:cNvSpPr>
            <p:nvPr/>
          </p:nvSpPr>
          <p:spPr>
            <a:xfrm>
              <a:off x="7260498" y="2887496"/>
              <a:ext cx="2634041" cy="385727"/>
            </a:xfrm>
            <a:prstGeom prst="roundRect">
              <a:avLst>
                <a:gd name="adj" fmla="val 6790"/>
              </a:avLst>
            </a:prstGeom>
            <a:solidFill>
              <a:schemeClr val="bg1">
                <a:lumMod val="85000"/>
              </a:schemeClr>
            </a:solidFill>
            <a:ln>
              <a:solidFill>
                <a:srgbClr val="04607D"/>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dirty="0">
                  <a:solidFill>
                    <a:srgbClr val="024D78"/>
                  </a:solidFill>
                </a:rPr>
                <a:t>Forretningsleder</a:t>
              </a:r>
            </a:p>
          </p:txBody>
        </p:sp>
        <p:cxnSp>
          <p:nvCxnSpPr>
            <p:cNvPr id="100" name="Forbindelse: buet 99">
              <a:extLst>
                <a:ext uri="{FF2B5EF4-FFF2-40B4-BE49-F238E27FC236}">
                  <a16:creationId xmlns:a16="http://schemas.microsoft.com/office/drawing/2014/main" id="{962E6745-9EBA-F019-A532-26FA120918EA}"/>
                </a:ext>
                <a:ext uri="{C183D7F6-B498-43B3-948B-1728B52AA6E4}">
                  <adec:decorative xmlns:adec="http://schemas.microsoft.com/office/drawing/2017/decorative" val="1"/>
                </a:ext>
              </a:extLst>
            </p:cNvPr>
            <p:cNvCxnSpPr>
              <a:cxnSpLocks/>
              <a:stCxn id="24" idx="1"/>
              <a:endCxn id="129" idx="1"/>
            </p:cNvCxnSpPr>
            <p:nvPr/>
          </p:nvCxnSpPr>
          <p:spPr>
            <a:xfrm rot="10800000">
              <a:off x="6819900" y="4527673"/>
              <a:ext cx="12700" cy="1441337"/>
            </a:xfrm>
            <a:prstGeom prst="curvedConnector3">
              <a:avLst>
                <a:gd name="adj1" fmla="val 1000000"/>
              </a:avLst>
            </a:prstGeom>
            <a:ln>
              <a:solidFill>
                <a:srgbClr val="EE2F66"/>
              </a:solidFill>
              <a:tailEnd type="triangle"/>
            </a:ln>
          </p:spPr>
          <p:style>
            <a:lnRef idx="1">
              <a:schemeClr val="accent1"/>
            </a:lnRef>
            <a:fillRef idx="0">
              <a:schemeClr val="accent1"/>
            </a:fillRef>
            <a:effectRef idx="0">
              <a:schemeClr val="accent1"/>
            </a:effectRef>
            <a:fontRef idx="minor">
              <a:schemeClr val="tx1"/>
            </a:fontRef>
          </p:style>
        </p:cxnSp>
        <p:cxnSp>
          <p:nvCxnSpPr>
            <p:cNvPr id="102" name="Forbindelse: buet 101">
              <a:extLst>
                <a:ext uri="{FF2B5EF4-FFF2-40B4-BE49-F238E27FC236}">
                  <a16:creationId xmlns:a16="http://schemas.microsoft.com/office/drawing/2014/main" id="{641E36E9-C474-7B21-26A0-D5389CA4B43C}"/>
                </a:ext>
                <a:ext uri="{C183D7F6-B498-43B3-948B-1728B52AA6E4}">
                  <adec:decorative xmlns:adec="http://schemas.microsoft.com/office/drawing/2017/decorative" val="1"/>
                </a:ext>
              </a:extLst>
            </p:cNvPr>
            <p:cNvCxnSpPr>
              <a:cxnSpLocks/>
              <a:stCxn id="130" idx="3"/>
              <a:endCxn id="24" idx="3"/>
            </p:cNvCxnSpPr>
            <p:nvPr/>
          </p:nvCxnSpPr>
          <p:spPr>
            <a:xfrm flipH="1">
              <a:off x="11711235" y="4527672"/>
              <a:ext cx="7335" cy="1441337"/>
            </a:xfrm>
            <a:prstGeom prst="curvedConnector3">
              <a:avLst>
                <a:gd name="adj1" fmla="val -2366271"/>
              </a:avLst>
            </a:prstGeom>
            <a:ln>
              <a:solidFill>
                <a:srgbClr val="EE2F66"/>
              </a:solidFill>
              <a:tailEnd type="triangle"/>
            </a:ln>
          </p:spPr>
          <p:style>
            <a:lnRef idx="1">
              <a:schemeClr val="accent1"/>
            </a:lnRef>
            <a:fillRef idx="0">
              <a:schemeClr val="accent1"/>
            </a:fillRef>
            <a:effectRef idx="0">
              <a:schemeClr val="accent1"/>
            </a:effectRef>
            <a:fontRef idx="minor">
              <a:schemeClr val="tx1"/>
            </a:fontRef>
          </p:style>
        </p:cxnSp>
        <p:sp>
          <p:nvSpPr>
            <p:cNvPr id="129" name="Rektangel: afrundede hjørner 128">
              <a:extLst>
                <a:ext uri="{FF2B5EF4-FFF2-40B4-BE49-F238E27FC236}">
                  <a16:creationId xmlns:a16="http://schemas.microsoft.com/office/drawing/2014/main" id="{C286D506-8FF8-1B0F-3B44-E3D99845FA89}"/>
                </a:ext>
                <a:ext uri="{C183D7F6-B498-43B3-948B-1728B52AA6E4}">
                  <adec:decorative xmlns:adec="http://schemas.microsoft.com/office/drawing/2017/decorative" val="1"/>
                </a:ext>
              </a:extLst>
            </p:cNvPr>
            <p:cNvSpPr/>
            <p:nvPr/>
          </p:nvSpPr>
          <p:spPr>
            <a:xfrm>
              <a:off x="6819900" y="4124325"/>
              <a:ext cx="2907657" cy="806693"/>
            </a:xfrm>
            <a:prstGeom prst="roundRect">
              <a:avLst>
                <a:gd name="adj" fmla="val 4400"/>
              </a:avLst>
            </a:prstGeom>
            <a:noFill/>
            <a:ln w="3175">
              <a:solidFill>
                <a:srgbClr val="EE2F66"/>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30" name="Rektangel: afrundede hjørner 129">
              <a:extLst>
                <a:ext uri="{FF2B5EF4-FFF2-40B4-BE49-F238E27FC236}">
                  <a16:creationId xmlns:a16="http://schemas.microsoft.com/office/drawing/2014/main" id="{7E982B4D-8646-21A3-21B1-DB7EEE6A7B1E}"/>
                </a:ext>
                <a:ext uri="{C183D7F6-B498-43B3-948B-1728B52AA6E4}">
                  <adec:decorative xmlns:adec="http://schemas.microsoft.com/office/drawing/2017/decorative" val="1"/>
                </a:ext>
              </a:extLst>
            </p:cNvPr>
            <p:cNvSpPr/>
            <p:nvPr/>
          </p:nvSpPr>
          <p:spPr>
            <a:xfrm>
              <a:off x="9772633" y="4124325"/>
              <a:ext cx="1945937" cy="806693"/>
            </a:xfrm>
            <a:prstGeom prst="roundRect">
              <a:avLst>
                <a:gd name="adj" fmla="val 4400"/>
              </a:avLst>
            </a:prstGeom>
            <a:noFill/>
            <a:ln w="3175">
              <a:solidFill>
                <a:srgbClr val="EE2F66"/>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0" name="Rektangel: afrundede hjørner 69">
              <a:extLst>
                <a:ext uri="{FF2B5EF4-FFF2-40B4-BE49-F238E27FC236}">
                  <a16:creationId xmlns:a16="http://schemas.microsoft.com/office/drawing/2014/main" id="{FD8802F8-ACBE-082F-0F68-414A7E968521}"/>
                </a:ext>
              </a:extLst>
            </p:cNvPr>
            <p:cNvSpPr>
              <a:spLocks/>
            </p:cNvSpPr>
            <p:nvPr/>
          </p:nvSpPr>
          <p:spPr>
            <a:xfrm>
              <a:off x="6895913" y="4319605"/>
              <a:ext cx="881442" cy="544923"/>
            </a:xfrm>
            <a:prstGeom prst="roundRect">
              <a:avLst>
                <a:gd name="adj" fmla="val 9092"/>
              </a:avLst>
            </a:prstGeom>
            <a:solidFill>
              <a:srgbClr val="FEF4F7"/>
            </a:solidFill>
            <a:ln>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600" noProof="0" dirty="0">
                  <a:solidFill>
                    <a:srgbClr val="024D78"/>
                  </a:solidFill>
                </a:rPr>
                <a:t> 1) Idé</a:t>
              </a:r>
            </a:p>
          </p:txBody>
        </p:sp>
        <p:sp>
          <p:nvSpPr>
            <p:cNvPr id="71" name="Rektangel: afrundede hjørner 70">
              <a:extLst>
                <a:ext uri="{FF2B5EF4-FFF2-40B4-BE49-F238E27FC236}">
                  <a16:creationId xmlns:a16="http://schemas.microsoft.com/office/drawing/2014/main" id="{4AB58EF8-2BC0-47EB-CADD-D098D5DE343C}"/>
                </a:ext>
              </a:extLst>
            </p:cNvPr>
            <p:cNvSpPr>
              <a:spLocks/>
            </p:cNvSpPr>
            <p:nvPr/>
          </p:nvSpPr>
          <p:spPr>
            <a:xfrm>
              <a:off x="7849355" y="4319605"/>
              <a:ext cx="881442" cy="544923"/>
            </a:xfrm>
            <a:prstGeom prst="roundRect">
              <a:avLst>
                <a:gd name="adj" fmla="val 7927"/>
              </a:avLst>
            </a:prstGeom>
            <a:solidFill>
              <a:srgbClr val="FEF4F7"/>
            </a:solidFill>
            <a:ln>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600" noProof="0" dirty="0">
                  <a:solidFill>
                    <a:srgbClr val="024D78"/>
                  </a:solidFill>
                </a:rPr>
                <a:t>2) Godkendelse og prioritering</a:t>
              </a:r>
            </a:p>
          </p:txBody>
        </p:sp>
        <p:sp>
          <p:nvSpPr>
            <p:cNvPr id="72" name="Rektangel: afrundede hjørner 71">
              <a:extLst>
                <a:ext uri="{FF2B5EF4-FFF2-40B4-BE49-F238E27FC236}">
                  <a16:creationId xmlns:a16="http://schemas.microsoft.com/office/drawing/2014/main" id="{E3138FEF-F7DB-5EC9-DDEC-66AF8196765C}"/>
                </a:ext>
              </a:extLst>
            </p:cNvPr>
            <p:cNvSpPr>
              <a:spLocks/>
            </p:cNvSpPr>
            <p:nvPr/>
          </p:nvSpPr>
          <p:spPr>
            <a:xfrm>
              <a:off x="8802797" y="4319605"/>
              <a:ext cx="881442" cy="544923"/>
            </a:xfrm>
            <a:prstGeom prst="roundRect">
              <a:avLst>
                <a:gd name="adj" fmla="val 7927"/>
              </a:avLst>
            </a:prstGeom>
            <a:solidFill>
              <a:srgbClr val="FEF4F7"/>
            </a:solidFill>
            <a:ln>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600" noProof="0" dirty="0">
                  <a:solidFill>
                    <a:srgbClr val="024D78"/>
                  </a:solidFill>
                </a:rPr>
                <a:t>3) Udvikling</a:t>
              </a:r>
            </a:p>
          </p:txBody>
        </p:sp>
        <p:sp>
          <p:nvSpPr>
            <p:cNvPr id="73" name="Rektangel: afrundede hjørner 72">
              <a:extLst>
                <a:ext uri="{FF2B5EF4-FFF2-40B4-BE49-F238E27FC236}">
                  <a16:creationId xmlns:a16="http://schemas.microsoft.com/office/drawing/2014/main" id="{0CB977E9-50F5-A649-85DB-9F293E912143}"/>
                </a:ext>
              </a:extLst>
            </p:cNvPr>
            <p:cNvSpPr>
              <a:spLocks/>
            </p:cNvSpPr>
            <p:nvPr/>
          </p:nvSpPr>
          <p:spPr>
            <a:xfrm>
              <a:off x="9817937" y="4319605"/>
              <a:ext cx="902008" cy="544923"/>
            </a:xfrm>
            <a:prstGeom prst="roundRect">
              <a:avLst>
                <a:gd name="adj" fmla="val 10840"/>
              </a:avLst>
            </a:prstGeom>
            <a:solidFill>
              <a:srgbClr val="FEF4F7"/>
            </a:solidFill>
            <a:ln>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600" noProof="0" dirty="0">
                  <a:solidFill>
                    <a:srgbClr val="024D78"/>
                  </a:solidFill>
                </a:rPr>
                <a:t>4) Implementering og drift</a:t>
              </a:r>
            </a:p>
          </p:txBody>
        </p:sp>
        <p:sp>
          <p:nvSpPr>
            <p:cNvPr id="74" name="Rektangel: afrundede hjørner 73">
              <a:extLst>
                <a:ext uri="{FF2B5EF4-FFF2-40B4-BE49-F238E27FC236}">
                  <a16:creationId xmlns:a16="http://schemas.microsoft.com/office/drawing/2014/main" id="{B10E549A-846E-F3F1-6467-2F06D7E97BD0}"/>
                </a:ext>
              </a:extLst>
            </p:cNvPr>
            <p:cNvSpPr>
              <a:spLocks/>
            </p:cNvSpPr>
            <p:nvPr/>
          </p:nvSpPr>
          <p:spPr>
            <a:xfrm>
              <a:off x="10791944" y="4319605"/>
              <a:ext cx="902008" cy="544923"/>
            </a:xfrm>
            <a:prstGeom prst="roundRect">
              <a:avLst/>
            </a:prstGeom>
            <a:solidFill>
              <a:srgbClr val="FEF4F7"/>
            </a:solidFill>
            <a:ln>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600" noProof="0" dirty="0">
                  <a:solidFill>
                    <a:srgbClr val="024D78"/>
                  </a:solidFill>
                </a:rPr>
                <a:t>5) Vedligehold og videreudvikling</a:t>
              </a:r>
            </a:p>
          </p:txBody>
        </p:sp>
        <p:sp>
          <p:nvSpPr>
            <p:cNvPr id="132" name="Tekstfelt 131">
              <a:extLst>
                <a:ext uri="{FF2B5EF4-FFF2-40B4-BE49-F238E27FC236}">
                  <a16:creationId xmlns:a16="http://schemas.microsoft.com/office/drawing/2014/main" id="{2BF8D7EE-22C5-1B53-41B5-987421456ABD}"/>
                </a:ext>
              </a:extLst>
            </p:cNvPr>
            <p:cNvSpPr txBox="1">
              <a:spLocks/>
            </p:cNvSpPr>
            <p:nvPr/>
          </p:nvSpPr>
          <p:spPr>
            <a:xfrm>
              <a:off x="7564557" y="4118350"/>
              <a:ext cx="1451039" cy="200055"/>
            </a:xfrm>
            <a:prstGeom prst="rect">
              <a:avLst/>
            </a:prstGeom>
            <a:noFill/>
          </p:spPr>
          <p:txBody>
            <a:bodyPr wrap="square">
              <a:spAutoFit/>
            </a:bodyPr>
            <a:lstStyle/>
            <a:p>
              <a:pPr algn="ctr"/>
              <a:r>
                <a:rPr lang="da-DK" sz="700" i="1" noProof="0" dirty="0">
                  <a:solidFill>
                    <a:schemeClr val="accent3"/>
                  </a:solidFill>
                </a:rPr>
                <a:t>Projekt</a:t>
              </a:r>
              <a:endParaRPr lang="da-DK" sz="1000" noProof="0" dirty="0"/>
            </a:p>
          </p:txBody>
        </p:sp>
        <p:sp>
          <p:nvSpPr>
            <p:cNvPr id="134" name="Tekstfelt 133">
              <a:extLst>
                <a:ext uri="{FF2B5EF4-FFF2-40B4-BE49-F238E27FC236}">
                  <a16:creationId xmlns:a16="http://schemas.microsoft.com/office/drawing/2014/main" id="{E9B69E7C-3367-57CC-DB0E-A4D3B1A54585}"/>
                </a:ext>
              </a:extLst>
            </p:cNvPr>
            <p:cNvSpPr txBox="1">
              <a:spLocks/>
            </p:cNvSpPr>
            <p:nvPr/>
          </p:nvSpPr>
          <p:spPr>
            <a:xfrm>
              <a:off x="10029634" y="4118350"/>
              <a:ext cx="1451039" cy="200055"/>
            </a:xfrm>
            <a:prstGeom prst="rect">
              <a:avLst/>
            </a:prstGeom>
            <a:noFill/>
          </p:spPr>
          <p:txBody>
            <a:bodyPr wrap="square">
              <a:spAutoFit/>
            </a:bodyPr>
            <a:lstStyle/>
            <a:p>
              <a:pPr algn="ctr"/>
              <a:r>
                <a:rPr lang="da-DK" sz="700" i="1" noProof="0" dirty="0">
                  <a:solidFill>
                    <a:schemeClr val="accent3"/>
                  </a:solidFill>
                </a:rPr>
                <a:t>Produkt</a:t>
              </a:r>
              <a:endParaRPr lang="da-DK" sz="1000" noProof="0" dirty="0"/>
            </a:p>
          </p:txBody>
        </p:sp>
        <p:sp>
          <p:nvSpPr>
            <p:cNvPr id="140" name="Rektangel: afrundede hjørner 139">
              <a:extLst>
                <a:ext uri="{FF2B5EF4-FFF2-40B4-BE49-F238E27FC236}">
                  <a16:creationId xmlns:a16="http://schemas.microsoft.com/office/drawing/2014/main" id="{865800A4-C758-5398-95F4-2336267C81D6}"/>
                </a:ext>
              </a:extLst>
            </p:cNvPr>
            <p:cNvSpPr>
              <a:spLocks/>
            </p:cNvSpPr>
            <p:nvPr/>
          </p:nvSpPr>
          <p:spPr>
            <a:xfrm>
              <a:off x="8802796" y="3732623"/>
              <a:ext cx="2908441" cy="152404"/>
            </a:xfrm>
            <a:prstGeom prst="roundRect">
              <a:avLst>
                <a:gd name="adj" fmla="val 6790"/>
              </a:avLst>
            </a:prstGeom>
            <a:solidFill>
              <a:schemeClr val="bg1">
                <a:lumMod val="85000"/>
              </a:schemeClr>
            </a:solidFill>
            <a:ln w="3175">
              <a:solidFill>
                <a:srgbClr val="04607D"/>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800" noProof="0" dirty="0">
                  <a:solidFill>
                    <a:srgbClr val="024D78"/>
                  </a:solidFill>
                </a:rPr>
                <a:t>Eventuel ekstern leverandør</a:t>
              </a:r>
            </a:p>
          </p:txBody>
        </p:sp>
        <p:sp>
          <p:nvSpPr>
            <p:cNvPr id="158" name="Rektangel: afrundede hjørner 157">
              <a:extLst>
                <a:ext uri="{FF2B5EF4-FFF2-40B4-BE49-F238E27FC236}">
                  <a16:creationId xmlns:a16="http://schemas.microsoft.com/office/drawing/2014/main" id="{02A93075-E462-A9D2-2491-472B63C5D8C5}"/>
                </a:ext>
              </a:extLst>
            </p:cNvPr>
            <p:cNvSpPr>
              <a:spLocks/>
            </p:cNvSpPr>
            <p:nvPr/>
          </p:nvSpPr>
          <p:spPr>
            <a:xfrm>
              <a:off x="9772632" y="5360832"/>
              <a:ext cx="1921319" cy="226840"/>
            </a:xfrm>
            <a:prstGeom prst="roundRect">
              <a:avLst>
                <a:gd name="adj" fmla="val 8436"/>
              </a:avLst>
            </a:prstGeom>
            <a:solidFill>
              <a:srgbClr val="CDDFE5"/>
            </a:solidFill>
            <a:ln>
              <a:solidFill>
                <a:srgbClr val="04607D"/>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dirty="0">
                  <a:solidFill>
                    <a:srgbClr val="024D78"/>
                  </a:solidFill>
                </a:rPr>
                <a:t>Koordinationsgruppe</a:t>
              </a:r>
            </a:p>
          </p:txBody>
        </p:sp>
        <p:sp>
          <p:nvSpPr>
            <p:cNvPr id="95" name="Rektangel: afrundede hjørner 94">
              <a:extLst>
                <a:ext uri="{FF2B5EF4-FFF2-40B4-BE49-F238E27FC236}">
                  <a16:creationId xmlns:a16="http://schemas.microsoft.com/office/drawing/2014/main" id="{70E2F17E-54F2-E8A9-6FB0-FB9471F36F94}"/>
                </a:ext>
              </a:extLst>
            </p:cNvPr>
            <p:cNvSpPr>
              <a:spLocks/>
            </p:cNvSpPr>
            <p:nvPr/>
          </p:nvSpPr>
          <p:spPr>
            <a:xfrm>
              <a:off x="7777354" y="5360832"/>
              <a:ext cx="1571467" cy="226840"/>
            </a:xfrm>
            <a:prstGeom prst="roundRect">
              <a:avLst>
                <a:gd name="adj" fmla="val 8436"/>
              </a:avLst>
            </a:prstGeom>
            <a:solidFill>
              <a:srgbClr val="CDDFE5"/>
            </a:solidFill>
            <a:ln>
              <a:solidFill>
                <a:srgbClr val="04607D"/>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dirty="0">
                  <a:solidFill>
                    <a:srgbClr val="024D78"/>
                  </a:solidFill>
                </a:rPr>
                <a:t>Styregruppe</a:t>
              </a:r>
            </a:p>
          </p:txBody>
        </p:sp>
        <p:sp>
          <p:nvSpPr>
            <p:cNvPr id="170" name="Rektangel: afrundede hjørner 169">
              <a:extLst>
                <a:ext uri="{FF2B5EF4-FFF2-40B4-BE49-F238E27FC236}">
                  <a16:creationId xmlns:a16="http://schemas.microsoft.com/office/drawing/2014/main" id="{E298352A-9927-1131-121F-C244A5AB06D2}"/>
                </a:ext>
              </a:extLst>
            </p:cNvPr>
            <p:cNvSpPr>
              <a:spLocks/>
            </p:cNvSpPr>
            <p:nvPr/>
          </p:nvSpPr>
          <p:spPr>
            <a:xfrm>
              <a:off x="6832600" y="5360832"/>
              <a:ext cx="855854" cy="226840"/>
            </a:xfrm>
            <a:prstGeom prst="roundRect">
              <a:avLst>
                <a:gd name="adj" fmla="val 8436"/>
              </a:avLst>
            </a:prstGeom>
            <a:solidFill>
              <a:srgbClr val="CDDFE5"/>
            </a:solidFill>
            <a:ln>
              <a:solidFill>
                <a:srgbClr val="04607D"/>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dirty="0">
                  <a:solidFill>
                    <a:srgbClr val="024D78"/>
                  </a:solidFill>
                </a:rPr>
                <a:t>Faggruppe</a:t>
              </a:r>
            </a:p>
          </p:txBody>
        </p:sp>
        <p:cxnSp>
          <p:nvCxnSpPr>
            <p:cNvPr id="181" name="Lige forbindelse 180">
              <a:extLst>
                <a:ext uri="{FF2B5EF4-FFF2-40B4-BE49-F238E27FC236}">
                  <a16:creationId xmlns:a16="http://schemas.microsoft.com/office/drawing/2014/main" id="{E2A813E8-D730-E209-AD41-A4D56EC1C4B5}"/>
                </a:ext>
                <a:ext uri="{C183D7F6-B498-43B3-948B-1728B52AA6E4}">
                  <adec:decorative xmlns:adec="http://schemas.microsoft.com/office/drawing/2017/decorative" val="1"/>
                </a:ext>
              </a:extLst>
            </p:cNvPr>
            <p:cNvCxnSpPr>
              <a:endCxn id="54" idx="0"/>
            </p:cNvCxnSpPr>
            <p:nvPr/>
          </p:nvCxnSpPr>
          <p:spPr>
            <a:xfrm>
              <a:off x="7058179" y="2262791"/>
              <a:ext cx="1519339" cy="2"/>
            </a:xfrm>
            <a:prstGeom prst="line">
              <a:avLst/>
            </a:prstGeom>
          </p:spPr>
          <p:style>
            <a:lnRef idx="1">
              <a:schemeClr val="accent1"/>
            </a:lnRef>
            <a:fillRef idx="0">
              <a:schemeClr val="accent1"/>
            </a:fillRef>
            <a:effectRef idx="0">
              <a:schemeClr val="accent1"/>
            </a:effectRef>
            <a:fontRef idx="minor">
              <a:schemeClr val="tx1"/>
            </a:fontRef>
          </p:style>
        </p:cxnSp>
        <p:cxnSp>
          <p:nvCxnSpPr>
            <p:cNvPr id="182" name="Lige forbindelse 181">
              <a:extLst>
                <a:ext uri="{FF2B5EF4-FFF2-40B4-BE49-F238E27FC236}">
                  <a16:creationId xmlns:a16="http://schemas.microsoft.com/office/drawing/2014/main" id="{6D1B9C50-9567-1FDD-CF66-9772547AB823}"/>
                </a:ext>
                <a:ext uri="{C183D7F6-B498-43B3-948B-1728B52AA6E4}">
                  <adec:decorative xmlns:adec="http://schemas.microsoft.com/office/drawing/2017/decorative" val="1"/>
                </a:ext>
              </a:extLst>
            </p:cNvPr>
            <p:cNvCxnSpPr/>
            <p:nvPr/>
          </p:nvCxnSpPr>
          <p:spPr>
            <a:xfrm>
              <a:off x="7058179" y="6161870"/>
              <a:ext cx="1519339" cy="2"/>
            </a:xfrm>
            <a:prstGeom prst="line">
              <a:avLst/>
            </a:prstGeom>
          </p:spPr>
          <p:style>
            <a:lnRef idx="1">
              <a:schemeClr val="accent1"/>
            </a:lnRef>
            <a:fillRef idx="0">
              <a:schemeClr val="accent1"/>
            </a:fillRef>
            <a:effectRef idx="0">
              <a:schemeClr val="accent1"/>
            </a:effectRef>
            <a:fontRef idx="minor">
              <a:schemeClr val="tx1"/>
            </a:fontRef>
          </p:style>
        </p:cxnSp>
        <p:grpSp>
          <p:nvGrpSpPr>
            <p:cNvPr id="235" name="Gruppe 234">
              <a:extLst>
                <a:ext uri="{FF2B5EF4-FFF2-40B4-BE49-F238E27FC236}">
                  <a16:creationId xmlns:a16="http://schemas.microsoft.com/office/drawing/2014/main" id="{F5AB69F9-D848-5785-5918-FCC12D70699A}"/>
                </a:ext>
                <a:ext uri="{C183D7F6-B498-43B3-948B-1728B52AA6E4}">
                  <adec:decorative xmlns:adec="http://schemas.microsoft.com/office/drawing/2017/decorative" val="1"/>
                </a:ext>
              </a:extLst>
            </p:cNvPr>
            <p:cNvGrpSpPr/>
            <p:nvPr/>
          </p:nvGrpSpPr>
          <p:grpSpPr>
            <a:xfrm>
              <a:off x="6895912" y="3309667"/>
              <a:ext cx="4798038" cy="367316"/>
              <a:chOff x="6895912" y="3309667"/>
              <a:chExt cx="4798038" cy="367316"/>
            </a:xfrm>
          </p:grpSpPr>
          <p:cxnSp>
            <p:nvCxnSpPr>
              <p:cNvPr id="187" name="Lige forbindelse 186">
                <a:extLst>
                  <a:ext uri="{FF2B5EF4-FFF2-40B4-BE49-F238E27FC236}">
                    <a16:creationId xmlns:a16="http://schemas.microsoft.com/office/drawing/2014/main" id="{819EA75E-4851-76ED-863A-C2003148B99C}"/>
                  </a:ext>
                </a:extLst>
              </p:cNvPr>
              <p:cNvCxnSpPr>
                <a:cxnSpLocks/>
              </p:cNvCxnSpPr>
              <p:nvPr/>
            </p:nvCxnSpPr>
            <p:spPr>
              <a:xfrm>
                <a:off x="6895912" y="3477339"/>
                <a:ext cx="4798038" cy="0"/>
              </a:xfrm>
              <a:prstGeom prst="line">
                <a:avLst/>
              </a:prstGeom>
              <a:ln w="3175">
                <a:solidFill>
                  <a:srgbClr val="1A5D83"/>
                </a:solidFill>
                <a:prstDash val="lgDash"/>
              </a:ln>
            </p:spPr>
            <p:style>
              <a:lnRef idx="1">
                <a:schemeClr val="accent1"/>
              </a:lnRef>
              <a:fillRef idx="0">
                <a:schemeClr val="accent1"/>
              </a:fillRef>
              <a:effectRef idx="0">
                <a:schemeClr val="accent1"/>
              </a:effectRef>
              <a:fontRef idx="minor">
                <a:schemeClr val="tx1"/>
              </a:fontRef>
            </p:style>
          </p:cxnSp>
          <p:grpSp>
            <p:nvGrpSpPr>
              <p:cNvPr id="188" name="Gruppe 187">
                <a:extLst>
                  <a:ext uri="{FF2B5EF4-FFF2-40B4-BE49-F238E27FC236}">
                    <a16:creationId xmlns:a16="http://schemas.microsoft.com/office/drawing/2014/main" id="{4C470007-B8C7-4356-36C4-A472AC49E728}"/>
                  </a:ext>
                </a:extLst>
              </p:cNvPr>
              <p:cNvGrpSpPr>
                <a:grpSpLocks/>
              </p:cNvGrpSpPr>
              <p:nvPr/>
            </p:nvGrpSpPr>
            <p:grpSpPr>
              <a:xfrm rot="5400000">
                <a:off x="9111276" y="3329560"/>
                <a:ext cx="367316" cy="327530"/>
                <a:chOff x="3235984" y="3629710"/>
                <a:chExt cx="367316" cy="327530"/>
              </a:xfrm>
            </p:grpSpPr>
            <p:sp>
              <p:nvSpPr>
                <p:cNvPr id="189" name="Rektangel: afrundede hjørner 188">
                  <a:extLst>
                    <a:ext uri="{FF2B5EF4-FFF2-40B4-BE49-F238E27FC236}">
                      <a16:creationId xmlns:a16="http://schemas.microsoft.com/office/drawing/2014/main" id="{89C5D27E-97DB-3E2A-0504-BC97FF1C18E4}"/>
                    </a:ext>
                  </a:extLst>
                </p:cNvPr>
                <p:cNvSpPr/>
                <p:nvPr/>
              </p:nvSpPr>
              <p:spPr>
                <a:xfrm>
                  <a:off x="3324225" y="3683000"/>
                  <a:ext cx="175390" cy="250825"/>
                </a:xfrm>
                <a:prstGeom prst="roundRect">
                  <a:avLst/>
                </a:prstGeom>
                <a:solidFill>
                  <a:srgbClr val="E6F5F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pic>
              <p:nvPicPr>
                <p:cNvPr id="190" name="Graphic 47" descr="Caret Left with solid fill">
                  <a:extLst>
                    <a:ext uri="{FF2B5EF4-FFF2-40B4-BE49-F238E27FC236}">
                      <a16:creationId xmlns:a16="http://schemas.microsoft.com/office/drawing/2014/main" id="{9EBFB787-B8CC-0D3D-8265-BFAB8B1C1CAC}"/>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rot="10800000">
                  <a:off x="3235984" y="3629710"/>
                  <a:ext cx="367316" cy="327530"/>
                </a:xfrm>
                <a:prstGeom prst="rect">
                  <a:avLst/>
                </a:prstGeom>
              </p:spPr>
            </p:pic>
          </p:grpSp>
        </p:grpSp>
        <p:grpSp>
          <p:nvGrpSpPr>
            <p:cNvPr id="197" name="Gruppe 196">
              <a:extLst>
                <a:ext uri="{FF2B5EF4-FFF2-40B4-BE49-F238E27FC236}">
                  <a16:creationId xmlns:a16="http://schemas.microsoft.com/office/drawing/2014/main" id="{DE139BF6-0696-6A57-A561-32E1F691C654}"/>
                </a:ext>
                <a:ext uri="{C183D7F6-B498-43B3-948B-1728B52AA6E4}">
                  <adec:decorative xmlns:adec="http://schemas.microsoft.com/office/drawing/2017/decorative" val="1"/>
                </a:ext>
              </a:extLst>
            </p:cNvPr>
            <p:cNvGrpSpPr>
              <a:grpSpLocks/>
            </p:cNvGrpSpPr>
            <p:nvPr/>
          </p:nvGrpSpPr>
          <p:grpSpPr>
            <a:xfrm rot="10800000">
              <a:off x="10234598" y="2262791"/>
              <a:ext cx="367316" cy="1044281"/>
              <a:chOff x="7594841" y="1705229"/>
              <a:chExt cx="367316" cy="1044281"/>
            </a:xfrm>
          </p:grpSpPr>
          <p:cxnSp>
            <p:nvCxnSpPr>
              <p:cNvPr id="198" name="Lige forbindelse 197">
                <a:extLst>
                  <a:ext uri="{FF2B5EF4-FFF2-40B4-BE49-F238E27FC236}">
                    <a16:creationId xmlns:a16="http://schemas.microsoft.com/office/drawing/2014/main" id="{ED927688-F642-9381-D56A-85ED5A49BA6D}"/>
                  </a:ext>
                </a:extLst>
              </p:cNvPr>
              <p:cNvCxnSpPr>
                <a:cxnSpLocks/>
              </p:cNvCxnSpPr>
              <p:nvPr/>
            </p:nvCxnSpPr>
            <p:spPr>
              <a:xfrm rot="10800000">
                <a:off x="7762513" y="1705229"/>
                <a:ext cx="0" cy="1044281"/>
              </a:xfrm>
              <a:prstGeom prst="line">
                <a:avLst/>
              </a:prstGeom>
              <a:ln w="3175">
                <a:solidFill>
                  <a:srgbClr val="1A5D83"/>
                </a:solidFill>
                <a:prstDash val="lgDash"/>
              </a:ln>
            </p:spPr>
            <p:style>
              <a:lnRef idx="1">
                <a:schemeClr val="accent1"/>
              </a:lnRef>
              <a:fillRef idx="0">
                <a:schemeClr val="accent1"/>
              </a:fillRef>
              <a:effectRef idx="0">
                <a:schemeClr val="accent1"/>
              </a:effectRef>
              <a:fontRef idx="minor">
                <a:schemeClr val="tx1"/>
              </a:fontRef>
            </p:style>
          </p:cxnSp>
          <p:grpSp>
            <p:nvGrpSpPr>
              <p:cNvPr id="199" name="Gruppe 198">
                <a:extLst>
                  <a:ext uri="{FF2B5EF4-FFF2-40B4-BE49-F238E27FC236}">
                    <a16:creationId xmlns:a16="http://schemas.microsoft.com/office/drawing/2014/main" id="{26672D96-8EC2-ADF9-F8C2-F825073F6ED8}"/>
                  </a:ext>
                </a:extLst>
              </p:cNvPr>
              <p:cNvGrpSpPr>
                <a:grpSpLocks/>
              </p:cNvGrpSpPr>
              <p:nvPr/>
            </p:nvGrpSpPr>
            <p:grpSpPr>
              <a:xfrm>
                <a:off x="7594841" y="2063604"/>
                <a:ext cx="367316" cy="327530"/>
                <a:chOff x="3235984" y="2678650"/>
                <a:chExt cx="367316" cy="327530"/>
              </a:xfrm>
            </p:grpSpPr>
            <p:sp>
              <p:nvSpPr>
                <p:cNvPr id="200" name="Rektangel: afrundede hjørner 199">
                  <a:extLst>
                    <a:ext uri="{FF2B5EF4-FFF2-40B4-BE49-F238E27FC236}">
                      <a16:creationId xmlns:a16="http://schemas.microsoft.com/office/drawing/2014/main" id="{3DBAC988-8C52-ACE2-6343-9B0764925C7E}"/>
                    </a:ext>
                  </a:extLst>
                </p:cNvPr>
                <p:cNvSpPr>
                  <a:spLocks/>
                </p:cNvSpPr>
                <p:nvPr/>
              </p:nvSpPr>
              <p:spPr>
                <a:xfrm>
                  <a:off x="3324225" y="2717003"/>
                  <a:ext cx="175390" cy="250825"/>
                </a:xfrm>
                <a:prstGeom prst="roundRect">
                  <a:avLst/>
                </a:prstGeom>
                <a:solidFill>
                  <a:srgbClr val="E6F5F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pic>
              <p:nvPicPr>
                <p:cNvPr id="201" name="Graphic 47" descr="Caret Left with solid fill">
                  <a:extLst>
                    <a:ext uri="{FF2B5EF4-FFF2-40B4-BE49-F238E27FC236}">
                      <a16:creationId xmlns:a16="http://schemas.microsoft.com/office/drawing/2014/main" id="{6A196B92-4638-050D-D909-FE60C3008704}"/>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rot="10800000">
                  <a:off x="3235984" y="2678650"/>
                  <a:ext cx="367316" cy="327530"/>
                </a:xfrm>
                <a:prstGeom prst="rect">
                  <a:avLst/>
                </a:prstGeom>
              </p:spPr>
            </p:pic>
          </p:grpSp>
        </p:grpSp>
        <p:pic>
          <p:nvPicPr>
            <p:cNvPr id="205" name="Graphic 47" descr="Caret Left with solid fill">
              <a:extLst>
                <a:ext uri="{FF2B5EF4-FFF2-40B4-BE49-F238E27FC236}">
                  <a16:creationId xmlns:a16="http://schemas.microsoft.com/office/drawing/2014/main" id="{666AA0DC-E4F3-97AD-CC8B-C3F6ABD84701}"/>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rot="16200000">
              <a:off x="8393861" y="2612397"/>
              <a:ext cx="367316" cy="327530"/>
            </a:xfrm>
            <a:prstGeom prst="rect">
              <a:avLst/>
            </a:prstGeom>
          </p:spPr>
        </p:pic>
        <p:grpSp>
          <p:nvGrpSpPr>
            <p:cNvPr id="214" name="Gruppe 213">
              <a:extLst>
                <a:ext uri="{FF2B5EF4-FFF2-40B4-BE49-F238E27FC236}">
                  <a16:creationId xmlns:a16="http://schemas.microsoft.com/office/drawing/2014/main" id="{67AD362D-8D72-025A-F99A-C52C3D603E2C}"/>
                </a:ext>
                <a:ext uri="{C183D7F6-B498-43B3-948B-1728B52AA6E4}">
                  <adec:decorative xmlns:adec="http://schemas.microsoft.com/office/drawing/2017/decorative" val="1"/>
                </a:ext>
              </a:extLst>
            </p:cNvPr>
            <p:cNvGrpSpPr>
              <a:grpSpLocks/>
            </p:cNvGrpSpPr>
            <p:nvPr/>
          </p:nvGrpSpPr>
          <p:grpSpPr>
            <a:xfrm>
              <a:off x="6830337" y="4979876"/>
              <a:ext cx="2482996" cy="367316"/>
              <a:chOff x="6830337" y="4979876"/>
              <a:chExt cx="2482996" cy="367316"/>
            </a:xfrm>
          </p:grpSpPr>
          <p:cxnSp>
            <p:nvCxnSpPr>
              <p:cNvPr id="209" name="Lige forbindelse 208">
                <a:extLst>
                  <a:ext uri="{FF2B5EF4-FFF2-40B4-BE49-F238E27FC236}">
                    <a16:creationId xmlns:a16="http://schemas.microsoft.com/office/drawing/2014/main" id="{850051CC-0314-F437-EE1D-31DF44BC2524}"/>
                  </a:ext>
                </a:extLst>
              </p:cNvPr>
              <p:cNvCxnSpPr>
                <a:cxnSpLocks/>
              </p:cNvCxnSpPr>
              <p:nvPr/>
            </p:nvCxnSpPr>
            <p:spPr>
              <a:xfrm flipH="1">
                <a:off x="6830337" y="5179518"/>
                <a:ext cx="2482996" cy="0"/>
              </a:xfrm>
              <a:prstGeom prst="line">
                <a:avLst/>
              </a:prstGeom>
              <a:ln w="3175">
                <a:solidFill>
                  <a:srgbClr val="1A5D83"/>
                </a:solidFill>
                <a:prstDash val="lgDash"/>
              </a:ln>
            </p:spPr>
            <p:style>
              <a:lnRef idx="1">
                <a:schemeClr val="accent1"/>
              </a:lnRef>
              <a:fillRef idx="0">
                <a:schemeClr val="accent1"/>
              </a:fillRef>
              <a:effectRef idx="0">
                <a:schemeClr val="accent1"/>
              </a:effectRef>
              <a:fontRef idx="minor">
                <a:schemeClr val="tx1"/>
              </a:fontRef>
            </p:style>
          </p:cxnSp>
          <p:grpSp>
            <p:nvGrpSpPr>
              <p:cNvPr id="210" name="Gruppe 209">
                <a:extLst>
                  <a:ext uri="{FF2B5EF4-FFF2-40B4-BE49-F238E27FC236}">
                    <a16:creationId xmlns:a16="http://schemas.microsoft.com/office/drawing/2014/main" id="{34C0BC07-0B65-8352-4AB2-BFA093402B42}"/>
                  </a:ext>
                </a:extLst>
              </p:cNvPr>
              <p:cNvGrpSpPr>
                <a:grpSpLocks/>
              </p:cNvGrpSpPr>
              <p:nvPr/>
            </p:nvGrpSpPr>
            <p:grpSpPr>
              <a:xfrm rot="16200000">
                <a:off x="7888179" y="4999769"/>
                <a:ext cx="367316" cy="327530"/>
                <a:chOff x="3235984" y="3629710"/>
                <a:chExt cx="367316" cy="327530"/>
              </a:xfrm>
            </p:grpSpPr>
            <p:sp>
              <p:nvSpPr>
                <p:cNvPr id="211" name="Rektangel: afrundede hjørner 210">
                  <a:extLst>
                    <a:ext uri="{FF2B5EF4-FFF2-40B4-BE49-F238E27FC236}">
                      <a16:creationId xmlns:a16="http://schemas.microsoft.com/office/drawing/2014/main" id="{4A5A355E-42B0-93CF-D74B-41681C467D0B}"/>
                    </a:ext>
                  </a:extLst>
                </p:cNvPr>
                <p:cNvSpPr/>
                <p:nvPr/>
              </p:nvSpPr>
              <p:spPr>
                <a:xfrm>
                  <a:off x="3324225" y="3683000"/>
                  <a:ext cx="175390" cy="250825"/>
                </a:xfrm>
                <a:prstGeom prst="roundRect">
                  <a:avLst/>
                </a:prstGeom>
                <a:solidFill>
                  <a:srgbClr val="E6F5F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pic>
              <p:nvPicPr>
                <p:cNvPr id="212" name="Graphic 47" descr="Caret Left with solid fill">
                  <a:extLst>
                    <a:ext uri="{FF2B5EF4-FFF2-40B4-BE49-F238E27FC236}">
                      <a16:creationId xmlns:a16="http://schemas.microsoft.com/office/drawing/2014/main" id="{5D9380E5-3124-7912-D43A-FC996C94E0D4}"/>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10800000">
                  <a:off x="3235984" y="3629710"/>
                  <a:ext cx="367316" cy="327530"/>
                </a:xfrm>
                <a:prstGeom prst="rect">
                  <a:avLst/>
                </a:prstGeom>
              </p:spPr>
            </p:pic>
          </p:grpSp>
        </p:grpSp>
        <p:pic>
          <p:nvPicPr>
            <p:cNvPr id="215" name="Graphic 47" descr="Caret Left with solid fill">
              <a:extLst>
                <a:ext uri="{FF2B5EF4-FFF2-40B4-BE49-F238E27FC236}">
                  <a16:creationId xmlns:a16="http://schemas.microsoft.com/office/drawing/2014/main" id="{FCA545CE-A79B-33B8-3D66-91408E2C840D}"/>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5400000">
              <a:off x="10549634" y="4999767"/>
              <a:ext cx="367316" cy="327530"/>
            </a:xfrm>
            <a:prstGeom prst="rect">
              <a:avLst/>
            </a:prstGeom>
          </p:spPr>
        </p:pic>
        <p:cxnSp>
          <p:nvCxnSpPr>
            <p:cNvPr id="221" name="Connector: Elbow 23">
              <a:extLst>
                <a:ext uri="{FF2B5EF4-FFF2-40B4-BE49-F238E27FC236}">
                  <a16:creationId xmlns:a16="http://schemas.microsoft.com/office/drawing/2014/main" id="{18FF9E25-7473-7A69-DE80-3C0A2828AD94}"/>
                </a:ext>
                <a:ext uri="{C183D7F6-B498-43B3-948B-1728B52AA6E4}">
                  <adec:decorative xmlns:adec="http://schemas.microsoft.com/office/drawing/2017/decorative" val="1"/>
                </a:ext>
              </a:extLst>
            </p:cNvPr>
            <p:cNvCxnSpPr>
              <a:cxnSpLocks/>
            </p:cNvCxnSpPr>
            <p:nvPr/>
          </p:nvCxnSpPr>
          <p:spPr>
            <a:xfrm rot="5400000">
              <a:off x="9120500" y="3996666"/>
              <a:ext cx="428339" cy="190256"/>
            </a:xfrm>
            <a:prstGeom prst="bentConnector3">
              <a:avLst>
                <a:gd name="adj1" fmla="val 36153"/>
              </a:avLst>
            </a:prstGeom>
            <a:ln w="6350">
              <a:solidFill>
                <a:srgbClr val="024D78"/>
              </a:solidFill>
              <a:prstDash val="dash"/>
              <a:headEnd type="none"/>
              <a:tailEnd type="diamond"/>
            </a:ln>
          </p:spPr>
          <p:style>
            <a:lnRef idx="1">
              <a:schemeClr val="accent1"/>
            </a:lnRef>
            <a:fillRef idx="0">
              <a:schemeClr val="accent1"/>
            </a:fillRef>
            <a:effectRef idx="0">
              <a:schemeClr val="accent1"/>
            </a:effectRef>
            <a:fontRef idx="minor">
              <a:schemeClr val="tx1"/>
            </a:fontRef>
          </p:style>
        </p:cxnSp>
        <p:cxnSp>
          <p:nvCxnSpPr>
            <p:cNvPr id="223" name="Connector: Elbow 23">
              <a:extLst>
                <a:ext uri="{FF2B5EF4-FFF2-40B4-BE49-F238E27FC236}">
                  <a16:creationId xmlns:a16="http://schemas.microsoft.com/office/drawing/2014/main" id="{78C37B5E-2006-DA9A-D512-9A1FF10CAB10}"/>
                </a:ext>
                <a:ext uri="{C183D7F6-B498-43B3-948B-1728B52AA6E4}">
                  <adec:decorative xmlns:adec="http://schemas.microsoft.com/office/drawing/2017/decorative" val="1"/>
                </a:ext>
              </a:extLst>
            </p:cNvPr>
            <p:cNvCxnSpPr>
              <a:cxnSpLocks/>
            </p:cNvCxnSpPr>
            <p:nvPr/>
          </p:nvCxnSpPr>
          <p:spPr>
            <a:xfrm rot="16200000" flipH="1">
              <a:off x="9945660" y="3982684"/>
              <a:ext cx="428342" cy="218220"/>
            </a:xfrm>
            <a:prstGeom prst="bentConnector3">
              <a:avLst>
                <a:gd name="adj1" fmla="val 39615"/>
              </a:avLst>
            </a:prstGeom>
            <a:ln w="6350">
              <a:solidFill>
                <a:srgbClr val="024D78"/>
              </a:solidFill>
              <a:prstDash val="dash"/>
              <a:headEnd type="none"/>
              <a:tailEnd type="diamond"/>
            </a:ln>
          </p:spPr>
          <p:style>
            <a:lnRef idx="1">
              <a:schemeClr val="accent1"/>
            </a:lnRef>
            <a:fillRef idx="0">
              <a:schemeClr val="accent1"/>
            </a:fillRef>
            <a:effectRef idx="0">
              <a:schemeClr val="accent1"/>
            </a:effectRef>
            <a:fontRef idx="minor">
              <a:schemeClr val="tx1"/>
            </a:fontRef>
          </p:style>
        </p:cxnSp>
        <p:cxnSp>
          <p:nvCxnSpPr>
            <p:cNvPr id="230" name="Connector: Elbow 23">
              <a:extLst>
                <a:ext uri="{FF2B5EF4-FFF2-40B4-BE49-F238E27FC236}">
                  <a16:creationId xmlns:a16="http://schemas.microsoft.com/office/drawing/2014/main" id="{D8EF963B-6B23-6C22-F7E1-5637EC0C8B19}"/>
                </a:ext>
                <a:ext uri="{C183D7F6-B498-43B3-948B-1728B52AA6E4}">
                  <adec:decorative xmlns:adec="http://schemas.microsoft.com/office/drawing/2017/decorative" val="1"/>
                </a:ext>
              </a:extLst>
            </p:cNvPr>
            <p:cNvCxnSpPr>
              <a:cxnSpLocks/>
              <a:endCxn id="74" idx="0"/>
            </p:cNvCxnSpPr>
            <p:nvPr/>
          </p:nvCxnSpPr>
          <p:spPr>
            <a:xfrm rot="16200000" flipH="1">
              <a:off x="10912847" y="3989504"/>
              <a:ext cx="441982" cy="218220"/>
            </a:xfrm>
            <a:prstGeom prst="bentConnector3">
              <a:avLst>
                <a:gd name="adj1" fmla="val 35462"/>
              </a:avLst>
            </a:prstGeom>
            <a:ln w="6350">
              <a:solidFill>
                <a:srgbClr val="024D78"/>
              </a:solidFill>
              <a:prstDash val="dash"/>
              <a:headEnd type="none"/>
              <a:tailEnd type="diamond"/>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848509210"/>
      </p:ext>
    </p:extLst>
  </p:cSld>
  <p:clrMapOvr>
    <a:masterClrMapping/>
  </p:clrMapOvr>
  <p:transition>
    <p:fade/>
  </p:transition>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423D7D-CEE3-340E-7589-57426736C760}"/>
            </a:ext>
          </a:extLst>
        </p:cNvPr>
        <p:cNvGrpSpPr/>
        <p:nvPr/>
      </p:nvGrpSpPr>
      <p:grpSpPr>
        <a:xfrm>
          <a:off x="0" y="0"/>
          <a:ext cx="0" cy="0"/>
          <a:chOff x="0" y="0"/>
          <a:chExt cx="0" cy="0"/>
        </a:xfrm>
      </p:grpSpPr>
      <p:sp>
        <p:nvSpPr>
          <p:cNvPr id="20" name="Rectangle: Rounded Corners 19">
            <a:extLst>
              <a:ext uri="{FF2B5EF4-FFF2-40B4-BE49-F238E27FC236}">
                <a16:creationId xmlns:a16="http://schemas.microsoft.com/office/drawing/2014/main" id="{4CAB65C4-597B-53D5-5BD1-430D3707880B}"/>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8 | Fællesoffentlig open source-fællesskab – OS2</a:t>
            </a:r>
          </a:p>
        </p:txBody>
      </p:sp>
      <p:pic>
        <p:nvPicPr>
          <p:cNvPr id="4" name="Picture 8">
            <a:extLst>
              <a:ext uri="{FF2B5EF4-FFF2-40B4-BE49-F238E27FC236}">
                <a16:creationId xmlns:a16="http://schemas.microsoft.com/office/drawing/2014/main" id="{EAB765FB-9119-A0AF-E457-DBEAA69C2BE4}"/>
              </a:ext>
              <a:ext uri="{C183D7F6-B498-43B3-948B-1728B52AA6E4}">
                <adec:decorative xmlns:adec="http://schemas.microsoft.com/office/drawing/2017/decorative" val="1"/>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0573375" y="195829"/>
            <a:ext cx="1008000" cy="1008000"/>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597B820C-E4FD-215E-ACF8-4C2509E92F2F}"/>
              </a:ext>
            </a:extLst>
          </p:cNvPr>
          <p:cNvSpPr>
            <a:spLocks noGrp="1"/>
          </p:cNvSpPr>
          <p:nvPr>
            <p:ph type="title"/>
          </p:nvPr>
        </p:nvSpPr>
        <p:spPr/>
        <p:txBody>
          <a:bodyPr/>
          <a:lstStyle/>
          <a:p>
            <a:r>
              <a:rPr lang="da-DK" sz="2200" noProof="0" dirty="0"/>
              <a:t>Side 3/3 | </a:t>
            </a:r>
            <a:r>
              <a:rPr lang="da-DK" sz="2200" b="1" noProof="0" dirty="0"/>
              <a:t>Teknologisk og organisatorisk transformation</a:t>
            </a:r>
            <a:endParaRPr lang="da-DK" sz="2200" i="1" noProof="0" dirty="0"/>
          </a:p>
        </p:txBody>
      </p:sp>
      <p:sp>
        <p:nvSpPr>
          <p:cNvPr id="10" name="Rectangle: Rounded Corners 9">
            <a:extLst>
              <a:ext uri="{FF2B5EF4-FFF2-40B4-BE49-F238E27FC236}">
                <a16:creationId xmlns:a16="http://schemas.microsoft.com/office/drawing/2014/main" id="{25133DF3-9380-A7B7-7B69-7DB94751C275}"/>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Teknologisk transformation</a:t>
            </a:r>
          </a:p>
        </p:txBody>
      </p:sp>
      <p:sp>
        <p:nvSpPr>
          <p:cNvPr id="3" name="Rectangle 2">
            <a:extLst>
              <a:ext uri="{FF2B5EF4-FFF2-40B4-BE49-F238E27FC236}">
                <a16:creationId xmlns:a16="http://schemas.microsoft.com/office/drawing/2014/main" id="{9FF25B69-C29F-82CD-1464-FD886923D82F}"/>
              </a:ext>
            </a:extLst>
          </p:cNvPr>
          <p:cNvSpPr/>
          <p:nvPr/>
        </p:nvSpPr>
        <p:spPr>
          <a:xfrm>
            <a:off x="560498" y="2069025"/>
            <a:ext cx="2940490" cy="42917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50"/>
              </a:spcAft>
            </a:pPr>
            <a:r>
              <a:rPr lang="da-DK" sz="900" b="1" noProof="0" dirty="0">
                <a:solidFill>
                  <a:srgbClr val="36465A"/>
                </a:solidFill>
              </a:rPr>
              <a:t>Teknologisk målbillede</a:t>
            </a:r>
            <a:br>
              <a:rPr lang="da-DK" sz="900" b="1" noProof="0" dirty="0">
                <a:solidFill>
                  <a:srgbClr val="36465A"/>
                </a:solidFill>
              </a:rPr>
            </a:br>
            <a:r>
              <a:rPr lang="da-DK" sz="900" noProof="0" dirty="0">
                <a:solidFill>
                  <a:schemeClr val="tx1"/>
                </a:solidFill>
              </a:rPr>
              <a:t>Målet er at skabe en digital infrastruktur baseret på open source og modulære komponenter, der kan genbruges og videreudvikles på tværs af offentlige organisationer. Løsningerne skal være fleksible, </a:t>
            </a:r>
            <a:r>
              <a:rPr lang="da-DK" sz="900" noProof="0" dirty="0" err="1">
                <a:solidFill>
                  <a:schemeClr val="tx1"/>
                </a:solidFill>
              </a:rPr>
              <a:t>interoperable</a:t>
            </a:r>
            <a:r>
              <a:rPr lang="da-DK" sz="900" noProof="0" dirty="0">
                <a:solidFill>
                  <a:schemeClr val="tx1"/>
                </a:solidFill>
              </a:rPr>
              <a:t> og understøtte integration med eksisterende løsninger.</a:t>
            </a:r>
          </a:p>
          <a:p>
            <a:pPr>
              <a:spcAft>
                <a:spcPts val="350"/>
              </a:spcAft>
            </a:pPr>
            <a:r>
              <a:rPr lang="da-DK" sz="900" noProof="0" dirty="0">
                <a:solidFill>
                  <a:schemeClr val="tx1"/>
                </a:solidFill>
                <a:latin typeface="Arial" panose="020B0604020202020204" pitchFamily="34" charset="0"/>
              </a:rPr>
              <a:t>Fællesskabet arbejder for:</a:t>
            </a:r>
          </a:p>
          <a:p>
            <a:pPr marL="171450" indent="-171450">
              <a:spcAft>
                <a:spcPts val="350"/>
              </a:spcAft>
              <a:buFont typeface="Arial" panose="020B0604020202020204" pitchFamily="34" charset="0"/>
              <a:buChar char="•"/>
            </a:pPr>
            <a:r>
              <a:rPr lang="da-DK" sz="900" noProof="0" dirty="0">
                <a:solidFill>
                  <a:schemeClr val="tx1"/>
                </a:solidFill>
                <a:latin typeface="Arial" panose="020B0604020202020204" pitchFamily="34" charset="0"/>
              </a:rPr>
              <a:t>Open source som grundlag for gennemsigtighed og tilpasningsmuligheder</a:t>
            </a:r>
          </a:p>
          <a:p>
            <a:pPr marL="171450" indent="-171450">
              <a:spcAft>
                <a:spcPts val="350"/>
              </a:spcAft>
              <a:buFont typeface="Arial" panose="020B0604020202020204" pitchFamily="34" charset="0"/>
              <a:buChar char="•"/>
            </a:pPr>
            <a:r>
              <a:rPr lang="da-DK" sz="900" noProof="0" dirty="0">
                <a:solidFill>
                  <a:schemeClr val="tx1"/>
                </a:solidFill>
                <a:latin typeface="Arial" panose="020B0604020202020204" pitchFamily="34" charset="0"/>
              </a:rPr>
              <a:t>Standardisering, der sikrer sammenhæng og reducerer kompleksitet</a:t>
            </a:r>
          </a:p>
          <a:p>
            <a:pPr marL="171450" indent="-171450">
              <a:spcAft>
                <a:spcPts val="350"/>
              </a:spcAft>
              <a:buFont typeface="Arial" panose="020B0604020202020204" pitchFamily="34" charset="0"/>
              <a:buChar char="•"/>
            </a:pPr>
            <a:r>
              <a:rPr lang="da-DK" sz="900" noProof="0" dirty="0">
                <a:solidFill>
                  <a:schemeClr val="tx1"/>
                </a:solidFill>
                <a:latin typeface="Arial" panose="020B0604020202020204" pitchFamily="34" charset="0"/>
              </a:rPr>
              <a:t>Mulighed for udvikling, kodevedligehold og drift i forskellige miljøer og på tværs af forskellige leverandører.</a:t>
            </a:r>
            <a:endParaRPr lang="da-DK" sz="900" b="1" noProof="0" dirty="0">
              <a:solidFill>
                <a:schemeClr val="tx1"/>
              </a:solidFill>
            </a:endParaRPr>
          </a:p>
          <a:p>
            <a:pPr>
              <a:spcAft>
                <a:spcPts val="350"/>
              </a:spcAft>
            </a:pPr>
            <a:r>
              <a:rPr lang="da-DK" sz="900" b="1" noProof="0" dirty="0">
                <a:solidFill>
                  <a:srgbClr val="36465A"/>
                </a:solidFill>
              </a:rPr>
              <a:t>Teknologisk omstilling</a:t>
            </a:r>
            <a:br>
              <a:rPr lang="da-DK" sz="900" b="1" noProof="0" dirty="0">
                <a:solidFill>
                  <a:srgbClr val="36465A"/>
                </a:solidFill>
              </a:rPr>
            </a:br>
            <a:r>
              <a:rPr lang="da-DK" sz="900" noProof="0" dirty="0">
                <a:solidFill>
                  <a:srgbClr val="00172D"/>
                </a:solidFill>
              </a:rPr>
              <a:t>OS2 understøtter en omstilling fra </a:t>
            </a:r>
            <a:r>
              <a:rPr lang="da-DK" sz="900" noProof="0" dirty="0" err="1">
                <a:solidFill>
                  <a:srgbClr val="00172D"/>
                </a:solidFill>
              </a:rPr>
              <a:t>proprietære</a:t>
            </a:r>
            <a:r>
              <a:rPr lang="da-DK" sz="900" noProof="0" dirty="0">
                <a:solidFill>
                  <a:srgbClr val="00172D"/>
                </a:solidFill>
              </a:rPr>
              <a:t> systemer til en mere åben og fleksibel it-arkitektur. OS2 bygger på principper om modulopbygning og open source.</a:t>
            </a:r>
          </a:p>
          <a:p>
            <a:pPr>
              <a:spcAft>
                <a:spcPts val="350"/>
              </a:spcAft>
            </a:pPr>
            <a:r>
              <a:rPr lang="da-DK" sz="900" noProof="0" dirty="0">
                <a:solidFill>
                  <a:srgbClr val="00172D"/>
                </a:solidFill>
              </a:rPr>
              <a:t>Medlemmerne kan vælge at anvende enkelte produkter eller kombinere flere afhængig af de konkrete behov. </a:t>
            </a:r>
          </a:p>
          <a:p>
            <a:r>
              <a:rPr lang="da-DK" sz="900" noProof="0" dirty="0">
                <a:solidFill>
                  <a:srgbClr val="00172D"/>
                </a:solidFill>
              </a:rPr>
              <a:t>Omstillingen mod en mere åben arkitektur er ikke tænkt som en erstatning for alle kommercielle løsninger, men som et supplement, der giver offentlige myndigheder større handlefrihed.</a:t>
            </a:r>
          </a:p>
        </p:txBody>
      </p:sp>
      <p:sp>
        <p:nvSpPr>
          <p:cNvPr id="11" name="Rectangle: Rounded Corners 10">
            <a:extLst>
              <a:ext uri="{FF2B5EF4-FFF2-40B4-BE49-F238E27FC236}">
                <a16:creationId xmlns:a16="http://schemas.microsoft.com/office/drawing/2014/main" id="{6D5CAE52-C095-4439-159D-4285CD2B01DB}"/>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Organisatorisk transformation</a:t>
            </a:r>
          </a:p>
        </p:txBody>
      </p:sp>
      <p:sp>
        <p:nvSpPr>
          <p:cNvPr id="5" name="Rectangle 4">
            <a:extLst>
              <a:ext uri="{FF2B5EF4-FFF2-40B4-BE49-F238E27FC236}">
                <a16:creationId xmlns:a16="http://schemas.microsoft.com/office/drawing/2014/main" id="{79B8073B-34B9-F5E1-5B63-72C0BFF3104D}"/>
              </a:ext>
            </a:extLst>
          </p:cNvPr>
          <p:cNvSpPr/>
          <p:nvPr/>
        </p:nvSpPr>
        <p:spPr>
          <a:xfrm>
            <a:off x="3565418" y="2069025"/>
            <a:ext cx="2985319" cy="430387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sym typeface="Wingdings" panose="05000000000000000000" pitchFamily="2" charset="2"/>
              </a:rPr>
              <a:t>Projektorganisering</a:t>
            </a:r>
          </a:p>
          <a:p>
            <a:r>
              <a:rPr lang="da-DK" sz="900" noProof="0" dirty="0">
                <a:solidFill>
                  <a:schemeClr val="tx1"/>
                </a:solidFill>
                <a:sym typeface="Wingdings" panose="05000000000000000000" pitchFamily="2" charset="2"/>
              </a:rPr>
              <a:t>OS2 er organiseret som en medlemsdrevet forening med en </a:t>
            </a:r>
            <a:r>
              <a:rPr lang="da-DK" sz="900" noProof="0" dirty="0" err="1">
                <a:solidFill>
                  <a:schemeClr val="tx1"/>
                </a:solidFill>
                <a:sym typeface="Wingdings" panose="05000000000000000000" pitchFamily="2" charset="2"/>
              </a:rPr>
              <a:t>governance</a:t>
            </a:r>
            <a:r>
              <a:rPr lang="da-DK" sz="900" noProof="0" dirty="0">
                <a:solidFill>
                  <a:schemeClr val="tx1"/>
                </a:solidFill>
                <a:sym typeface="Wingdings" panose="05000000000000000000" pitchFamily="2" charset="2"/>
              </a:rPr>
              <a:t>-struktur, der kombinerer strategisk styring og operationel understøttelse.</a:t>
            </a:r>
          </a:p>
          <a:p>
            <a:endParaRPr lang="da-DK" sz="900" noProof="0" dirty="0">
              <a:solidFill>
                <a:schemeClr val="tx1"/>
              </a:solidFill>
              <a:sym typeface="Wingdings" panose="05000000000000000000" pitchFamily="2" charset="2"/>
            </a:endParaRPr>
          </a:p>
          <a:p>
            <a:r>
              <a:rPr lang="da-DK" sz="900" i="1" noProof="0" dirty="0">
                <a:solidFill>
                  <a:schemeClr val="tx1"/>
                </a:solidFill>
                <a:sym typeface="Wingdings" panose="05000000000000000000" pitchFamily="2" charset="2"/>
              </a:rPr>
              <a:t>Generalforsamlingen</a:t>
            </a:r>
            <a:r>
              <a:rPr lang="da-DK" sz="900" noProof="0" dirty="0">
                <a:solidFill>
                  <a:schemeClr val="tx1"/>
                </a:solidFill>
                <a:sym typeface="Wingdings" panose="05000000000000000000" pitchFamily="2" charset="2"/>
              </a:rPr>
              <a:t> er foreningens øverste myndighed og godkender økonomi, principper og strategiske tiltag. </a:t>
            </a:r>
            <a:r>
              <a:rPr lang="da-DK" sz="900" i="1" noProof="0" dirty="0">
                <a:solidFill>
                  <a:schemeClr val="tx1"/>
                </a:solidFill>
                <a:sym typeface="Wingdings" panose="05000000000000000000" pitchFamily="2" charset="2"/>
              </a:rPr>
              <a:t>Bestyrelsen</a:t>
            </a:r>
            <a:r>
              <a:rPr lang="da-DK" sz="900" noProof="0" dirty="0">
                <a:solidFill>
                  <a:schemeClr val="tx1"/>
                </a:solidFill>
                <a:sym typeface="Wingdings" panose="05000000000000000000" pitchFamily="2" charset="2"/>
              </a:rPr>
              <a:t> har det overordnede strategiske ansvar og fastlægger rammerne for projekter og produkter, mens den daglige drift varetages af </a:t>
            </a:r>
            <a:r>
              <a:rPr lang="da-DK" sz="900" i="1" noProof="0" dirty="0">
                <a:solidFill>
                  <a:schemeClr val="tx1"/>
                </a:solidFill>
                <a:sym typeface="Wingdings" panose="05000000000000000000" pitchFamily="2" charset="2"/>
              </a:rPr>
              <a:t>forretningslederen</a:t>
            </a:r>
            <a:r>
              <a:rPr lang="da-DK" sz="900" noProof="0" dirty="0">
                <a:solidFill>
                  <a:schemeClr val="tx1"/>
                </a:solidFill>
                <a:sym typeface="Wingdings" panose="05000000000000000000" pitchFamily="2" charset="2"/>
              </a:rPr>
              <a:t>, som er bindeled mellem bestyrelsen, projekter og produkter.</a:t>
            </a:r>
          </a:p>
          <a:p>
            <a:endParaRPr lang="da-DK" sz="900" noProof="0" dirty="0">
              <a:solidFill>
                <a:schemeClr val="tx1"/>
              </a:solidFill>
              <a:sym typeface="Wingdings" panose="05000000000000000000" pitchFamily="2" charset="2"/>
            </a:endParaRPr>
          </a:p>
          <a:p>
            <a:r>
              <a:rPr lang="da-DK" sz="900" noProof="0" dirty="0">
                <a:solidFill>
                  <a:schemeClr val="tx1"/>
                </a:solidFill>
                <a:sym typeface="Wingdings" panose="05000000000000000000" pitchFamily="2" charset="2"/>
              </a:rPr>
              <a:t>Projekter i OS2 organiseres med en </a:t>
            </a:r>
            <a:r>
              <a:rPr lang="da-DK" sz="900" i="1" noProof="0" dirty="0">
                <a:solidFill>
                  <a:schemeClr val="tx1"/>
                </a:solidFill>
                <a:sym typeface="Wingdings" panose="05000000000000000000" pitchFamily="2" charset="2"/>
              </a:rPr>
              <a:t>styregruppe</a:t>
            </a:r>
            <a:r>
              <a:rPr lang="da-DK" sz="900" noProof="0" dirty="0">
                <a:solidFill>
                  <a:schemeClr val="tx1"/>
                </a:solidFill>
                <a:sym typeface="Wingdings" panose="05000000000000000000" pitchFamily="2" charset="2"/>
              </a:rPr>
              <a:t>, der har ansvar for fremdrift, økonomi og kvalitet. Når et projekt overgår til et produkt, etableres en </a:t>
            </a:r>
            <a:r>
              <a:rPr lang="da-DK" sz="900" i="1" noProof="0" dirty="0">
                <a:solidFill>
                  <a:schemeClr val="tx1"/>
                </a:solidFill>
                <a:sym typeface="Wingdings" panose="05000000000000000000" pitchFamily="2" charset="2"/>
              </a:rPr>
              <a:t>koordinationsgruppe</a:t>
            </a:r>
            <a:r>
              <a:rPr lang="da-DK" sz="900" noProof="0" dirty="0">
                <a:solidFill>
                  <a:schemeClr val="tx1"/>
                </a:solidFill>
                <a:sym typeface="Wingdings" panose="05000000000000000000" pitchFamily="2" charset="2"/>
              </a:rPr>
              <a:t>, som sikrer løbende vedligeholdelse og videreudvikling. Derudover understøttes projekterne af </a:t>
            </a:r>
            <a:r>
              <a:rPr lang="da-DK" sz="900" i="1" noProof="0" dirty="0">
                <a:solidFill>
                  <a:schemeClr val="tx1"/>
                </a:solidFill>
                <a:sym typeface="Wingdings" panose="05000000000000000000" pitchFamily="2" charset="2"/>
              </a:rPr>
              <a:t>faglige udvalg</a:t>
            </a:r>
            <a:r>
              <a:rPr lang="da-DK" sz="900" noProof="0" dirty="0">
                <a:solidFill>
                  <a:schemeClr val="tx1"/>
                </a:solidFill>
                <a:sym typeface="Wingdings" panose="05000000000000000000" pitchFamily="2" charset="2"/>
              </a:rPr>
              <a:t>, der udarbejder vejledende materiale om arkitektur, standarder og udbudskrav, samt </a:t>
            </a:r>
            <a:r>
              <a:rPr lang="da-DK" sz="900" i="1" noProof="0" dirty="0">
                <a:solidFill>
                  <a:schemeClr val="tx1"/>
                </a:solidFill>
                <a:sym typeface="Wingdings" panose="05000000000000000000" pitchFamily="2" charset="2"/>
              </a:rPr>
              <a:t>faggrupper</a:t>
            </a:r>
            <a:r>
              <a:rPr lang="da-DK" sz="900" noProof="0" dirty="0">
                <a:solidFill>
                  <a:schemeClr val="tx1"/>
                </a:solidFill>
                <a:sym typeface="Wingdings" panose="05000000000000000000" pitchFamily="2" charset="2"/>
              </a:rPr>
              <a:t>, som fungerer som </a:t>
            </a:r>
            <a:r>
              <a:rPr lang="da-DK" sz="900" noProof="0" dirty="0" err="1">
                <a:solidFill>
                  <a:schemeClr val="tx1"/>
                </a:solidFill>
                <a:sym typeface="Wingdings" panose="05000000000000000000" pitchFamily="2" charset="2"/>
              </a:rPr>
              <a:t>vidensfora</a:t>
            </a:r>
            <a:r>
              <a:rPr lang="da-DK" sz="900" noProof="0" dirty="0">
                <a:solidFill>
                  <a:schemeClr val="tx1"/>
                </a:solidFill>
                <a:sym typeface="Wingdings" panose="05000000000000000000" pitchFamily="2" charset="2"/>
              </a:rPr>
              <a:t> inden for specifikke områder.</a:t>
            </a:r>
          </a:p>
          <a:p>
            <a:endParaRPr lang="da-DK" sz="900" noProof="0" dirty="0">
              <a:solidFill>
                <a:schemeClr val="tx1"/>
              </a:solidFill>
              <a:sym typeface="Wingdings" panose="05000000000000000000" pitchFamily="2" charset="2"/>
            </a:endParaRPr>
          </a:p>
          <a:p>
            <a:r>
              <a:rPr lang="da-DK" sz="900" noProof="0" dirty="0">
                <a:solidFill>
                  <a:schemeClr val="tx1"/>
                </a:solidFill>
                <a:sym typeface="Wingdings" panose="05000000000000000000" pitchFamily="2" charset="2"/>
              </a:rPr>
              <a:t>Idemodning og udvikling er typisk finansieret af medlemmerne, der indgår i det konkrete produkt. Driften finansieres af den enkelte myndighed, mens vedligeholdelse og videreudvikling finansieres gennem produktfællesskaber.</a:t>
            </a:r>
          </a:p>
          <a:p>
            <a:endParaRPr lang="da-DK" sz="900" noProof="0" dirty="0">
              <a:solidFill>
                <a:schemeClr val="tx1"/>
              </a:solidFill>
              <a:sym typeface="Wingdings" panose="05000000000000000000" pitchFamily="2" charset="2"/>
            </a:endParaRPr>
          </a:p>
          <a:p>
            <a:r>
              <a:rPr lang="da-DK" sz="900" noProof="0" dirty="0">
                <a:solidFill>
                  <a:schemeClr val="tx1"/>
                </a:solidFill>
                <a:sym typeface="Wingdings" panose="05000000000000000000" pitchFamily="2" charset="2"/>
              </a:rPr>
              <a:t>Udvikling og drift varetages typisk af eksterne leverandører.</a:t>
            </a:r>
          </a:p>
          <a:p>
            <a:pPr>
              <a:spcAft>
                <a:spcPts val="350"/>
              </a:spcAft>
            </a:pPr>
            <a:endParaRPr lang="da-DK" sz="900" b="1" noProof="0" dirty="0">
              <a:solidFill>
                <a:schemeClr val="tx1"/>
              </a:solidFill>
            </a:endParaRPr>
          </a:p>
        </p:txBody>
      </p:sp>
      <p:sp>
        <p:nvSpPr>
          <p:cNvPr id="7" name="Rectangle 6">
            <a:extLst>
              <a:ext uri="{FF2B5EF4-FFF2-40B4-BE49-F238E27FC236}">
                <a16:creationId xmlns:a16="http://schemas.microsoft.com/office/drawing/2014/main" id="{A765C645-C2B1-C047-4471-7D1F362D313D}"/>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0778CAFA-D07A-671A-B936-A25E3CBA87FC}"/>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C44FAEA8-FE28-E609-C632-C9A7AFCC3702}"/>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BB9BA1F6-DA46-58DD-9F52-C0A50BC89EDC}"/>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767F41F9-DCCB-87CC-57D9-8F394F6CCE85}"/>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 name="Freeform 29">
            <a:extLst>
              <a:ext uri="{FF2B5EF4-FFF2-40B4-BE49-F238E27FC236}">
                <a16:creationId xmlns:a16="http://schemas.microsoft.com/office/drawing/2014/main" id="{7E4FF82F-500A-4C6C-B246-21CAE206871C}"/>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21">
            <a:extLst>
              <a:ext uri="{FF2B5EF4-FFF2-40B4-BE49-F238E27FC236}">
                <a16:creationId xmlns:a16="http://schemas.microsoft.com/office/drawing/2014/main" id="{C502F898-B694-BFCB-4BFD-0E4678824F6F}"/>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3" name="Rectangle: Rounded Corners 22">
            <a:extLst>
              <a:ext uri="{FF2B5EF4-FFF2-40B4-BE49-F238E27FC236}">
                <a16:creationId xmlns:a16="http://schemas.microsoft.com/office/drawing/2014/main" id="{FC81C67A-4F70-D58F-1CE3-23F8EBF7608C}"/>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78" name="Rectangle: Rounded Corners 77">
            <a:extLst>
              <a:ext uri="{FF2B5EF4-FFF2-40B4-BE49-F238E27FC236}">
                <a16:creationId xmlns:a16="http://schemas.microsoft.com/office/drawing/2014/main" id="{9469D293-1F02-29ED-A6B4-E29CDC1390D3}"/>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06" name="TextBox 105">
            <a:extLst>
              <a:ext uri="{FF2B5EF4-FFF2-40B4-BE49-F238E27FC236}">
                <a16:creationId xmlns:a16="http://schemas.microsoft.com/office/drawing/2014/main" id="{BC2A01F1-5BB3-97F7-9A77-5DA219DCBF1C}"/>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Omkostningsdrivere*</a:t>
            </a:r>
          </a:p>
        </p:txBody>
      </p:sp>
      <p:sp>
        <p:nvSpPr>
          <p:cNvPr id="176" name="Content Placeholder 5">
            <a:extLst>
              <a:ext uri="{FF2B5EF4-FFF2-40B4-BE49-F238E27FC236}">
                <a16:creationId xmlns:a16="http://schemas.microsoft.com/office/drawing/2014/main" id="{1627DD08-5F68-CD1F-967F-F2F0D766B8D3}"/>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a:solidFill>
                  <a:schemeClr val="tx1"/>
                </a:solidFill>
              </a:rPr>
              <a:t>Omkostningsniveauer er udtryk for en relativ vurdering på tværs af cases foretaget af PA.</a:t>
            </a:r>
          </a:p>
        </p:txBody>
      </p:sp>
      <p:grpSp>
        <p:nvGrpSpPr>
          <p:cNvPr id="113" name="Group 112" descr="Projektledelse er en mellem midlertidig omkostningsdriver">
            <a:extLst>
              <a:ext uri="{FF2B5EF4-FFF2-40B4-BE49-F238E27FC236}">
                <a16:creationId xmlns:a16="http://schemas.microsoft.com/office/drawing/2014/main" id="{368E1014-8E83-728F-FD75-E4610A85B5D8}"/>
              </a:ext>
              <a:ext uri="{C183D7F6-B498-43B3-948B-1728B52AA6E4}">
                <adec:decorative xmlns:adec="http://schemas.microsoft.com/office/drawing/2017/decorative" val="0"/>
              </a:ext>
            </a:extLst>
          </p:cNvPr>
          <p:cNvGrpSpPr/>
          <p:nvPr/>
        </p:nvGrpSpPr>
        <p:grpSpPr>
          <a:xfrm>
            <a:off x="7290762" y="2788420"/>
            <a:ext cx="1577741" cy="265864"/>
            <a:chOff x="860772" y="4884291"/>
            <a:chExt cx="1487909" cy="250726"/>
          </a:xfrm>
        </p:grpSpPr>
        <p:grpSp>
          <p:nvGrpSpPr>
            <p:cNvPr id="114" name="Group 113">
              <a:extLst>
                <a:ext uri="{FF2B5EF4-FFF2-40B4-BE49-F238E27FC236}">
                  <a16:creationId xmlns:a16="http://schemas.microsoft.com/office/drawing/2014/main" id="{7FF48B6C-CF3E-DDF1-0578-A5BB2804AA0D}"/>
                </a:ext>
              </a:extLst>
            </p:cNvPr>
            <p:cNvGrpSpPr/>
            <p:nvPr/>
          </p:nvGrpSpPr>
          <p:grpSpPr>
            <a:xfrm>
              <a:off x="860772" y="4884291"/>
              <a:ext cx="1487909" cy="212473"/>
              <a:chOff x="5354949" y="3009711"/>
              <a:chExt cx="1645739" cy="202758"/>
            </a:xfrm>
          </p:grpSpPr>
          <p:grpSp>
            <p:nvGrpSpPr>
              <p:cNvPr id="116" name="Group 115">
                <a:extLst>
                  <a:ext uri="{FF2B5EF4-FFF2-40B4-BE49-F238E27FC236}">
                    <a16:creationId xmlns:a16="http://schemas.microsoft.com/office/drawing/2014/main" id="{4E5B1B6C-624B-B7D7-EDD4-9C5A2D0D172A}"/>
                  </a:ext>
                </a:extLst>
              </p:cNvPr>
              <p:cNvGrpSpPr/>
              <p:nvPr/>
            </p:nvGrpSpPr>
            <p:grpSpPr>
              <a:xfrm>
                <a:off x="5458296" y="3153610"/>
                <a:ext cx="1445092" cy="45719"/>
                <a:chOff x="5458296" y="3153610"/>
                <a:chExt cx="1445092" cy="45719"/>
              </a:xfrm>
            </p:grpSpPr>
            <p:cxnSp>
              <p:nvCxnSpPr>
                <p:cNvPr id="120" name="Straight Connector 119">
                  <a:extLst>
                    <a:ext uri="{FF2B5EF4-FFF2-40B4-BE49-F238E27FC236}">
                      <a16:creationId xmlns:a16="http://schemas.microsoft.com/office/drawing/2014/main" id="{426CF245-B7E7-2268-0697-715EEB8AE5A8}"/>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21" name="Oval 120">
                  <a:extLst>
                    <a:ext uri="{FF2B5EF4-FFF2-40B4-BE49-F238E27FC236}">
                      <a16:creationId xmlns:a16="http://schemas.microsoft.com/office/drawing/2014/main" id="{26020D53-473A-36AB-A328-1387A8EB5C58}"/>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22" name="Oval 121">
                  <a:extLst>
                    <a:ext uri="{FF2B5EF4-FFF2-40B4-BE49-F238E27FC236}">
                      <a16:creationId xmlns:a16="http://schemas.microsoft.com/office/drawing/2014/main" id="{48A4F8BC-90ED-8E02-411E-6828D61A4E0F}"/>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17" name="Straight Connector 116">
                <a:extLst>
                  <a:ext uri="{FF2B5EF4-FFF2-40B4-BE49-F238E27FC236}">
                    <a16:creationId xmlns:a16="http://schemas.microsoft.com/office/drawing/2014/main" id="{D06131EB-AB76-D5E2-A858-448507223944}"/>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18" name="TextBox 117">
                <a:extLst>
                  <a:ext uri="{FF2B5EF4-FFF2-40B4-BE49-F238E27FC236}">
                    <a16:creationId xmlns:a16="http://schemas.microsoft.com/office/drawing/2014/main" id="{FCD0F826-0878-1A21-B490-B5D7BC71F098}"/>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19" name="TextBox 118">
                <a:extLst>
                  <a:ext uri="{FF2B5EF4-FFF2-40B4-BE49-F238E27FC236}">
                    <a16:creationId xmlns:a16="http://schemas.microsoft.com/office/drawing/2014/main" id="{02E5E475-4C72-B309-0425-8C6A6464B7D0}"/>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15" name="Oval 114">
              <a:extLst>
                <a:ext uri="{FF2B5EF4-FFF2-40B4-BE49-F238E27FC236}">
                  <a16:creationId xmlns:a16="http://schemas.microsoft.com/office/drawing/2014/main" id="{7BF0FB26-264A-7DEF-A02E-DA991246E329}"/>
                </a:ext>
              </a:extLst>
            </p:cNvPr>
            <p:cNvSpPr/>
            <p:nvPr/>
          </p:nvSpPr>
          <p:spPr>
            <a:xfrm>
              <a:off x="1636342"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26" name="Group 125" descr="Organisatorisk implementering er en lille til mellem midlertidig omkostningsdriver">
            <a:extLst>
              <a:ext uri="{FF2B5EF4-FFF2-40B4-BE49-F238E27FC236}">
                <a16:creationId xmlns:a16="http://schemas.microsoft.com/office/drawing/2014/main" id="{1F77991C-BB54-27A7-F6F9-ED861D243A9C}"/>
              </a:ext>
              <a:ext uri="{C183D7F6-B498-43B3-948B-1728B52AA6E4}">
                <adec:decorative xmlns:adec="http://schemas.microsoft.com/office/drawing/2017/decorative" val="0"/>
              </a:ext>
            </a:extLst>
          </p:cNvPr>
          <p:cNvGrpSpPr/>
          <p:nvPr/>
        </p:nvGrpSpPr>
        <p:grpSpPr>
          <a:xfrm>
            <a:off x="7290762" y="3344608"/>
            <a:ext cx="1577741" cy="265864"/>
            <a:chOff x="860772" y="4884291"/>
            <a:chExt cx="1487909" cy="250726"/>
          </a:xfrm>
        </p:grpSpPr>
        <p:grpSp>
          <p:nvGrpSpPr>
            <p:cNvPr id="127" name="Group 126">
              <a:extLst>
                <a:ext uri="{FF2B5EF4-FFF2-40B4-BE49-F238E27FC236}">
                  <a16:creationId xmlns:a16="http://schemas.microsoft.com/office/drawing/2014/main" id="{9A7C61FB-EFB9-B7AC-23F8-160D34387F1B}"/>
                </a:ext>
              </a:extLst>
            </p:cNvPr>
            <p:cNvGrpSpPr/>
            <p:nvPr/>
          </p:nvGrpSpPr>
          <p:grpSpPr>
            <a:xfrm>
              <a:off x="860772" y="4884291"/>
              <a:ext cx="1487909" cy="212473"/>
              <a:chOff x="5354949" y="3009711"/>
              <a:chExt cx="1645739" cy="202758"/>
            </a:xfrm>
          </p:grpSpPr>
          <p:grpSp>
            <p:nvGrpSpPr>
              <p:cNvPr id="129" name="Group 128">
                <a:extLst>
                  <a:ext uri="{FF2B5EF4-FFF2-40B4-BE49-F238E27FC236}">
                    <a16:creationId xmlns:a16="http://schemas.microsoft.com/office/drawing/2014/main" id="{DA78EBFF-C05F-34A7-B349-0A505B109D68}"/>
                  </a:ext>
                </a:extLst>
              </p:cNvPr>
              <p:cNvGrpSpPr/>
              <p:nvPr/>
            </p:nvGrpSpPr>
            <p:grpSpPr>
              <a:xfrm>
                <a:off x="5458296" y="3153610"/>
                <a:ext cx="1445092" cy="45719"/>
                <a:chOff x="5458296" y="3153610"/>
                <a:chExt cx="1445092" cy="45719"/>
              </a:xfrm>
            </p:grpSpPr>
            <p:cxnSp>
              <p:nvCxnSpPr>
                <p:cNvPr id="133" name="Straight Connector 132">
                  <a:extLst>
                    <a:ext uri="{FF2B5EF4-FFF2-40B4-BE49-F238E27FC236}">
                      <a16:creationId xmlns:a16="http://schemas.microsoft.com/office/drawing/2014/main" id="{0EA0DC23-195D-3C6D-DBEA-021FF91A683F}"/>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34" name="Oval 133">
                  <a:extLst>
                    <a:ext uri="{FF2B5EF4-FFF2-40B4-BE49-F238E27FC236}">
                      <a16:creationId xmlns:a16="http://schemas.microsoft.com/office/drawing/2014/main" id="{2D2A0FC9-DE92-3782-95D1-DF325449A90F}"/>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35" name="Oval 134">
                  <a:extLst>
                    <a:ext uri="{FF2B5EF4-FFF2-40B4-BE49-F238E27FC236}">
                      <a16:creationId xmlns:a16="http://schemas.microsoft.com/office/drawing/2014/main" id="{66420CD7-CBAC-323F-8B46-42A55109BB3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30" name="Straight Connector 129">
                <a:extLst>
                  <a:ext uri="{FF2B5EF4-FFF2-40B4-BE49-F238E27FC236}">
                    <a16:creationId xmlns:a16="http://schemas.microsoft.com/office/drawing/2014/main" id="{4F7DC90B-E550-ED8E-C2F2-95D9644F0FB9}"/>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31" name="TextBox 130">
                <a:extLst>
                  <a:ext uri="{FF2B5EF4-FFF2-40B4-BE49-F238E27FC236}">
                    <a16:creationId xmlns:a16="http://schemas.microsoft.com/office/drawing/2014/main" id="{3AE06E9C-7606-3498-D77F-FE3BEF661900}"/>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32" name="TextBox 131">
                <a:extLst>
                  <a:ext uri="{FF2B5EF4-FFF2-40B4-BE49-F238E27FC236}">
                    <a16:creationId xmlns:a16="http://schemas.microsoft.com/office/drawing/2014/main" id="{92A1ADFF-7B8D-71A7-B924-3042163D4B7D}"/>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28" name="Oval 127">
              <a:extLst>
                <a:ext uri="{FF2B5EF4-FFF2-40B4-BE49-F238E27FC236}">
                  <a16:creationId xmlns:a16="http://schemas.microsoft.com/office/drawing/2014/main" id="{811AFAEA-A811-42ED-810E-9680844185FF}"/>
                </a:ext>
              </a:extLst>
            </p:cNvPr>
            <p:cNvSpPr/>
            <p:nvPr/>
          </p:nvSpPr>
          <p:spPr>
            <a:xfrm>
              <a:off x="1234758"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66" name="Group 165" descr="Teknisk implementering er en mellem midlertidig omkostningsdriver">
            <a:extLst>
              <a:ext uri="{FF2B5EF4-FFF2-40B4-BE49-F238E27FC236}">
                <a16:creationId xmlns:a16="http://schemas.microsoft.com/office/drawing/2014/main" id="{7707D08B-F0FC-C2DA-E5FB-6A97C8D13610}"/>
              </a:ext>
              <a:ext uri="{C183D7F6-B498-43B3-948B-1728B52AA6E4}">
                <adec:decorative xmlns:adec="http://schemas.microsoft.com/office/drawing/2017/decorative" val="0"/>
              </a:ext>
            </a:extLst>
          </p:cNvPr>
          <p:cNvGrpSpPr/>
          <p:nvPr/>
        </p:nvGrpSpPr>
        <p:grpSpPr>
          <a:xfrm>
            <a:off x="7290762" y="3922767"/>
            <a:ext cx="1577740" cy="265864"/>
            <a:chOff x="860772" y="4884291"/>
            <a:chExt cx="1487909" cy="250726"/>
          </a:xfrm>
        </p:grpSpPr>
        <p:grpSp>
          <p:nvGrpSpPr>
            <p:cNvPr id="167" name="Group 166">
              <a:extLst>
                <a:ext uri="{FF2B5EF4-FFF2-40B4-BE49-F238E27FC236}">
                  <a16:creationId xmlns:a16="http://schemas.microsoft.com/office/drawing/2014/main" id="{5C052542-A5AB-1548-1AFC-18E61A34296F}"/>
                </a:ext>
              </a:extLst>
            </p:cNvPr>
            <p:cNvGrpSpPr/>
            <p:nvPr/>
          </p:nvGrpSpPr>
          <p:grpSpPr>
            <a:xfrm>
              <a:off x="860772" y="4884291"/>
              <a:ext cx="1487909" cy="212473"/>
              <a:chOff x="5354949" y="3009711"/>
              <a:chExt cx="1645739" cy="202758"/>
            </a:xfrm>
          </p:grpSpPr>
          <p:grpSp>
            <p:nvGrpSpPr>
              <p:cNvPr id="169" name="Group 168">
                <a:extLst>
                  <a:ext uri="{FF2B5EF4-FFF2-40B4-BE49-F238E27FC236}">
                    <a16:creationId xmlns:a16="http://schemas.microsoft.com/office/drawing/2014/main" id="{BE92EE6A-7438-8772-0E8C-7C389181CAA8}"/>
                  </a:ext>
                </a:extLst>
              </p:cNvPr>
              <p:cNvGrpSpPr/>
              <p:nvPr/>
            </p:nvGrpSpPr>
            <p:grpSpPr>
              <a:xfrm>
                <a:off x="5458296" y="3153610"/>
                <a:ext cx="1445092" cy="45719"/>
                <a:chOff x="5458296" y="3153610"/>
                <a:chExt cx="1445092" cy="45719"/>
              </a:xfrm>
            </p:grpSpPr>
            <p:cxnSp>
              <p:nvCxnSpPr>
                <p:cNvPr id="173" name="Straight Connector 172">
                  <a:extLst>
                    <a:ext uri="{FF2B5EF4-FFF2-40B4-BE49-F238E27FC236}">
                      <a16:creationId xmlns:a16="http://schemas.microsoft.com/office/drawing/2014/main" id="{01BA0BAC-E562-B929-EAF1-570ACA8D32E3}"/>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74" name="Oval 173">
                  <a:extLst>
                    <a:ext uri="{FF2B5EF4-FFF2-40B4-BE49-F238E27FC236}">
                      <a16:creationId xmlns:a16="http://schemas.microsoft.com/office/drawing/2014/main" id="{62D3281B-AB19-CD25-784B-068596AFFA7A}"/>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75" name="Oval 174">
                  <a:extLst>
                    <a:ext uri="{FF2B5EF4-FFF2-40B4-BE49-F238E27FC236}">
                      <a16:creationId xmlns:a16="http://schemas.microsoft.com/office/drawing/2014/main" id="{9427BEF4-1DE4-3ACE-E9B8-3ADC64CC754C}"/>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70" name="Straight Connector 169">
                <a:extLst>
                  <a:ext uri="{FF2B5EF4-FFF2-40B4-BE49-F238E27FC236}">
                    <a16:creationId xmlns:a16="http://schemas.microsoft.com/office/drawing/2014/main" id="{552C5642-43D5-E0BD-1A4B-E96B62668FF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1" name="TextBox 170">
                <a:extLst>
                  <a:ext uri="{FF2B5EF4-FFF2-40B4-BE49-F238E27FC236}">
                    <a16:creationId xmlns:a16="http://schemas.microsoft.com/office/drawing/2014/main" id="{68A01B89-F96F-C84C-7A0D-7221957E794F}"/>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72" name="TextBox 171">
                <a:extLst>
                  <a:ext uri="{FF2B5EF4-FFF2-40B4-BE49-F238E27FC236}">
                    <a16:creationId xmlns:a16="http://schemas.microsoft.com/office/drawing/2014/main" id="{93B872D6-7EE7-7058-9D35-7DE9F50CAECD}"/>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68" name="Oval 167">
              <a:extLst>
                <a:ext uri="{FF2B5EF4-FFF2-40B4-BE49-F238E27FC236}">
                  <a16:creationId xmlns:a16="http://schemas.microsoft.com/office/drawing/2014/main" id="{769B8ED8-C51C-7EFD-6577-DB2D040A751B}"/>
                </a:ext>
              </a:extLst>
            </p:cNvPr>
            <p:cNvSpPr/>
            <p:nvPr/>
          </p:nvSpPr>
          <p:spPr>
            <a:xfrm>
              <a:off x="1525897"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36" name="Group 135" descr="Teknologi er en lille til mellem driftsomkostning">
            <a:extLst>
              <a:ext uri="{FF2B5EF4-FFF2-40B4-BE49-F238E27FC236}">
                <a16:creationId xmlns:a16="http://schemas.microsoft.com/office/drawing/2014/main" id="{1EE619F2-5898-791E-D868-AFD6E1143793}"/>
              </a:ext>
              <a:ext uri="{C183D7F6-B498-43B3-948B-1728B52AA6E4}">
                <adec:decorative xmlns:adec="http://schemas.microsoft.com/office/drawing/2017/decorative" val="0"/>
              </a:ext>
            </a:extLst>
          </p:cNvPr>
          <p:cNvGrpSpPr/>
          <p:nvPr/>
        </p:nvGrpSpPr>
        <p:grpSpPr>
          <a:xfrm>
            <a:off x="7290762" y="4818452"/>
            <a:ext cx="1577741" cy="265864"/>
            <a:chOff x="860772" y="4884291"/>
            <a:chExt cx="1487909" cy="250726"/>
          </a:xfrm>
        </p:grpSpPr>
        <p:grpSp>
          <p:nvGrpSpPr>
            <p:cNvPr id="137" name="Group 136">
              <a:extLst>
                <a:ext uri="{FF2B5EF4-FFF2-40B4-BE49-F238E27FC236}">
                  <a16:creationId xmlns:a16="http://schemas.microsoft.com/office/drawing/2014/main" id="{AD38C6D8-56BC-6237-E815-84C46F9C4884}"/>
                </a:ext>
              </a:extLst>
            </p:cNvPr>
            <p:cNvGrpSpPr/>
            <p:nvPr/>
          </p:nvGrpSpPr>
          <p:grpSpPr>
            <a:xfrm>
              <a:off x="860772" y="4884291"/>
              <a:ext cx="1487909" cy="212473"/>
              <a:chOff x="5354949" y="3009711"/>
              <a:chExt cx="1645739" cy="202758"/>
            </a:xfrm>
          </p:grpSpPr>
          <p:grpSp>
            <p:nvGrpSpPr>
              <p:cNvPr id="139" name="Group 138">
                <a:extLst>
                  <a:ext uri="{FF2B5EF4-FFF2-40B4-BE49-F238E27FC236}">
                    <a16:creationId xmlns:a16="http://schemas.microsoft.com/office/drawing/2014/main" id="{E235DA61-5018-A82E-69D6-5FA80C2F7C18}"/>
                  </a:ext>
                </a:extLst>
              </p:cNvPr>
              <p:cNvGrpSpPr/>
              <p:nvPr/>
            </p:nvGrpSpPr>
            <p:grpSpPr>
              <a:xfrm>
                <a:off x="5458296" y="3153610"/>
                <a:ext cx="1445092" cy="45719"/>
                <a:chOff x="5458296" y="3153610"/>
                <a:chExt cx="1445092" cy="45719"/>
              </a:xfrm>
            </p:grpSpPr>
            <p:cxnSp>
              <p:nvCxnSpPr>
                <p:cNvPr id="143" name="Straight Connector 142">
                  <a:extLst>
                    <a:ext uri="{FF2B5EF4-FFF2-40B4-BE49-F238E27FC236}">
                      <a16:creationId xmlns:a16="http://schemas.microsoft.com/office/drawing/2014/main" id="{3C799DFE-2F90-D1ED-28E8-B8D4B098CDB4}"/>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44" name="Oval 143">
                  <a:extLst>
                    <a:ext uri="{FF2B5EF4-FFF2-40B4-BE49-F238E27FC236}">
                      <a16:creationId xmlns:a16="http://schemas.microsoft.com/office/drawing/2014/main" id="{8BBB7957-C6CD-F17F-0C80-F0F1FA797BFC}"/>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45" name="Oval 144">
                  <a:extLst>
                    <a:ext uri="{FF2B5EF4-FFF2-40B4-BE49-F238E27FC236}">
                      <a16:creationId xmlns:a16="http://schemas.microsoft.com/office/drawing/2014/main" id="{81394677-7E93-D141-44F5-9ADB2A8788A0}"/>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40" name="Straight Connector 139">
                <a:extLst>
                  <a:ext uri="{FF2B5EF4-FFF2-40B4-BE49-F238E27FC236}">
                    <a16:creationId xmlns:a16="http://schemas.microsoft.com/office/drawing/2014/main" id="{389E9E81-E4DA-9086-CB6D-6D484D55C347}"/>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41" name="TextBox 140">
                <a:extLst>
                  <a:ext uri="{FF2B5EF4-FFF2-40B4-BE49-F238E27FC236}">
                    <a16:creationId xmlns:a16="http://schemas.microsoft.com/office/drawing/2014/main" id="{DBD288B1-B589-329E-9886-A4C8006F6EF0}"/>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42" name="TextBox 141">
                <a:extLst>
                  <a:ext uri="{FF2B5EF4-FFF2-40B4-BE49-F238E27FC236}">
                    <a16:creationId xmlns:a16="http://schemas.microsoft.com/office/drawing/2014/main" id="{CE801C5A-EC8E-6C97-0E5F-E17247A2B1F3}"/>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38" name="Oval 137">
              <a:extLst>
                <a:ext uri="{FF2B5EF4-FFF2-40B4-BE49-F238E27FC236}">
                  <a16:creationId xmlns:a16="http://schemas.microsoft.com/office/drawing/2014/main" id="{4E8E368F-F027-D6C8-50AA-C7AA387E9D94}"/>
                </a:ext>
              </a:extLst>
            </p:cNvPr>
            <p:cNvSpPr/>
            <p:nvPr/>
          </p:nvSpPr>
          <p:spPr>
            <a:xfrm>
              <a:off x="1277495"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46" name="Group 145" descr="Nye komepetencer er en lille til mellem driftsomkostning">
            <a:extLst>
              <a:ext uri="{FF2B5EF4-FFF2-40B4-BE49-F238E27FC236}">
                <a16:creationId xmlns:a16="http://schemas.microsoft.com/office/drawing/2014/main" id="{C18C31CC-D6EC-213D-D99F-F0BF100B66E7}"/>
              </a:ext>
              <a:ext uri="{C183D7F6-B498-43B3-948B-1728B52AA6E4}">
                <adec:decorative xmlns:adec="http://schemas.microsoft.com/office/drawing/2017/decorative" val="0"/>
              </a:ext>
            </a:extLst>
          </p:cNvPr>
          <p:cNvGrpSpPr/>
          <p:nvPr/>
        </p:nvGrpSpPr>
        <p:grpSpPr>
          <a:xfrm>
            <a:off x="7290762" y="5350882"/>
            <a:ext cx="1577741" cy="265864"/>
            <a:chOff x="860772" y="4884291"/>
            <a:chExt cx="1487909" cy="250726"/>
          </a:xfrm>
        </p:grpSpPr>
        <p:grpSp>
          <p:nvGrpSpPr>
            <p:cNvPr id="147" name="Group 146">
              <a:extLst>
                <a:ext uri="{FF2B5EF4-FFF2-40B4-BE49-F238E27FC236}">
                  <a16:creationId xmlns:a16="http://schemas.microsoft.com/office/drawing/2014/main" id="{AA3C4207-03D0-C179-0EFE-66719F34B422}"/>
                </a:ext>
              </a:extLst>
            </p:cNvPr>
            <p:cNvGrpSpPr/>
            <p:nvPr/>
          </p:nvGrpSpPr>
          <p:grpSpPr>
            <a:xfrm>
              <a:off x="860772" y="4884291"/>
              <a:ext cx="1487909" cy="212473"/>
              <a:chOff x="5354949" y="3009711"/>
              <a:chExt cx="1645739" cy="202758"/>
            </a:xfrm>
          </p:grpSpPr>
          <p:grpSp>
            <p:nvGrpSpPr>
              <p:cNvPr id="149" name="Group 148">
                <a:extLst>
                  <a:ext uri="{FF2B5EF4-FFF2-40B4-BE49-F238E27FC236}">
                    <a16:creationId xmlns:a16="http://schemas.microsoft.com/office/drawing/2014/main" id="{660D108A-A5BC-8EEA-AD03-5FCFBCC5D176}"/>
                  </a:ext>
                </a:extLst>
              </p:cNvPr>
              <p:cNvGrpSpPr/>
              <p:nvPr/>
            </p:nvGrpSpPr>
            <p:grpSpPr>
              <a:xfrm>
                <a:off x="5458296" y="3153610"/>
                <a:ext cx="1445092" cy="45719"/>
                <a:chOff x="5458296" y="3153610"/>
                <a:chExt cx="1445092" cy="45719"/>
              </a:xfrm>
            </p:grpSpPr>
            <p:cxnSp>
              <p:nvCxnSpPr>
                <p:cNvPr id="153" name="Straight Connector 152">
                  <a:extLst>
                    <a:ext uri="{FF2B5EF4-FFF2-40B4-BE49-F238E27FC236}">
                      <a16:creationId xmlns:a16="http://schemas.microsoft.com/office/drawing/2014/main" id="{2D538A28-F769-EDAD-F5EF-1F92EE839938}"/>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54" name="Oval 153">
                  <a:extLst>
                    <a:ext uri="{FF2B5EF4-FFF2-40B4-BE49-F238E27FC236}">
                      <a16:creationId xmlns:a16="http://schemas.microsoft.com/office/drawing/2014/main" id="{E031C0E3-10F5-B598-7364-897236BF748A}"/>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55" name="Oval 154">
                  <a:extLst>
                    <a:ext uri="{FF2B5EF4-FFF2-40B4-BE49-F238E27FC236}">
                      <a16:creationId xmlns:a16="http://schemas.microsoft.com/office/drawing/2014/main" id="{B166CBA6-60B3-4B8C-8CA6-F12CA0722984}"/>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50" name="Straight Connector 149">
                <a:extLst>
                  <a:ext uri="{FF2B5EF4-FFF2-40B4-BE49-F238E27FC236}">
                    <a16:creationId xmlns:a16="http://schemas.microsoft.com/office/drawing/2014/main" id="{8386D595-54C2-6D92-7972-22080706743F}"/>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51" name="TextBox 150">
                <a:extLst>
                  <a:ext uri="{FF2B5EF4-FFF2-40B4-BE49-F238E27FC236}">
                    <a16:creationId xmlns:a16="http://schemas.microsoft.com/office/drawing/2014/main" id="{0712785F-8CAB-2DCE-6FB4-91D4A268FD64}"/>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52" name="TextBox 151">
                <a:extLst>
                  <a:ext uri="{FF2B5EF4-FFF2-40B4-BE49-F238E27FC236}">
                    <a16:creationId xmlns:a16="http://schemas.microsoft.com/office/drawing/2014/main" id="{28C1D3B4-DFD0-8E91-8FE5-EC28317FD5E8}"/>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48" name="Oval 147">
              <a:extLst>
                <a:ext uri="{FF2B5EF4-FFF2-40B4-BE49-F238E27FC236}">
                  <a16:creationId xmlns:a16="http://schemas.microsoft.com/office/drawing/2014/main" id="{D9AB0E4C-D41B-250E-83DA-344EC05DE906}"/>
                </a:ext>
              </a:extLst>
            </p:cNvPr>
            <p:cNvSpPr/>
            <p:nvPr/>
          </p:nvSpPr>
          <p:spPr>
            <a:xfrm>
              <a:off x="1277495"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56" name="Group 155" descr="Drift og support er en mellem driftsomkostning">
            <a:extLst>
              <a:ext uri="{FF2B5EF4-FFF2-40B4-BE49-F238E27FC236}">
                <a16:creationId xmlns:a16="http://schemas.microsoft.com/office/drawing/2014/main" id="{88633EEA-4A79-E5F1-BCB5-F62D086A408A}"/>
              </a:ext>
              <a:ext uri="{C183D7F6-B498-43B3-948B-1728B52AA6E4}">
                <adec:decorative xmlns:adec="http://schemas.microsoft.com/office/drawing/2017/decorative" val="0"/>
              </a:ext>
            </a:extLst>
          </p:cNvPr>
          <p:cNvGrpSpPr/>
          <p:nvPr/>
        </p:nvGrpSpPr>
        <p:grpSpPr>
          <a:xfrm>
            <a:off x="7290762" y="5883313"/>
            <a:ext cx="1577741" cy="265864"/>
            <a:chOff x="860772" y="4884291"/>
            <a:chExt cx="1487909" cy="250726"/>
          </a:xfrm>
        </p:grpSpPr>
        <p:grpSp>
          <p:nvGrpSpPr>
            <p:cNvPr id="157" name="Group 156">
              <a:extLst>
                <a:ext uri="{FF2B5EF4-FFF2-40B4-BE49-F238E27FC236}">
                  <a16:creationId xmlns:a16="http://schemas.microsoft.com/office/drawing/2014/main" id="{208FE4EC-4B3B-459E-86CE-58ACB1A8CC8F}"/>
                </a:ext>
              </a:extLst>
            </p:cNvPr>
            <p:cNvGrpSpPr/>
            <p:nvPr/>
          </p:nvGrpSpPr>
          <p:grpSpPr>
            <a:xfrm>
              <a:off x="860772" y="4884291"/>
              <a:ext cx="1487909" cy="212473"/>
              <a:chOff x="5354949" y="3009711"/>
              <a:chExt cx="1645739" cy="202758"/>
            </a:xfrm>
          </p:grpSpPr>
          <p:grpSp>
            <p:nvGrpSpPr>
              <p:cNvPr id="159" name="Group 158">
                <a:extLst>
                  <a:ext uri="{FF2B5EF4-FFF2-40B4-BE49-F238E27FC236}">
                    <a16:creationId xmlns:a16="http://schemas.microsoft.com/office/drawing/2014/main" id="{FAE7BADC-06AB-748E-E1EA-5539ACEE2E5D}"/>
                  </a:ext>
                </a:extLst>
              </p:cNvPr>
              <p:cNvGrpSpPr/>
              <p:nvPr/>
            </p:nvGrpSpPr>
            <p:grpSpPr>
              <a:xfrm>
                <a:off x="5458296" y="3153610"/>
                <a:ext cx="1445092" cy="45719"/>
                <a:chOff x="5458296" y="3153610"/>
                <a:chExt cx="1445092" cy="45719"/>
              </a:xfrm>
            </p:grpSpPr>
            <p:cxnSp>
              <p:nvCxnSpPr>
                <p:cNvPr id="163" name="Straight Connector 162">
                  <a:extLst>
                    <a:ext uri="{FF2B5EF4-FFF2-40B4-BE49-F238E27FC236}">
                      <a16:creationId xmlns:a16="http://schemas.microsoft.com/office/drawing/2014/main" id="{75A4794E-8159-56B7-D578-23F6E7638EDA}"/>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64" name="Oval 163">
                  <a:extLst>
                    <a:ext uri="{FF2B5EF4-FFF2-40B4-BE49-F238E27FC236}">
                      <a16:creationId xmlns:a16="http://schemas.microsoft.com/office/drawing/2014/main" id="{737C6BDA-529B-2FAF-3BDF-240A732EC6AB}"/>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65" name="Oval 164">
                  <a:extLst>
                    <a:ext uri="{FF2B5EF4-FFF2-40B4-BE49-F238E27FC236}">
                      <a16:creationId xmlns:a16="http://schemas.microsoft.com/office/drawing/2014/main" id="{E75FE24D-D41E-1171-3EFE-610035E3F048}"/>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60" name="Straight Connector 159">
                <a:extLst>
                  <a:ext uri="{FF2B5EF4-FFF2-40B4-BE49-F238E27FC236}">
                    <a16:creationId xmlns:a16="http://schemas.microsoft.com/office/drawing/2014/main" id="{45532A7D-5800-1A15-462A-3CB05D61556F}"/>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1" name="TextBox 160">
                <a:extLst>
                  <a:ext uri="{FF2B5EF4-FFF2-40B4-BE49-F238E27FC236}">
                    <a16:creationId xmlns:a16="http://schemas.microsoft.com/office/drawing/2014/main" id="{F07AAD79-CBE7-49AB-3485-69E7A803B9D4}"/>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62" name="TextBox 161">
                <a:extLst>
                  <a:ext uri="{FF2B5EF4-FFF2-40B4-BE49-F238E27FC236}">
                    <a16:creationId xmlns:a16="http://schemas.microsoft.com/office/drawing/2014/main" id="{B13B6E2A-AC14-895F-1C3A-E442BD04F238}"/>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58" name="Oval 157">
              <a:extLst>
                <a:ext uri="{FF2B5EF4-FFF2-40B4-BE49-F238E27FC236}">
                  <a16:creationId xmlns:a16="http://schemas.microsoft.com/office/drawing/2014/main" id="{CB5078C1-DD8B-1B31-2664-EEF52EE5594C}"/>
                </a:ext>
              </a:extLst>
            </p:cNvPr>
            <p:cNvSpPr/>
            <p:nvPr/>
          </p:nvSpPr>
          <p:spPr>
            <a:xfrm>
              <a:off x="1531376"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25" name="TextBox 24">
            <a:extLst>
              <a:ext uri="{FF2B5EF4-FFF2-40B4-BE49-F238E27FC236}">
                <a16:creationId xmlns:a16="http://schemas.microsoft.com/office/drawing/2014/main" id="{0C3B73EB-617A-5906-C9CF-083D80464EBA}"/>
              </a:ext>
            </a:extLst>
          </p:cNvPr>
          <p:cNvSpPr txBox="1"/>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Nøgletal</a:t>
            </a:r>
          </a:p>
        </p:txBody>
      </p:sp>
      <p:sp>
        <p:nvSpPr>
          <p:cNvPr id="26" name="TextBox 25">
            <a:extLst>
              <a:ext uri="{FF2B5EF4-FFF2-40B4-BE49-F238E27FC236}">
                <a16:creationId xmlns:a16="http://schemas.microsoft.com/office/drawing/2014/main" id="{CA710123-6826-2544-7A44-E9C64A23B01F}"/>
              </a:ext>
            </a:extLst>
          </p:cNvPr>
          <p:cNvSpPr txBox="1">
            <a:spLocks/>
          </p:cNvSpPr>
          <p:nvPr/>
        </p:nvSpPr>
        <p:spPr>
          <a:xfrm>
            <a:off x="10330125" y="2033118"/>
            <a:ext cx="1334894" cy="830997"/>
          </a:xfrm>
          <a:prstGeom prst="rect">
            <a:avLst/>
          </a:prstGeom>
          <a:noFill/>
        </p:spPr>
        <p:txBody>
          <a:bodyPr wrap="square">
            <a:spAutoFit/>
          </a:bodyPr>
          <a:lstStyle/>
          <a:p>
            <a:r>
              <a:rPr lang="da-DK" sz="1600" noProof="0" dirty="0">
                <a:solidFill>
                  <a:srgbClr val="EE2F66"/>
                </a:solidFill>
              </a:rPr>
              <a:t>90</a:t>
            </a:r>
            <a:r>
              <a:rPr lang="da-DK" sz="1000" noProof="0" dirty="0">
                <a:solidFill>
                  <a:srgbClr val="2C8027"/>
                </a:solidFill>
                <a:highlight>
                  <a:srgbClr val="FFFF00"/>
                </a:highlight>
              </a:rPr>
              <a:t> </a:t>
            </a:r>
          </a:p>
          <a:p>
            <a:r>
              <a:rPr lang="da-DK" sz="800" noProof="0" dirty="0"/>
              <a:t>Medlemmer fra kommuner, regioner og andre offentlige myndigheder.</a:t>
            </a:r>
          </a:p>
        </p:txBody>
      </p:sp>
      <p:sp>
        <p:nvSpPr>
          <p:cNvPr id="32" name="TextBox 31">
            <a:extLst>
              <a:ext uri="{FF2B5EF4-FFF2-40B4-BE49-F238E27FC236}">
                <a16:creationId xmlns:a16="http://schemas.microsoft.com/office/drawing/2014/main" id="{73E2B5F4-3AD4-6A16-FBA9-8671CB79FC30}"/>
              </a:ext>
            </a:extLst>
          </p:cNvPr>
          <p:cNvSpPr txBox="1">
            <a:spLocks/>
          </p:cNvSpPr>
          <p:nvPr/>
        </p:nvSpPr>
        <p:spPr>
          <a:xfrm>
            <a:off x="10330125" y="2938156"/>
            <a:ext cx="1334894" cy="800219"/>
          </a:xfrm>
          <a:prstGeom prst="rect">
            <a:avLst/>
          </a:prstGeom>
          <a:noFill/>
        </p:spPr>
        <p:txBody>
          <a:bodyPr wrap="square">
            <a:spAutoFit/>
          </a:bodyPr>
          <a:lstStyle/>
          <a:p>
            <a:r>
              <a:rPr lang="da-DK" sz="1400" noProof="0">
                <a:solidFill>
                  <a:srgbClr val="EE2F66"/>
                </a:solidFill>
              </a:rPr>
              <a:t>25</a:t>
            </a:r>
            <a:endParaRPr lang="da-DK" sz="1400" noProof="0">
              <a:solidFill>
                <a:srgbClr val="2C8027"/>
              </a:solidFill>
            </a:endParaRPr>
          </a:p>
          <a:p>
            <a:r>
              <a:rPr lang="da-DK" sz="800" noProof="0"/>
              <a:t>Forskellige open source-produkter</a:t>
            </a:r>
            <a:r>
              <a:rPr lang="da-DK" sz="800" noProof="0" dirty="0"/>
              <a:t>, herunder OS2borgerPC, OS2Kitos og OS2Skoledata</a:t>
            </a:r>
            <a:endParaRPr lang="da-DK" sz="800" noProof="0"/>
          </a:p>
        </p:txBody>
      </p:sp>
      <p:sp>
        <p:nvSpPr>
          <p:cNvPr id="33" name="TextBox 32">
            <a:extLst>
              <a:ext uri="{FF2B5EF4-FFF2-40B4-BE49-F238E27FC236}">
                <a16:creationId xmlns:a16="http://schemas.microsoft.com/office/drawing/2014/main" id="{2E8B95B6-9141-D7D0-E76A-3DAF9974F9F9}"/>
              </a:ext>
            </a:extLst>
          </p:cNvPr>
          <p:cNvSpPr txBox="1">
            <a:spLocks/>
          </p:cNvSpPr>
          <p:nvPr/>
        </p:nvSpPr>
        <p:spPr>
          <a:xfrm>
            <a:off x="10330125" y="3783328"/>
            <a:ext cx="1334894" cy="677108"/>
          </a:xfrm>
          <a:prstGeom prst="rect">
            <a:avLst/>
          </a:prstGeom>
          <a:noFill/>
        </p:spPr>
        <p:txBody>
          <a:bodyPr wrap="square">
            <a:spAutoFit/>
          </a:bodyPr>
          <a:lstStyle/>
          <a:p>
            <a:r>
              <a:rPr lang="da-DK" sz="1400" noProof="0">
                <a:solidFill>
                  <a:srgbClr val="EE2F66"/>
                </a:solidFill>
              </a:rPr>
              <a:t>+400</a:t>
            </a:r>
            <a:endParaRPr lang="da-DK" sz="1400" noProof="0">
              <a:solidFill>
                <a:srgbClr val="2C8027"/>
              </a:solidFill>
            </a:endParaRPr>
          </a:p>
          <a:p>
            <a:r>
              <a:rPr lang="da-DK" sz="800" noProof="0" dirty="0"/>
              <a:t>Implementerede instanser i drift på tværs af de 25 produkter.</a:t>
            </a:r>
          </a:p>
        </p:txBody>
      </p:sp>
      <p:pic>
        <p:nvPicPr>
          <p:cNvPr id="109" name="Graphic 9">
            <a:extLst>
              <a:ext uri="{FF2B5EF4-FFF2-40B4-BE49-F238E27FC236}">
                <a16:creationId xmlns:a16="http://schemas.microsoft.com/office/drawing/2014/main" id="{68383265-EBE6-FDEF-6CAC-B1DFA7745064}"/>
              </a:ext>
              <a:ext uri="{C183D7F6-B498-43B3-948B-1728B52AA6E4}">
                <adec:decorative xmlns:adec="http://schemas.microsoft.com/office/drawing/2017/decorative" val="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473144" y="4498452"/>
            <a:ext cx="431800" cy="349250"/>
          </a:xfrm>
          <a:prstGeom prst="rect">
            <a:avLst/>
          </a:prstGeom>
        </p:spPr>
      </p:pic>
      <p:grpSp>
        <p:nvGrpSpPr>
          <p:cNvPr id="21" name="Group 20">
            <a:extLst>
              <a:ext uri="{FF2B5EF4-FFF2-40B4-BE49-F238E27FC236}">
                <a16:creationId xmlns:a16="http://schemas.microsoft.com/office/drawing/2014/main" id="{11A47544-E0F6-505E-6862-2873709EA5A5}"/>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34" name="Rectangle 33">
              <a:extLst>
                <a:ext uri="{FF2B5EF4-FFF2-40B4-BE49-F238E27FC236}">
                  <a16:creationId xmlns:a16="http://schemas.microsoft.com/office/drawing/2014/main" id="{B8D6CF91-5AC8-0167-1CE7-70381CB5382D}"/>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77" name="Rectangle 76">
              <a:extLst>
                <a:ext uri="{FF2B5EF4-FFF2-40B4-BE49-F238E27FC236}">
                  <a16:creationId xmlns:a16="http://schemas.microsoft.com/office/drawing/2014/main" id="{155A70EB-FD69-34C1-1704-057694F5D13B}"/>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107" name="TextBox 106">
            <a:extLst>
              <a:ext uri="{FF2B5EF4-FFF2-40B4-BE49-F238E27FC236}">
                <a16:creationId xmlns:a16="http://schemas.microsoft.com/office/drawing/2014/main" id="{A2A2324B-1D99-E480-2550-E5A8334F784B}"/>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a:solidFill>
                  <a:srgbClr val="36465A"/>
                </a:solidFill>
              </a:rPr>
              <a:t>Midlertidige omkostninger</a:t>
            </a:r>
          </a:p>
          <a:p>
            <a:pPr>
              <a:lnSpc>
                <a:spcPct val="200000"/>
              </a:lnSpc>
            </a:pPr>
            <a:r>
              <a:rPr lang="da-DK" sz="900" noProof="0"/>
              <a:t>  Projektledelse </a:t>
            </a:r>
          </a:p>
          <a:p>
            <a:pPr>
              <a:lnSpc>
                <a:spcPct val="200000"/>
              </a:lnSpc>
            </a:pPr>
            <a:endParaRPr lang="da-DK" sz="900" noProof="0"/>
          </a:p>
          <a:p>
            <a:pPr>
              <a:lnSpc>
                <a:spcPct val="200000"/>
              </a:lnSpc>
            </a:pPr>
            <a:r>
              <a:rPr lang="da-DK" sz="900" noProof="0"/>
              <a:t>  Organisatorisk implementering</a:t>
            </a:r>
          </a:p>
          <a:p>
            <a:pPr>
              <a:lnSpc>
                <a:spcPct val="200000"/>
              </a:lnSpc>
            </a:pPr>
            <a:r>
              <a:rPr lang="da-DK" sz="900" noProof="0"/>
              <a:t> </a:t>
            </a:r>
          </a:p>
          <a:p>
            <a:pPr>
              <a:lnSpc>
                <a:spcPct val="200000"/>
              </a:lnSpc>
            </a:pPr>
            <a:r>
              <a:rPr lang="da-DK" sz="900" noProof="0"/>
              <a:t>  Teknisk implementering</a:t>
            </a:r>
          </a:p>
          <a:p>
            <a:pPr>
              <a:lnSpc>
                <a:spcPct val="150000"/>
              </a:lnSpc>
            </a:pPr>
            <a:endParaRPr lang="da-DK" sz="900" noProof="0"/>
          </a:p>
          <a:p>
            <a:pPr>
              <a:lnSpc>
                <a:spcPct val="150000"/>
              </a:lnSpc>
            </a:pPr>
            <a:endParaRPr lang="da-DK" sz="900" b="1" noProof="0">
              <a:solidFill>
                <a:srgbClr val="36465A"/>
              </a:solidFill>
            </a:endParaRPr>
          </a:p>
          <a:p>
            <a:pPr>
              <a:lnSpc>
                <a:spcPct val="150000"/>
              </a:lnSpc>
            </a:pPr>
            <a:r>
              <a:rPr lang="da-DK" sz="900" b="1" noProof="0">
                <a:solidFill>
                  <a:srgbClr val="36465A"/>
                </a:solidFill>
              </a:rPr>
              <a:t>Driftsomkostninger</a:t>
            </a:r>
          </a:p>
          <a:p>
            <a:pPr>
              <a:lnSpc>
                <a:spcPct val="200000"/>
              </a:lnSpc>
            </a:pPr>
            <a:r>
              <a:rPr lang="da-DK" sz="900" noProof="0">
                <a:solidFill>
                  <a:schemeClr val="accent4">
                    <a:lumMod val="50000"/>
                  </a:schemeClr>
                </a:solidFill>
              </a:rPr>
              <a:t>  Teknologi</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Nye kompetencer </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Drift og support</a:t>
            </a:r>
          </a:p>
        </p:txBody>
      </p:sp>
      <p:grpSp>
        <p:nvGrpSpPr>
          <p:cNvPr id="110" name="Group 109">
            <a:extLst>
              <a:ext uri="{FF2B5EF4-FFF2-40B4-BE49-F238E27FC236}">
                <a16:creationId xmlns:a16="http://schemas.microsoft.com/office/drawing/2014/main" id="{C981AC33-86A9-1CC0-09D2-2002BBEFBE0E}"/>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111" name="Oval 110">
              <a:extLst>
                <a:ext uri="{FF2B5EF4-FFF2-40B4-BE49-F238E27FC236}">
                  <a16:creationId xmlns:a16="http://schemas.microsoft.com/office/drawing/2014/main" id="{76B4A72F-E37A-06FE-749E-2294C0F4310F}"/>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12" name="Freeform 11">
              <a:extLst>
                <a:ext uri="{FF2B5EF4-FFF2-40B4-BE49-F238E27FC236}">
                  <a16:creationId xmlns:a16="http://schemas.microsoft.com/office/drawing/2014/main" id="{54BE1E47-24CB-3823-F4BA-B489F216EFAF}"/>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123" name="Group 122">
            <a:extLst>
              <a:ext uri="{FF2B5EF4-FFF2-40B4-BE49-F238E27FC236}">
                <a16:creationId xmlns:a16="http://schemas.microsoft.com/office/drawing/2014/main" id="{59F79752-5F7B-A225-5D2D-CBDF17BA9CC7}"/>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124" name="Oval 123">
              <a:extLst>
                <a:ext uri="{FF2B5EF4-FFF2-40B4-BE49-F238E27FC236}">
                  <a16:creationId xmlns:a16="http://schemas.microsoft.com/office/drawing/2014/main" id="{9609818D-67B5-35AF-82D9-2E6203A44D28}"/>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25" name="Freeform 19">
              <a:extLst>
                <a:ext uri="{FF2B5EF4-FFF2-40B4-BE49-F238E27FC236}">
                  <a16:creationId xmlns:a16="http://schemas.microsoft.com/office/drawing/2014/main" id="{6EDC137B-0C0F-833C-8452-7960BF47DDE7}"/>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30" name="Content Placeholder 5">
            <a:extLst>
              <a:ext uri="{FF2B5EF4-FFF2-40B4-BE49-F238E27FC236}">
                <a16:creationId xmlns:a16="http://schemas.microsoft.com/office/drawing/2014/main" id="{5674ED6C-250B-9499-888C-18E1224B1F14}"/>
              </a:ext>
            </a:extLst>
          </p:cNvPr>
          <p:cNvSpPr txBox="1">
            <a:spLocks/>
          </p:cNvSpPr>
          <p:nvPr/>
        </p:nvSpPr>
        <p:spPr>
          <a:xfrm>
            <a:off x="552449" y="6405723"/>
            <a:ext cx="11470014" cy="9724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700" b="0" i="1" noProof="0">
                <a:solidFill>
                  <a:schemeClr val="tx1"/>
                </a:solidFill>
              </a:rPr>
              <a:t>*Det er vanskeligt at vurdere omkostningerne for OS2, da organisationen har en portefølje på 25 løsninger, og der fortsat udvikles nye løsninger. **Kilde: https://www.kl.dk/oekonomi-og-administration/oekonomi-og-styring/omstilling-og-udvikling/nyhedsbrevet-raaderum/2018/nr-4/os2-samarbejdet-skaber-vaerdi-via-en-ny-model-for-udvikling-af-digitale-loesninger</a:t>
            </a:r>
          </a:p>
        </p:txBody>
      </p:sp>
      <p:pic>
        <p:nvPicPr>
          <p:cNvPr id="35" name="Grafik 34">
            <a:extLst>
              <a:ext uri="{FF2B5EF4-FFF2-40B4-BE49-F238E27FC236}">
                <a16:creationId xmlns:a16="http://schemas.microsoft.com/office/drawing/2014/main" id="{EFEFCA24-CC01-2644-A585-0212C16C17E3}"/>
              </a:ext>
              <a:ext uri="{C183D7F6-B498-43B3-948B-1728B52AA6E4}">
                <adec:decorative xmlns:adec="http://schemas.microsoft.com/office/drawing/2017/decorative" val="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9656072" y="3783328"/>
            <a:ext cx="363922" cy="384113"/>
          </a:xfrm>
          <a:prstGeom prst="rect">
            <a:avLst/>
          </a:prstGeom>
        </p:spPr>
      </p:pic>
      <p:pic>
        <p:nvPicPr>
          <p:cNvPr id="37" name="Grafik 36">
            <a:extLst>
              <a:ext uri="{FF2B5EF4-FFF2-40B4-BE49-F238E27FC236}">
                <a16:creationId xmlns:a16="http://schemas.microsoft.com/office/drawing/2014/main" id="{AA5AE96B-471D-A96D-CDCA-68592F2B650F}"/>
              </a:ext>
              <a:ext uri="{C183D7F6-B498-43B3-948B-1728B52AA6E4}">
                <adec:decorative xmlns:adec="http://schemas.microsoft.com/office/drawing/2017/decorative" val="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656072" y="2938156"/>
            <a:ext cx="363922" cy="384113"/>
          </a:xfrm>
          <a:prstGeom prst="rect">
            <a:avLst/>
          </a:prstGeom>
        </p:spPr>
      </p:pic>
      <p:pic>
        <p:nvPicPr>
          <p:cNvPr id="39" name="Grafik 38">
            <a:extLst>
              <a:ext uri="{FF2B5EF4-FFF2-40B4-BE49-F238E27FC236}">
                <a16:creationId xmlns:a16="http://schemas.microsoft.com/office/drawing/2014/main" id="{C4270837-508E-29FD-9966-D268456037EB}"/>
              </a:ext>
              <a:ext uri="{C183D7F6-B498-43B3-948B-1728B52AA6E4}">
                <adec:decorative xmlns:adec="http://schemas.microsoft.com/office/drawing/2017/decorative" val="1"/>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656072" y="2033118"/>
            <a:ext cx="363922" cy="384113"/>
          </a:xfrm>
          <a:prstGeom prst="rect">
            <a:avLst/>
          </a:prstGeom>
        </p:spPr>
      </p:pic>
      <p:sp>
        <p:nvSpPr>
          <p:cNvPr id="14" name="TextBox 13">
            <a:extLst>
              <a:ext uri="{FF2B5EF4-FFF2-40B4-BE49-F238E27FC236}">
                <a16:creationId xmlns:a16="http://schemas.microsoft.com/office/drawing/2014/main" id="{3AB1EB1C-03EB-69BA-D3F5-5D0FB58144DF}"/>
              </a:ext>
            </a:extLst>
          </p:cNvPr>
          <p:cNvSpPr txBox="1"/>
          <p:nvPr/>
        </p:nvSpPr>
        <p:spPr>
          <a:xfrm>
            <a:off x="9392536" y="4836432"/>
            <a:ext cx="2387561" cy="1149033"/>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mn-ea"/>
                <a:cs typeface="Times New Roman" panose="02020603050405020304" pitchFamily="18" charset="0"/>
              </a:rPr>
              <a:t>I nogle tilfælde har vi været i stand til at tage hele rejsen fra ide til projekt og færdig løsning på få måneder.”</a:t>
            </a:r>
          </a:p>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Rasmus Frey</a:t>
            </a:r>
            <a:b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b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Offentligt citat fra Sekretariatschef, OS2**</a:t>
            </a:r>
          </a:p>
        </p:txBody>
      </p:sp>
    </p:spTree>
    <p:extLst>
      <p:ext uri="{BB962C8B-B14F-4D97-AF65-F5344CB8AC3E}">
        <p14:creationId xmlns:p14="http://schemas.microsoft.com/office/powerpoint/2010/main" val="979039635"/>
      </p:ext>
    </p:extLst>
  </p:cSld>
  <p:clrMapOvr>
    <a:masterClrMapping/>
  </p:clrMapOvr>
  <p:transition>
    <p:fade/>
  </p:transition>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FFEBA64-E264-6709-F1CC-BFAFCA080366}"/>
            </a:ext>
          </a:extLst>
        </p:cNvPr>
        <p:cNvGrpSpPr/>
        <p:nvPr/>
      </p:nvGrpSpPr>
      <p:grpSpPr>
        <a:xfrm>
          <a:off x="0" y="0"/>
          <a:ext cx="0" cy="0"/>
          <a:chOff x="0" y="0"/>
          <a:chExt cx="0" cy="0"/>
        </a:xfrm>
      </p:grpSpPr>
      <p:sp>
        <p:nvSpPr>
          <p:cNvPr id="100" name="Rectangle: Rounded Corners 99">
            <a:extLst>
              <a:ext uri="{FF2B5EF4-FFF2-40B4-BE49-F238E27FC236}">
                <a16:creationId xmlns:a16="http://schemas.microsoft.com/office/drawing/2014/main" id="{9187BAE5-B2B9-016D-79F8-6B3FF6636E23}"/>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latin typeface="Arial" panose="020B0604020202020204"/>
              </a:rPr>
              <a:t>Case 09 | </a:t>
            </a:r>
            <a:r>
              <a:rPr lang="da-DK" sz="1600" b="1" noProof="0" dirty="0">
                <a:solidFill>
                  <a:srgbClr val="36465A"/>
                </a:solidFill>
                <a:latin typeface="Arial" panose="020B0604020202020204"/>
                <a:sym typeface="Wingdings" panose="05000000000000000000" pitchFamily="2" charset="2"/>
              </a:rPr>
              <a:t>Åben og komponentbaseret it-arkitektur i KOMBIT</a:t>
            </a:r>
          </a:p>
        </p:txBody>
      </p:sp>
      <p:sp>
        <p:nvSpPr>
          <p:cNvPr id="4" name="Rectangle: Rounded Corners 3">
            <a:extLst>
              <a:ext uri="{FF2B5EF4-FFF2-40B4-BE49-F238E27FC236}">
                <a16:creationId xmlns:a16="http://schemas.microsoft.com/office/drawing/2014/main" id="{8619CE84-84F3-9716-0C79-9009649EB6AF}"/>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A2B3C9"/>
              </a:solidFill>
              <a:effectLst/>
              <a:uLnTx/>
              <a:uFillTx/>
              <a:latin typeface="Arial" panose="020B0604020202020204"/>
              <a:ea typeface="+mn-ea"/>
              <a:cs typeface="+mn-cs"/>
            </a:endParaRPr>
          </a:p>
        </p:txBody>
      </p:sp>
      <p:sp>
        <p:nvSpPr>
          <p:cNvPr id="53" name="Rectangle: Rounded Corners 52">
            <a:extLst>
              <a:ext uri="{FF2B5EF4-FFF2-40B4-BE49-F238E27FC236}">
                <a16:creationId xmlns:a16="http://schemas.microsoft.com/office/drawing/2014/main" id="{CDE1A830-D82C-9181-23DC-8C8B7A18CCFE}"/>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13352623-6EBF-F949-554F-6A0A52592FE2}"/>
              </a:ext>
            </a:extLst>
          </p:cNvPr>
          <p:cNvSpPr>
            <a:spLocks noGrp="1"/>
          </p:cNvSpPr>
          <p:nvPr>
            <p:ph type="title"/>
          </p:nvPr>
        </p:nvSpPr>
        <p:spPr/>
        <p:txBody>
          <a:bodyPr/>
          <a:lstStyle/>
          <a:p>
            <a:r>
              <a:rPr lang="da-DK" sz="2200" noProof="0" dirty="0"/>
              <a:t>Side 1/3 | </a:t>
            </a:r>
            <a:r>
              <a:rPr lang="da-DK" sz="2200" b="1" noProof="0" dirty="0"/>
              <a:t>Sammenfatning af casen</a:t>
            </a:r>
          </a:p>
        </p:txBody>
      </p:sp>
      <p:sp>
        <p:nvSpPr>
          <p:cNvPr id="13" name="Content Placeholder 5">
            <a:extLst>
              <a:ext uri="{FF2B5EF4-FFF2-40B4-BE49-F238E27FC236}">
                <a16:creationId xmlns:a16="http://schemas.microsoft.com/office/drawing/2014/main" id="{A1E0D4C9-CA12-E074-E06A-72B2A71B92D1}"/>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Introduktion</a:t>
            </a:r>
          </a:p>
        </p:txBody>
      </p:sp>
      <p:sp>
        <p:nvSpPr>
          <p:cNvPr id="11" name="Rectangle 10">
            <a:extLst>
              <a:ext uri="{FF2B5EF4-FFF2-40B4-BE49-F238E27FC236}">
                <a16:creationId xmlns:a16="http://schemas.microsoft.com/office/drawing/2014/main" id="{BA45B8D1-4E94-0E79-75B9-441D95DE7D1B}"/>
              </a:ext>
            </a:extLst>
          </p:cNvPr>
          <p:cNvSpPr/>
          <p:nvPr/>
        </p:nvSpPr>
        <p:spPr>
          <a:xfrm>
            <a:off x="529589" y="2139037"/>
            <a:ext cx="2783035"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900" noProof="0" dirty="0">
                <a:solidFill>
                  <a:schemeClr val="tx1"/>
                </a:solidFill>
              </a:rPr>
              <a:t>KOMBIT A/S er et ikke-finansielt aktieselskab, der er 100% eget af KL. Som et kommunalt ejet it-fællesskab er KOMBIT ansvarlig for at indkøbe, forvalte, drifte og videreudvikle fælles it-løsninger i kommunerne.</a:t>
            </a:r>
            <a:br>
              <a:rPr lang="da-DK" sz="900" noProof="0" dirty="0">
                <a:solidFill>
                  <a:schemeClr val="tx1"/>
                </a:solidFill>
              </a:rPr>
            </a:br>
            <a:r>
              <a:rPr lang="da-DK" sz="900" noProof="0" dirty="0">
                <a:solidFill>
                  <a:schemeClr val="tx1"/>
                </a:solidFill>
              </a:rPr>
              <a:t>Genstandsfeltet omfatter de koncern- og fagsystemer, som KOMBIT er ansvarlig for at drive på vegne af kommunerne, samt en fælleskommunal infrastruktur (FKI) til datadeling, som kobler forskellige fagsystemer i KOMBIT og hos kommunerne. Casen omfatter desuden datacenterdrift, idet KOMBIT er ved at opbygge en samlet kapabilitet til drift af løsninger via en samlet driftsplatform. </a:t>
            </a:r>
          </a:p>
        </p:txBody>
      </p:sp>
      <p:sp>
        <p:nvSpPr>
          <p:cNvPr id="9" name="Rectangle: Rounded Corners 8">
            <a:extLst>
              <a:ext uri="{FF2B5EF4-FFF2-40B4-BE49-F238E27FC236}">
                <a16:creationId xmlns:a16="http://schemas.microsoft.com/office/drawing/2014/main" id="{C06FA553-B69D-0CB0-1E22-332A7884F697}"/>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A2B3C9"/>
              </a:solidFill>
              <a:effectLst/>
              <a:uLnTx/>
              <a:uFillTx/>
              <a:latin typeface="Arial" panose="020B0604020202020204"/>
              <a:ea typeface="+mn-ea"/>
              <a:cs typeface="+mn-cs"/>
            </a:endParaRPr>
          </a:p>
        </p:txBody>
      </p:sp>
      <p:grpSp>
        <p:nvGrpSpPr>
          <p:cNvPr id="39" name="Group 38" descr="Oversigt over teknologistakken og hvor casen rammer. Denne case rammer Koncern og fagsystemer og Datadeling og basis software">
            <a:extLst>
              <a:ext uri="{FF2B5EF4-FFF2-40B4-BE49-F238E27FC236}">
                <a16:creationId xmlns:a16="http://schemas.microsoft.com/office/drawing/2014/main" id="{87C3B523-6A61-838C-4012-9F0ABB7C07B3}"/>
              </a:ext>
              <a:ext uri="{C183D7F6-B498-43B3-948B-1728B52AA6E4}">
                <adec:decorative xmlns:adec="http://schemas.microsoft.com/office/drawing/2017/decorative" val="0"/>
              </a:ext>
            </a:extLst>
          </p:cNvPr>
          <p:cNvGrpSpPr/>
          <p:nvPr/>
        </p:nvGrpSpPr>
        <p:grpSpPr>
          <a:xfrm>
            <a:off x="713385" y="4086154"/>
            <a:ext cx="2338961" cy="2232878"/>
            <a:chOff x="713385" y="4086154"/>
            <a:chExt cx="2338961" cy="2232878"/>
          </a:xfrm>
        </p:grpSpPr>
        <p:sp>
          <p:nvSpPr>
            <p:cNvPr id="64" name="Rectangle: Rounded Corners 63">
              <a:extLst>
                <a:ext uri="{FF2B5EF4-FFF2-40B4-BE49-F238E27FC236}">
                  <a16:creationId xmlns:a16="http://schemas.microsoft.com/office/drawing/2014/main" id="{4EE49D03-B3EA-4E58-CF69-38A1B15617B5}"/>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chemeClr val="tx1"/>
                  </a:solidFill>
                  <a:effectLst/>
                  <a:uLnTx/>
                  <a:uFillTx/>
                  <a:latin typeface="Arial" panose="020B0604020202020204"/>
                  <a:ea typeface="+mn-ea"/>
                  <a:cs typeface="+mn-cs"/>
                </a:rPr>
                <a:t>Digitale løsninger</a:t>
              </a:r>
            </a:p>
          </p:txBody>
        </p:sp>
        <p:sp>
          <p:nvSpPr>
            <p:cNvPr id="88" name="Rectangle: Rounded Corners 87">
              <a:extLst>
                <a:ext uri="{FF2B5EF4-FFF2-40B4-BE49-F238E27FC236}">
                  <a16:creationId xmlns:a16="http://schemas.microsoft.com/office/drawing/2014/main" id="{E027849B-8E5A-24CD-A277-B35184D6115E}"/>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chemeClr val="tx1"/>
                  </a:solidFill>
                  <a:effectLst/>
                  <a:uLnTx/>
                  <a:uFillTx/>
                  <a:latin typeface="Arial" panose="020B0604020202020204"/>
                  <a:ea typeface="+mn-ea"/>
                  <a:cs typeface="+mn-cs"/>
                </a:rPr>
                <a:t>It-infrastruktur</a:t>
              </a:r>
            </a:p>
          </p:txBody>
        </p:sp>
        <p:sp>
          <p:nvSpPr>
            <p:cNvPr id="90" name="Rectangle 36">
              <a:extLst>
                <a:ext uri="{FF2B5EF4-FFF2-40B4-BE49-F238E27FC236}">
                  <a16:creationId xmlns:a16="http://schemas.microsoft.com/office/drawing/2014/main" id="{5B751FEA-BA0C-685C-53FE-DD737B3A89BC}"/>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AI og digitale services</a:t>
              </a:r>
            </a:p>
          </p:txBody>
        </p:sp>
        <p:sp>
          <p:nvSpPr>
            <p:cNvPr id="91" name="Rectangle 43">
              <a:extLst>
                <a:ext uri="{FF2B5EF4-FFF2-40B4-BE49-F238E27FC236}">
                  <a16:creationId xmlns:a16="http://schemas.microsoft.com/office/drawing/2014/main" id="{C9B0FAC4-45EE-35B7-B4C4-EBA6F9DA16B4}"/>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a:ln>
                    <a:noFill/>
                  </a:ln>
                  <a:solidFill>
                    <a:srgbClr val="FFFFFF"/>
                  </a:solidFill>
                  <a:effectLst/>
                  <a:uLnTx/>
                  <a:uFillTx/>
                  <a:latin typeface="Arial" panose="020B0604020202020204"/>
                  <a:ea typeface="+mn-ea"/>
                  <a:cs typeface="+mn-cs"/>
                </a:rPr>
                <a:t>Teknologistak</a:t>
              </a:r>
            </a:p>
          </p:txBody>
        </p:sp>
        <p:sp>
          <p:nvSpPr>
            <p:cNvPr id="92" name="Rectangle 36">
              <a:extLst>
                <a:ext uri="{FF2B5EF4-FFF2-40B4-BE49-F238E27FC236}">
                  <a16:creationId xmlns:a16="http://schemas.microsoft.com/office/drawing/2014/main" id="{A5BEE663-1282-C519-BC93-35065E0D48AE}"/>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Koncern- og fagsystemer</a:t>
              </a:r>
            </a:p>
          </p:txBody>
        </p:sp>
        <p:sp>
          <p:nvSpPr>
            <p:cNvPr id="93" name="Rectangle 36">
              <a:extLst>
                <a:ext uri="{FF2B5EF4-FFF2-40B4-BE49-F238E27FC236}">
                  <a16:creationId xmlns:a16="http://schemas.microsoft.com/office/drawing/2014/main" id="{AF060CB6-D37B-D084-432D-57E124CCFCA7}"/>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Digital arbejdsplads</a:t>
              </a:r>
            </a:p>
          </p:txBody>
        </p:sp>
        <p:sp>
          <p:nvSpPr>
            <p:cNvPr id="94" name="Rectangle 36">
              <a:extLst>
                <a:ext uri="{FF2B5EF4-FFF2-40B4-BE49-F238E27FC236}">
                  <a16:creationId xmlns:a16="http://schemas.microsoft.com/office/drawing/2014/main" id="{260DD39D-965E-101E-4826-A3E4B2A54094}"/>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Sikkerhedsløsninger</a:t>
              </a:r>
            </a:p>
          </p:txBody>
        </p:sp>
        <p:sp>
          <p:nvSpPr>
            <p:cNvPr id="95" name="Rectangle 36">
              <a:extLst>
                <a:ext uri="{FF2B5EF4-FFF2-40B4-BE49-F238E27FC236}">
                  <a16:creationId xmlns:a16="http://schemas.microsoft.com/office/drawing/2014/main" id="{9EF9B221-97A3-9EB7-5C98-E13CD52B467D}"/>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Datadeling og basis-software</a:t>
              </a:r>
            </a:p>
          </p:txBody>
        </p:sp>
        <p:sp>
          <p:nvSpPr>
            <p:cNvPr id="96" name="Rectangle 36">
              <a:extLst>
                <a:ext uri="{FF2B5EF4-FFF2-40B4-BE49-F238E27FC236}">
                  <a16:creationId xmlns:a16="http://schemas.microsoft.com/office/drawing/2014/main" id="{1DDF64C6-6928-A8DD-EADF-78F11FE60641}"/>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Cloud services</a:t>
              </a:r>
            </a:p>
          </p:txBody>
        </p:sp>
        <p:sp>
          <p:nvSpPr>
            <p:cNvPr id="97" name="Rectangle 36">
              <a:extLst>
                <a:ext uri="{FF2B5EF4-FFF2-40B4-BE49-F238E27FC236}">
                  <a16:creationId xmlns:a16="http://schemas.microsoft.com/office/drawing/2014/main" id="{FB5590D4-AFA7-3167-8F2D-79CFB69C66F8}"/>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Devices og slutbrugerudstyr</a:t>
              </a:r>
            </a:p>
          </p:txBody>
        </p:sp>
        <p:sp>
          <p:nvSpPr>
            <p:cNvPr id="98" name="Rectangle 36">
              <a:extLst>
                <a:ext uri="{FF2B5EF4-FFF2-40B4-BE49-F238E27FC236}">
                  <a16:creationId xmlns:a16="http://schemas.microsoft.com/office/drawing/2014/main" id="{F8212A3C-9ACF-8E9F-1E1D-63B00EB2547D}"/>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Datacenterinfrastruktur</a:t>
              </a:r>
            </a:p>
          </p:txBody>
        </p:sp>
        <p:sp>
          <p:nvSpPr>
            <p:cNvPr id="99" name="Rectangle 36">
              <a:extLst>
                <a:ext uri="{FF2B5EF4-FFF2-40B4-BE49-F238E27FC236}">
                  <a16:creationId xmlns:a16="http://schemas.microsoft.com/office/drawing/2014/main" id="{346E4CB9-22FE-5186-984C-6C845FBCC746}"/>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Netværksinfrastruktur</a:t>
              </a:r>
            </a:p>
          </p:txBody>
        </p:sp>
      </p:grpSp>
      <p:sp>
        <p:nvSpPr>
          <p:cNvPr id="3" name="Content Placeholder 5">
            <a:extLst>
              <a:ext uri="{FF2B5EF4-FFF2-40B4-BE49-F238E27FC236}">
                <a16:creationId xmlns:a16="http://schemas.microsoft.com/office/drawing/2014/main" id="{FF1D3873-D221-B7E0-45CE-5D6353AB375C}"/>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a:ln>
                  <a:noFill/>
                </a:ln>
                <a:solidFill>
                  <a:srgbClr val="36465A"/>
                </a:solidFill>
                <a:effectLst/>
                <a:uLnTx/>
                <a:uFillTx/>
                <a:latin typeface="Arial" panose="020B0604020202020204"/>
                <a:ea typeface="+mn-ea"/>
                <a:cs typeface="+mn-cs"/>
              </a:rPr>
              <a:t>Karakteristika, gevinster og barrierer</a:t>
            </a:r>
          </a:p>
        </p:txBody>
      </p:sp>
      <p:grpSp>
        <p:nvGrpSpPr>
          <p:cNvPr id="41" name="Group 40" descr="Casen er i driftsfasen">
            <a:extLst>
              <a:ext uri="{FF2B5EF4-FFF2-40B4-BE49-F238E27FC236}">
                <a16:creationId xmlns:a16="http://schemas.microsoft.com/office/drawing/2014/main" id="{70AD2549-4C39-6563-E5F4-953B78217ED7}"/>
              </a:ext>
              <a:ext uri="{C183D7F6-B498-43B3-948B-1728B52AA6E4}">
                <adec:decorative xmlns:adec="http://schemas.microsoft.com/office/drawing/2017/decorative" val="0"/>
              </a:ext>
            </a:extLst>
          </p:cNvPr>
          <p:cNvGrpSpPr/>
          <p:nvPr/>
        </p:nvGrpSpPr>
        <p:grpSpPr>
          <a:xfrm>
            <a:off x="6937091" y="1938275"/>
            <a:ext cx="2371002" cy="240297"/>
            <a:chOff x="579065" y="3714086"/>
            <a:chExt cx="2371002" cy="240297"/>
          </a:xfrm>
        </p:grpSpPr>
        <p:cxnSp>
          <p:nvCxnSpPr>
            <p:cNvPr id="42" name="Straight Connector 41">
              <a:extLst>
                <a:ext uri="{FF2B5EF4-FFF2-40B4-BE49-F238E27FC236}">
                  <a16:creationId xmlns:a16="http://schemas.microsoft.com/office/drawing/2014/main" id="{9942BEB1-7C34-0495-3F2A-FD08D461D4BE}"/>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49C33492-2F92-3DF4-897C-57181BAFF3EB}"/>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44" name="TextBox 43">
              <a:extLst>
                <a:ext uri="{FF2B5EF4-FFF2-40B4-BE49-F238E27FC236}">
                  <a16:creationId xmlns:a16="http://schemas.microsoft.com/office/drawing/2014/main" id="{266C6923-A943-DCEE-C5C2-7BBF212424DA}"/>
                </a:ext>
              </a:extLst>
            </p:cNvPr>
            <p:cNvSpPr txBox="1"/>
            <p:nvPr/>
          </p:nvSpPr>
          <p:spPr>
            <a:xfrm>
              <a:off x="579065" y="3721174"/>
              <a:ext cx="293195" cy="10772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7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Idé</a:t>
              </a:r>
            </a:p>
          </p:txBody>
        </p:sp>
        <p:sp>
          <p:nvSpPr>
            <p:cNvPr id="47" name="TextBox 46">
              <a:extLst>
                <a:ext uri="{FF2B5EF4-FFF2-40B4-BE49-F238E27FC236}">
                  <a16:creationId xmlns:a16="http://schemas.microsoft.com/office/drawing/2014/main" id="{8FC41094-6244-E618-2E33-D210B7A41815}"/>
                </a:ext>
              </a:extLst>
            </p:cNvPr>
            <p:cNvSpPr txBox="1"/>
            <p:nvPr/>
          </p:nvSpPr>
          <p:spPr>
            <a:xfrm>
              <a:off x="1217159" y="3721174"/>
              <a:ext cx="293195" cy="10772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7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Projekt</a:t>
              </a:r>
            </a:p>
          </p:txBody>
        </p:sp>
        <p:sp>
          <p:nvSpPr>
            <p:cNvPr id="48" name="TextBox 47">
              <a:extLst>
                <a:ext uri="{FF2B5EF4-FFF2-40B4-BE49-F238E27FC236}">
                  <a16:creationId xmlns:a16="http://schemas.microsoft.com/office/drawing/2014/main" id="{1DF7E789-E43A-9B22-4EC6-638BCA21D56E}"/>
                </a:ext>
              </a:extLst>
            </p:cNvPr>
            <p:cNvSpPr txBox="1"/>
            <p:nvPr/>
          </p:nvSpPr>
          <p:spPr>
            <a:xfrm>
              <a:off x="1688148" y="3714086"/>
              <a:ext cx="650230" cy="10772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7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Implementering</a:t>
              </a:r>
            </a:p>
          </p:txBody>
        </p:sp>
        <p:sp>
          <p:nvSpPr>
            <p:cNvPr id="50" name="TextBox 49">
              <a:extLst>
                <a:ext uri="{FF2B5EF4-FFF2-40B4-BE49-F238E27FC236}">
                  <a16:creationId xmlns:a16="http://schemas.microsoft.com/office/drawing/2014/main" id="{2683842E-0F0B-3FE3-F1D7-7AC5A94336B6}"/>
                </a:ext>
              </a:extLst>
            </p:cNvPr>
            <p:cNvSpPr txBox="1"/>
            <p:nvPr/>
          </p:nvSpPr>
          <p:spPr>
            <a:xfrm>
              <a:off x="2299837" y="3721174"/>
              <a:ext cx="650230" cy="10772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7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Drift*</a:t>
              </a:r>
            </a:p>
          </p:txBody>
        </p:sp>
        <p:cxnSp>
          <p:nvCxnSpPr>
            <p:cNvPr id="51" name="Straight Connector 50">
              <a:extLst>
                <a:ext uri="{FF2B5EF4-FFF2-40B4-BE49-F238E27FC236}">
                  <a16:creationId xmlns:a16="http://schemas.microsoft.com/office/drawing/2014/main" id="{E4ADA961-89F1-AC92-FA48-5503E1D70835}"/>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B40E87C0-F037-7700-A60C-2AA80B063869}"/>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022A699D-845C-8421-83D2-34D0C4C59709}"/>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14" name="Rectangle 13">
            <a:extLst>
              <a:ext uri="{FF2B5EF4-FFF2-40B4-BE49-F238E27FC236}">
                <a16:creationId xmlns:a16="http://schemas.microsoft.com/office/drawing/2014/main" id="{7B8827D9-0ABF-B3C4-D8B7-045CE241FEDE}"/>
              </a:ext>
            </a:extLst>
          </p:cNvPr>
          <p:cNvSpPr/>
          <p:nvPr/>
        </p:nvSpPr>
        <p:spPr>
          <a:xfrm>
            <a:off x="3408013" y="2152486"/>
            <a:ext cx="5681357" cy="214319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marL="0" marR="0" lvl="0" indent="0" algn="l" defTabSz="1039307" rtl="0" eaLnBrk="1" fontAlgn="auto" latinLnBrk="0" hangingPunct="1">
              <a:lnSpc>
                <a:spcPct val="100000"/>
              </a:lnSpc>
              <a:spcBef>
                <a:spcPts val="0"/>
              </a:spcBef>
              <a:spcAft>
                <a:spcPts val="300"/>
              </a:spcAft>
              <a:buClrTx/>
              <a:buSzTx/>
              <a:buFontTx/>
              <a:buNone/>
              <a:tabLst/>
              <a:defRPr/>
            </a:pPr>
            <a:r>
              <a:rPr kumimoji="0" lang="da-DK" sz="900" b="1" i="0" u="none" strike="noStrike" kern="1200" cap="none" spc="0" normalizeH="0" baseline="0" noProof="0" dirty="0">
                <a:ln>
                  <a:noFill/>
                </a:ln>
                <a:solidFill>
                  <a:srgbClr val="36465A"/>
                </a:solidFill>
                <a:effectLst/>
                <a:uLnTx/>
                <a:uFillTx/>
                <a:latin typeface="Arial" panose="020B0604020202020204"/>
                <a:ea typeface="+mn-ea"/>
                <a:cs typeface="+mn-cs"/>
              </a:rPr>
              <a:t>Generelle karakteristika</a:t>
            </a:r>
          </a:p>
          <a:p>
            <a:pPr marL="171450" lvl="0" indent="-171450">
              <a:buFont typeface="Wingdings" panose="05000000000000000000" pitchFamily="2" charset="2"/>
              <a:buChar char="Ø"/>
              <a:defRPr/>
            </a:pPr>
            <a: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t>Status på projekt: </a:t>
            </a:r>
            <a:r>
              <a:rPr lang="da-DK" sz="900" noProof="0" dirty="0">
                <a:solidFill>
                  <a:schemeClr val="tx1"/>
                </a:solidFill>
              </a:rPr>
              <a:t>KOMBIT har siden sin etablering arbejdet dedikeret med at implementere en samlet rammearkitektur og udbudt en lang række it-systemer og infrastrukturkomponenter for at sikre øget konkurrence i det kommunale it-marked. KOMBIT er aktuelt i gang med foretage en yderligere ”</a:t>
            </a:r>
            <a:r>
              <a:rPr lang="da-DK" sz="900" noProof="0" dirty="0" err="1">
                <a:solidFill>
                  <a:schemeClr val="tx1"/>
                </a:solidFill>
              </a:rPr>
              <a:t>dekomponering</a:t>
            </a:r>
            <a:r>
              <a:rPr lang="da-DK" sz="900" noProof="0" dirty="0">
                <a:solidFill>
                  <a:schemeClr val="tx1"/>
                </a:solidFill>
              </a:rPr>
              <a:t>” af it-løsninger for gøre op med </a:t>
            </a:r>
            <a:r>
              <a:rPr lang="da-DK" sz="900" noProof="0" dirty="0" err="1">
                <a:solidFill>
                  <a:schemeClr val="tx1"/>
                </a:solidFill>
              </a:rPr>
              <a:t>full</a:t>
            </a:r>
            <a:r>
              <a:rPr lang="da-DK" sz="900" noProof="0" dirty="0">
                <a:solidFill>
                  <a:schemeClr val="tx1"/>
                </a:solidFill>
              </a:rPr>
              <a:t>-</a:t>
            </a:r>
            <a:r>
              <a:rPr lang="da-DK" sz="900" noProof="0" dirty="0" err="1">
                <a:solidFill>
                  <a:schemeClr val="tx1"/>
                </a:solidFill>
              </a:rPr>
              <a:t>stack</a:t>
            </a:r>
            <a:r>
              <a:rPr lang="da-DK" sz="900" noProof="0" dirty="0">
                <a:solidFill>
                  <a:schemeClr val="tx1"/>
                </a:solidFill>
              </a:rPr>
              <a:t>”-kontrakter og sikre større </a:t>
            </a:r>
            <a:r>
              <a:rPr lang="da-DK" sz="900" noProof="0" dirty="0" err="1">
                <a:solidFill>
                  <a:schemeClr val="tx1"/>
                </a:solidFill>
              </a:rPr>
              <a:t>modularitet</a:t>
            </a:r>
            <a:r>
              <a:rPr lang="da-DK" sz="900" noProof="0" dirty="0">
                <a:solidFill>
                  <a:schemeClr val="tx1"/>
                </a:solidFill>
              </a:rPr>
              <a:t>. </a:t>
            </a:r>
          </a:p>
          <a:p>
            <a:pPr marL="171450" lvl="0" indent="-171450">
              <a:buFont typeface="Wingdings" panose="05000000000000000000" pitchFamily="2" charset="2"/>
              <a:buChar char="Ø"/>
              <a:defRPr/>
            </a:pPr>
            <a: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t>Antal myndigheder/organisationer: </a:t>
            </a:r>
            <a:r>
              <a:rPr lang="da-DK" sz="900" noProof="0" dirty="0">
                <a:solidFill>
                  <a:schemeClr val="tx1"/>
                </a:solidFill>
              </a:rPr>
              <a:t>KOMBIT leverer fælles it-løsninger til landets 98 kommuner og har ansvaret for mere end 30 forskellige it-løsninger. KOMBIT varetager bl.a. fælles indkøb, forvaltning og drift af kommunale landsdækkende it-løsninger, fx Aula, Borgerblikket, Digitalisering af Udsatte Børn og Unge (DUBU), </a:t>
            </a:r>
            <a:r>
              <a:rPr lang="da-DK" sz="900" noProof="0" dirty="0" err="1">
                <a:solidFill>
                  <a:schemeClr val="tx1"/>
                </a:solidFill>
              </a:rPr>
              <a:t>NemRefusion</a:t>
            </a:r>
            <a:r>
              <a:rPr lang="da-DK" sz="900" noProof="0" dirty="0">
                <a:solidFill>
                  <a:schemeClr val="tx1"/>
                </a:solidFill>
              </a:rPr>
              <a:t> mv.</a:t>
            </a:r>
            <a:endParaRPr lang="da-DK" sz="900" noProof="0" dirty="0">
              <a:solidFill>
                <a:srgbClr val="000000"/>
              </a:solidFill>
              <a:latin typeface="Arial" panose="020B0604020202020204"/>
            </a:endParaRPr>
          </a:p>
          <a:p>
            <a:pPr marL="171450" marR="0" lvl="0" indent="-171450" algn="l" defTabSz="1039307" rtl="0" eaLnBrk="1" fontAlgn="auto" latinLnBrk="0" hangingPunct="1">
              <a:lnSpc>
                <a:spcPct val="100000"/>
              </a:lnSpc>
              <a:spcBef>
                <a:spcPts val="0"/>
              </a:spcBef>
              <a:spcAft>
                <a:spcPts val="0"/>
              </a:spcAft>
              <a:buClrTx/>
              <a:buSzTx/>
              <a:buFont typeface="Wingdings" panose="05000000000000000000" pitchFamily="2" charset="2"/>
              <a:buChar char="Ø"/>
              <a:tabLst/>
              <a:defRPr/>
            </a:pPr>
            <a: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t>Geografisk omfang: </a:t>
            </a:r>
            <a:r>
              <a:rPr lang="da-DK" sz="900" noProof="0" dirty="0">
                <a:solidFill>
                  <a:schemeClr val="tx1"/>
                </a:solidFill>
              </a:rPr>
              <a:t>KOMBIT dækker landets 98 kommuner.</a:t>
            </a:r>
          </a:p>
          <a:p>
            <a:pPr marL="171450" marR="0" lvl="0" indent="-171450" algn="l" defTabSz="1039307" rtl="0" eaLnBrk="1" fontAlgn="auto" latinLnBrk="0" hangingPunct="1">
              <a:lnSpc>
                <a:spcPct val="100000"/>
              </a:lnSpc>
              <a:spcBef>
                <a:spcPts val="0"/>
              </a:spcBef>
              <a:spcAft>
                <a:spcPts val="0"/>
              </a:spcAft>
              <a:buClrTx/>
              <a:buSzTx/>
              <a:buFont typeface="Wingdings" panose="05000000000000000000" pitchFamily="2" charset="2"/>
              <a:buChar char="Ø"/>
              <a:tabLst/>
              <a:defRPr/>
            </a:pPr>
            <a: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t>Antal brugere omfattet:</a:t>
            </a:r>
            <a:r>
              <a:rPr lang="da-DK" sz="900" b="1" noProof="0" dirty="0">
                <a:solidFill>
                  <a:srgbClr val="000000"/>
                </a:solidFill>
                <a:latin typeface="Arial" panose="020B0604020202020204"/>
              </a:rPr>
              <a:t> </a:t>
            </a:r>
            <a:r>
              <a:rPr lang="da-DK" sz="900" noProof="0" dirty="0">
                <a:solidFill>
                  <a:schemeClr val="tx1"/>
                </a:solidFill>
              </a:rPr>
              <a:t>Ca. 230 ansatte i KOMBIT, som direkte arbejder med casens genstandsfelt.</a:t>
            </a:r>
          </a:p>
          <a:p>
            <a:pPr marL="171450" marR="0" lvl="0" indent="-171450" algn="l" defTabSz="1039307" rtl="0" eaLnBrk="1" fontAlgn="auto" latinLnBrk="0" hangingPunct="1">
              <a:lnSpc>
                <a:spcPct val="100000"/>
              </a:lnSpc>
              <a:spcBef>
                <a:spcPts val="0"/>
              </a:spcBef>
              <a:spcAft>
                <a:spcPts val="0"/>
              </a:spcAft>
              <a:buClrTx/>
              <a:buSzTx/>
              <a:buFont typeface="Wingdings" panose="05000000000000000000" pitchFamily="2" charset="2"/>
              <a:buChar char="Ø"/>
              <a:tabLst/>
              <a:defRPr/>
            </a:pPr>
            <a:r>
              <a:rPr lang="da-DK" sz="900" b="1" noProof="0" dirty="0">
                <a:solidFill>
                  <a:schemeClr val="tx1"/>
                </a:solidFill>
              </a:rPr>
              <a:t>Antal systemer berørt: </a:t>
            </a:r>
            <a:r>
              <a:rPr lang="da-DK" sz="900" noProof="0" dirty="0" err="1">
                <a:solidFill>
                  <a:schemeClr val="tx1"/>
                </a:solidFill>
              </a:rPr>
              <a:t>KOMBITs</a:t>
            </a:r>
            <a:r>
              <a:rPr lang="da-DK" sz="900" noProof="0" dirty="0">
                <a:solidFill>
                  <a:schemeClr val="tx1"/>
                </a:solidFill>
              </a:rPr>
              <a:t> it-løsninger, som både dækker fagsystemer og infrastrukturkomponenter, der understøtter datadeling mellem it-systemer (fx beskedfordeler, sagsindeks, adgangsstyring mv.)</a:t>
            </a:r>
          </a:p>
        </p:txBody>
      </p:sp>
      <p:sp>
        <p:nvSpPr>
          <p:cNvPr id="49" name="Isosceles Triangle 48">
            <a:extLst>
              <a:ext uri="{FF2B5EF4-FFF2-40B4-BE49-F238E27FC236}">
                <a16:creationId xmlns:a16="http://schemas.microsoft.com/office/drawing/2014/main" id="{DC17199D-D877-7676-54F3-046D262380C5}"/>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cxnSp>
        <p:nvCxnSpPr>
          <p:cNvPr id="6" name="Straight Connector 5">
            <a:extLst>
              <a:ext uri="{FF2B5EF4-FFF2-40B4-BE49-F238E27FC236}">
                <a16:creationId xmlns:a16="http://schemas.microsoft.com/office/drawing/2014/main" id="{9616A5B7-8867-AFF7-876B-C82F169FAB67}"/>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1A44422F-8FF6-C303-8770-6BE91D42D913}"/>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ctr"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900" b="1" i="0" u="none" strike="noStrike" kern="1200" cap="none" spc="0" normalizeH="0" baseline="0" noProof="0" dirty="0">
                <a:ln>
                  <a:noFill/>
                </a:ln>
                <a:solidFill>
                  <a:srgbClr val="36465A"/>
                </a:solidFill>
                <a:effectLst/>
                <a:uLnTx/>
                <a:uFillTx/>
                <a:latin typeface="Arial" panose="020B0604020202020204"/>
                <a:ea typeface="+mn-ea"/>
                <a:cs typeface="+mn-cs"/>
              </a:rPr>
              <a:t>Gevinster </a:t>
            </a:r>
          </a:p>
        </p:txBody>
      </p:sp>
      <p:sp>
        <p:nvSpPr>
          <p:cNvPr id="59" name="Content Placeholder 5">
            <a:extLst>
              <a:ext uri="{FF2B5EF4-FFF2-40B4-BE49-F238E27FC236}">
                <a16:creationId xmlns:a16="http://schemas.microsoft.com/office/drawing/2014/main" id="{90B5341E-4BEC-C5A1-D234-D524E575AFC3}"/>
              </a:ext>
            </a:extLst>
          </p:cNvPr>
          <p:cNvSpPr txBox="1">
            <a:spLocks/>
          </p:cNvSpPr>
          <p:nvPr/>
        </p:nvSpPr>
        <p:spPr>
          <a:xfrm>
            <a:off x="3415719" y="4578217"/>
            <a:ext cx="2895195" cy="178055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marR="0" lvl="0" indent="-171450" algn="l" defTabSz="1039307" rtl="0" eaLnBrk="1" fontAlgn="auto" latinLnBrk="0" hangingPunct="1">
              <a:lnSpc>
                <a:spcPct val="100000"/>
              </a:lnSpc>
              <a:spcBef>
                <a:spcPts val="0"/>
              </a:spcBef>
              <a:spcAft>
                <a:spcPts val="300"/>
              </a:spcAft>
              <a:buClrTx/>
              <a:buSzTx/>
              <a:buFont typeface="Wingdings" panose="05000000000000000000" pitchFamily="2" charset="2"/>
              <a:buChar char="Ø"/>
              <a:tabLst/>
              <a:defRPr/>
            </a:pPr>
            <a:r>
              <a:rPr kumimoji="0" lang="da-DK" sz="900" i="0" u="none" strike="noStrike" kern="1200" cap="none" spc="0" normalizeH="0" baseline="0" noProof="0">
                <a:ln>
                  <a:noFill/>
                </a:ln>
                <a:solidFill>
                  <a:srgbClr val="000000"/>
                </a:solidFill>
                <a:effectLst/>
                <a:uLnTx/>
                <a:uFillTx/>
                <a:latin typeface="Arial" panose="020B0604020202020204"/>
                <a:ea typeface="+mn-ea"/>
                <a:cs typeface="+mn-cs"/>
              </a:rPr>
              <a:t>Øget kontrol: </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Ejerskab til løsninger giver bedre mulighed </a:t>
            </a:r>
            <a:r>
              <a:rPr lang="da-DK" sz="900" b="0" noProof="0">
                <a:solidFill>
                  <a:srgbClr val="000000"/>
                </a:solidFill>
                <a:latin typeface="Arial" panose="020B0604020202020204"/>
              </a:rPr>
              <a:t>for at udskifte leverandører og genbruge kode og data.</a:t>
            </a:r>
            <a:endParaRPr kumimoji="0" lang="da-DK" sz="900" b="0" i="0" u="none" strike="noStrike" kern="1200" cap="none" spc="0" normalizeH="0" baseline="0" noProof="0">
              <a:ln>
                <a:noFill/>
              </a:ln>
              <a:solidFill>
                <a:srgbClr val="000000"/>
              </a:solidFill>
              <a:effectLst/>
              <a:uLnTx/>
              <a:uFillTx/>
              <a:latin typeface="Arial" panose="020B0604020202020204"/>
              <a:ea typeface="+mn-ea"/>
              <a:cs typeface="+mn-cs"/>
            </a:endParaRPr>
          </a:p>
          <a:p>
            <a:pPr marL="171450" indent="-171450">
              <a:buFont typeface="Wingdings" panose="05000000000000000000" pitchFamily="2" charset="2"/>
              <a:buChar char="Ø"/>
              <a:defRPr/>
            </a:pPr>
            <a:r>
              <a:rPr kumimoji="0" lang="da-DK" sz="900" i="0" u="none" strike="noStrike" kern="1200" cap="none" spc="0" normalizeH="0" baseline="0" noProof="0">
                <a:ln>
                  <a:noFill/>
                </a:ln>
                <a:solidFill>
                  <a:srgbClr val="000000"/>
                </a:solidFill>
                <a:effectLst/>
                <a:uLnTx/>
                <a:uFillTx/>
                <a:latin typeface="Arial" panose="020B0604020202020204"/>
                <a:ea typeface="+mn-ea"/>
                <a:cs typeface="+mn-cs"/>
              </a:rPr>
              <a:t>Øget konkurrence: </a:t>
            </a:r>
            <a:r>
              <a:rPr kumimoji="0" lang="da-DK" sz="900" b="0" i="0" u="none" strike="noStrike" kern="1200" cap="none" spc="0" normalizeH="0" baseline="0" noProof="0" dirty="0" err="1">
                <a:ln>
                  <a:noFill/>
                </a:ln>
                <a:solidFill>
                  <a:srgbClr val="000000"/>
                </a:solidFill>
                <a:effectLst/>
                <a:uLnTx/>
                <a:uFillTx/>
                <a:latin typeface="Arial" panose="020B0604020202020204"/>
                <a:ea typeface="+mn-ea"/>
                <a:cs typeface="+mn-cs"/>
              </a:rPr>
              <a:t>Modularitet</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 </a:t>
            </a:r>
            <a:r>
              <a:rPr lang="da-DK" sz="900" b="0" noProof="0">
                <a:solidFill>
                  <a:srgbClr val="000000"/>
                </a:solidFill>
                <a:latin typeface="Arial" panose="020B0604020202020204"/>
              </a:rPr>
              <a:t>sikrer øget konkurrence og specialisering, hvor leverandører i højere grad kan fokusere på deres kernekompetencer.</a:t>
            </a:r>
          </a:p>
          <a:p>
            <a:pPr marL="171450" marR="0" lvl="0" indent="-171450" algn="l" defTabSz="1039307" rtl="0" eaLnBrk="1" fontAlgn="auto" latinLnBrk="0" hangingPunct="1">
              <a:lnSpc>
                <a:spcPct val="100000"/>
              </a:lnSpc>
              <a:spcBef>
                <a:spcPts val="0"/>
              </a:spcBef>
              <a:spcAft>
                <a:spcPts val="300"/>
              </a:spcAft>
              <a:buClrTx/>
              <a:buSzTx/>
              <a:buFont typeface="Wingdings" panose="05000000000000000000" pitchFamily="2" charset="2"/>
              <a:buChar char="Ø"/>
              <a:tabLst/>
              <a:defRPr/>
            </a:pPr>
            <a:r>
              <a:rPr lang="da-DK" sz="900" noProof="0">
                <a:solidFill>
                  <a:srgbClr val="000000"/>
                </a:solidFill>
                <a:latin typeface="Arial" panose="020B0604020202020204"/>
              </a:rPr>
              <a:t>Licensbesparelser: </a:t>
            </a:r>
            <a:r>
              <a:rPr lang="da-DK" sz="900" b="0" noProof="0" dirty="0" err="1">
                <a:solidFill>
                  <a:srgbClr val="000000"/>
                </a:solidFill>
                <a:latin typeface="Arial" panose="020B0604020202020204"/>
              </a:rPr>
              <a:t>KOMBITs</a:t>
            </a:r>
            <a:r>
              <a:rPr lang="da-DK" sz="900" b="0" noProof="0">
                <a:solidFill>
                  <a:srgbClr val="000000"/>
                </a:solidFill>
                <a:latin typeface="Arial" panose="020B0604020202020204"/>
              </a:rPr>
              <a:t> monopolbrud har samlet set reduceret de kommunale it-udgifter for de omfattede it-systemer med 25% besparelse på licenser.</a:t>
            </a:r>
          </a:p>
        </p:txBody>
      </p:sp>
      <p:sp>
        <p:nvSpPr>
          <p:cNvPr id="23" name="Content Placeholder 5">
            <a:extLst>
              <a:ext uri="{FF2B5EF4-FFF2-40B4-BE49-F238E27FC236}">
                <a16:creationId xmlns:a16="http://schemas.microsoft.com/office/drawing/2014/main" id="{74804FEA-8826-46D0-DDB4-94B02D83475E}"/>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ctr"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900" b="1" i="0" u="none" strike="noStrike" kern="1200" cap="none" spc="0" normalizeH="0" baseline="0" noProof="0">
                <a:ln>
                  <a:noFill/>
                </a:ln>
                <a:solidFill>
                  <a:srgbClr val="36465A"/>
                </a:solidFill>
                <a:effectLst/>
                <a:uLnTx/>
                <a:uFillTx/>
                <a:latin typeface="Arial" panose="020B0604020202020204"/>
                <a:ea typeface="+mn-ea"/>
                <a:cs typeface="+mn-cs"/>
              </a:rPr>
              <a:t>Barrierer</a:t>
            </a:r>
          </a:p>
        </p:txBody>
      </p:sp>
      <p:sp>
        <p:nvSpPr>
          <p:cNvPr id="89" name="Content Placeholder 5">
            <a:extLst>
              <a:ext uri="{FF2B5EF4-FFF2-40B4-BE49-F238E27FC236}">
                <a16:creationId xmlns:a16="http://schemas.microsoft.com/office/drawing/2014/main" id="{2BA3C1FF-CECC-7F90-3C50-D81D9D42CB9B}"/>
              </a:ext>
            </a:extLst>
          </p:cNvPr>
          <p:cNvSpPr txBox="1">
            <a:spLocks/>
          </p:cNvSpPr>
          <p:nvPr/>
        </p:nvSpPr>
        <p:spPr>
          <a:xfrm>
            <a:off x="6334426" y="4569784"/>
            <a:ext cx="2913658"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lvl="0" indent="-171450">
              <a:buFont typeface="Wingdings" panose="05000000000000000000" pitchFamily="2" charset="2"/>
              <a:buChar char="Ø"/>
              <a:defRPr/>
            </a:pPr>
            <a:r>
              <a:rPr lang="da-DK" sz="900" noProof="0">
                <a:solidFill>
                  <a:srgbClr val="000000"/>
                </a:solidFill>
              </a:rPr>
              <a:t>Nye ”monolitter” har skabt nye bindinger: </a:t>
            </a:r>
            <a:r>
              <a:rPr lang="da-DK" sz="900" b="0" noProof="0">
                <a:solidFill>
                  <a:srgbClr val="000000"/>
                </a:solidFill>
              </a:rPr>
              <a:t>Selvom KOMBIT lykkedes med et monopolbrud og fik skabt en ny konkurrencesituation, blev der skabt nye afhængigheder til andre leverandører. </a:t>
            </a:r>
          </a:p>
          <a:p>
            <a:pPr marL="171450" lvl="0" indent="-171450">
              <a:buFont typeface="Wingdings" panose="05000000000000000000" pitchFamily="2" charset="2"/>
              <a:buChar char="Ø"/>
              <a:defRPr/>
            </a:pPr>
            <a:r>
              <a:rPr lang="da-DK" sz="900" noProof="0">
                <a:solidFill>
                  <a:srgbClr val="000000"/>
                </a:solidFill>
              </a:rPr>
              <a:t>Nyt strategisk fokus kræver nye kompetencer: </a:t>
            </a:r>
            <a:r>
              <a:rPr lang="da-DK" sz="900" b="0" noProof="0" err="1">
                <a:solidFill>
                  <a:srgbClr val="000000"/>
                </a:solidFill>
              </a:rPr>
              <a:t>KOMBITs</a:t>
            </a:r>
            <a:r>
              <a:rPr lang="da-DK" sz="900" b="0" noProof="0">
                <a:solidFill>
                  <a:srgbClr val="000000"/>
                </a:solidFill>
              </a:rPr>
              <a:t> strategiske fokus har flyttet sig fra ikke kun at handle om fælles indkøb, forvaltning og videreudvikling, men også om udbygning af den fælleskommunale infrastruktur</a:t>
            </a:r>
            <a:r>
              <a:rPr lang="da-DK" sz="900" b="0" noProof="0" dirty="0">
                <a:solidFill>
                  <a:srgbClr val="000000"/>
                </a:solidFill>
              </a:rPr>
              <a:t>, som</a:t>
            </a:r>
            <a:r>
              <a:rPr lang="da-DK" sz="900" b="0" noProof="0">
                <a:solidFill>
                  <a:srgbClr val="000000"/>
                </a:solidFill>
              </a:rPr>
              <a:t> har krævet tilførsel af kompetencer (drift, infrastruktur, sikkerhed mv.).</a:t>
            </a:r>
          </a:p>
          <a:p>
            <a:pPr marL="0" marR="0" lvl="0" indent="0" algn="l" defTabSz="1039307" rtl="0" eaLnBrk="1" fontAlgn="auto" latinLnBrk="0" hangingPunct="1">
              <a:lnSpc>
                <a:spcPct val="100000"/>
              </a:lnSpc>
              <a:spcBef>
                <a:spcPts val="0"/>
              </a:spcBef>
              <a:spcAft>
                <a:spcPts val="300"/>
              </a:spcAft>
              <a:buClrTx/>
              <a:buSzTx/>
              <a:buFontTx/>
              <a:buNone/>
              <a:tabLst/>
              <a:defRPr/>
            </a:pPr>
            <a:endParaRPr kumimoji="0" lang="da-DK" sz="900" b="1" i="0" u="none" strike="noStrike" kern="1200" cap="none" spc="0" normalizeH="0" baseline="0" noProof="0">
              <a:ln>
                <a:noFill/>
              </a:ln>
              <a:solidFill>
                <a:srgbClr val="024D78"/>
              </a:solidFill>
              <a:effectLst/>
              <a:uLnTx/>
              <a:uFillTx/>
              <a:latin typeface="Arial" panose="020B0604020202020204"/>
              <a:ea typeface="+mn-ea"/>
              <a:cs typeface="+mn-cs"/>
            </a:endParaRPr>
          </a:p>
        </p:txBody>
      </p:sp>
      <p:cxnSp>
        <p:nvCxnSpPr>
          <p:cNvPr id="25" name="Straight Connector 24">
            <a:extLst>
              <a:ext uri="{FF2B5EF4-FFF2-40B4-BE49-F238E27FC236}">
                <a16:creationId xmlns:a16="http://schemas.microsoft.com/office/drawing/2014/main" id="{23A21924-279D-FA85-670D-B301DB7EFB11}"/>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7C3277BC-4362-82E6-5B46-DAFC2084791E}"/>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cxnSp>
        <p:nvCxnSpPr>
          <p:cNvPr id="57" name="Straight Connector 56">
            <a:extLst>
              <a:ext uri="{FF2B5EF4-FFF2-40B4-BE49-F238E27FC236}">
                <a16:creationId xmlns:a16="http://schemas.microsoft.com/office/drawing/2014/main" id="{CCF329AB-389F-E94B-0F5D-814DEE91F3C8}"/>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DE22B32A-7FA4-0A3C-05F1-B55544E2587F}"/>
              </a:ext>
              <a:ext uri="{C183D7F6-B498-43B3-948B-1728B52AA6E4}">
                <adec:decorative xmlns:adec="http://schemas.microsoft.com/office/drawing/2017/decorative" val="1"/>
              </a:ext>
            </a:extLst>
          </p:cNvPr>
          <p:cNvCxnSpPr>
            <a:cxnSpLocks/>
          </p:cNvCxnSpPr>
          <p:nvPr/>
        </p:nvCxnSpPr>
        <p:spPr>
          <a:xfrm>
            <a:off x="6514217"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EAFF25DB-67D5-9C35-FD06-DBA535D49BFA}"/>
              </a:ext>
              <a:ext uri="{C183D7F6-B498-43B3-948B-1728B52AA6E4}">
                <adec:decorative xmlns:adec="http://schemas.microsoft.com/office/drawing/2017/decorative" val="1"/>
              </a:ext>
            </a:extLst>
          </p:cNvPr>
          <p:cNvCxnSpPr>
            <a:cxnSpLocks/>
          </p:cNvCxnSpPr>
          <p:nvPr/>
        </p:nvCxnSpPr>
        <p:spPr>
          <a:xfrm>
            <a:off x="3408176" y="2122972"/>
            <a:ext cx="3574515"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5" name="Rectangle 114">
            <a:extLst>
              <a:ext uri="{FF2B5EF4-FFF2-40B4-BE49-F238E27FC236}">
                <a16:creationId xmlns:a16="http://schemas.microsoft.com/office/drawing/2014/main" id="{CD640D6E-F525-ED32-8E3A-E08FCBCA474A}"/>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marL="0" marR="0" lvl="0" indent="0" algn="l" defTabSz="1039307" rtl="0" eaLnBrk="1" fontAlgn="auto" latinLnBrk="0" hangingPunct="1">
              <a:lnSpc>
                <a:spcPct val="100000"/>
              </a:lnSpc>
              <a:spcBef>
                <a:spcPts val="0"/>
              </a:spcBef>
              <a:spcAft>
                <a:spcPts val="300"/>
              </a:spcAft>
              <a:buClrTx/>
              <a:buSzTx/>
              <a:buFontTx/>
              <a:buNone/>
              <a:tabLst/>
              <a:defRPr/>
            </a:pPr>
            <a:endParaRPr kumimoji="0" lang="da-DK" sz="900" b="1" i="0" u="none" strike="noStrike" kern="1200" cap="none" spc="0" normalizeH="0" baseline="0" noProof="0">
              <a:ln>
                <a:noFill/>
              </a:ln>
              <a:solidFill>
                <a:srgbClr val="000000"/>
              </a:solidFill>
              <a:effectLst/>
              <a:uLnTx/>
              <a:uFillTx/>
              <a:latin typeface="Arial" panose="020B0604020202020204"/>
              <a:ea typeface="+mn-ea"/>
              <a:cs typeface="+mn-cs"/>
            </a:endParaRPr>
          </a:p>
        </p:txBody>
      </p:sp>
      <p:cxnSp>
        <p:nvCxnSpPr>
          <p:cNvPr id="30" name="Straight Connector 29">
            <a:extLst>
              <a:ext uri="{FF2B5EF4-FFF2-40B4-BE49-F238E27FC236}">
                <a16:creationId xmlns:a16="http://schemas.microsoft.com/office/drawing/2014/main" id="{21C5C194-E195-6803-1DEB-85D54FC65390}"/>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C46B3DCC-75AE-9C6B-2488-0E85E99DF1C5}"/>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A2B3C9"/>
              </a:solidFill>
              <a:effectLst/>
              <a:uLnTx/>
              <a:uFillTx/>
              <a:latin typeface="Arial" panose="020B0604020202020204"/>
              <a:ea typeface="+mn-ea"/>
              <a:cs typeface="+mn-cs"/>
            </a:endParaRPr>
          </a:p>
        </p:txBody>
      </p:sp>
      <p:sp>
        <p:nvSpPr>
          <p:cNvPr id="55" name="Oval 54">
            <a:extLst>
              <a:ext uri="{FF2B5EF4-FFF2-40B4-BE49-F238E27FC236}">
                <a16:creationId xmlns:a16="http://schemas.microsoft.com/office/drawing/2014/main" id="{E36D5541-C033-B23D-DA53-C258B17AD33F}"/>
              </a:ext>
              <a:ext uri="{C183D7F6-B498-43B3-948B-1728B52AA6E4}">
                <adec:decorative xmlns:adec="http://schemas.microsoft.com/office/drawing/2017/decorative" val="1"/>
              </a:ext>
            </a:extLst>
          </p:cNvPr>
          <p:cNvSpPr/>
          <p:nvPr/>
        </p:nvSpPr>
        <p:spPr>
          <a:xfrm>
            <a:off x="8883416"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nvGrpSpPr>
          <p:cNvPr id="101" name="Group 100">
            <a:extLst>
              <a:ext uri="{FF2B5EF4-FFF2-40B4-BE49-F238E27FC236}">
                <a16:creationId xmlns:a16="http://schemas.microsoft.com/office/drawing/2014/main" id="{0D1E0B80-499C-8C25-3249-FDB42DF96333}"/>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02" name="Rectangle 101">
              <a:extLst>
                <a:ext uri="{FF2B5EF4-FFF2-40B4-BE49-F238E27FC236}">
                  <a16:creationId xmlns:a16="http://schemas.microsoft.com/office/drawing/2014/main" id="{FCFC1F4B-3024-5B54-326B-3C6ACF024079}"/>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3" name="Rectangle 102">
              <a:extLst>
                <a:ext uri="{FF2B5EF4-FFF2-40B4-BE49-F238E27FC236}">
                  <a16:creationId xmlns:a16="http://schemas.microsoft.com/office/drawing/2014/main" id="{AB9FF495-D855-3431-6C68-CC460FE9A656}"/>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err="1">
                  <a:ln>
                    <a:noFill/>
                  </a:ln>
                  <a:solidFill>
                    <a:srgbClr val="FFFFFF"/>
                  </a:solidFill>
                  <a:effectLst/>
                  <a:uLnTx/>
                  <a:uFillTx/>
                  <a:latin typeface="Arial" panose="020B0604020202020204"/>
                  <a:ea typeface="+mn-ea"/>
                  <a:cs typeface="+mn-cs"/>
                </a:rPr>
                <a:t>Casekatalog</a:t>
              </a:r>
              <a:endParaRPr kumimoji="0" lang="da-DK" sz="900" b="1" i="0" u="none" strike="noStrike" kern="1200" cap="none" spc="0" normalizeH="0" baseline="0" noProof="0">
                <a:ln>
                  <a:noFill/>
                </a:ln>
                <a:solidFill>
                  <a:srgbClr val="FFFFFF"/>
                </a:solidFill>
                <a:effectLst/>
                <a:uLnTx/>
                <a:uFillTx/>
                <a:latin typeface="Arial" panose="020B0604020202020204"/>
                <a:ea typeface="+mn-ea"/>
                <a:cs typeface="+mn-cs"/>
              </a:endParaRPr>
            </a:p>
          </p:txBody>
        </p:sp>
      </p:grpSp>
      <p:pic>
        <p:nvPicPr>
          <p:cNvPr id="15" name="Picture 14">
            <a:extLst>
              <a:ext uri="{FF2B5EF4-FFF2-40B4-BE49-F238E27FC236}">
                <a16:creationId xmlns:a16="http://schemas.microsoft.com/office/drawing/2014/main" id="{28CBB75A-BBA5-DE14-580A-F3F16014F5A4}"/>
              </a:ext>
              <a:ext uri="{C183D7F6-B498-43B3-948B-1728B52AA6E4}">
                <adec:decorative xmlns:adec="http://schemas.microsoft.com/office/drawing/2017/decorative" val="1"/>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9606045" y="77119"/>
            <a:ext cx="2431464" cy="1087490"/>
          </a:xfrm>
          <a:prstGeom prst="rect">
            <a:avLst/>
          </a:prstGeom>
        </p:spPr>
      </p:pic>
      <p:sp>
        <p:nvSpPr>
          <p:cNvPr id="18" name="Rectangle 17">
            <a:extLst>
              <a:ext uri="{FF2B5EF4-FFF2-40B4-BE49-F238E27FC236}">
                <a16:creationId xmlns:a16="http://schemas.microsoft.com/office/drawing/2014/main" id="{5519B07B-FBB5-7C6F-2C4B-85E8F5A0E22B}"/>
              </a:ext>
              <a:ext uri="{C183D7F6-B498-43B3-948B-1728B52AA6E4}">
                <adec:decorative xmlns:adec="http://schemas.microsoft.com/office/drawing/2017/decorative" val="1"/>
              </a:ext>
            </a:extLst>
          </p:cNvPr>
          <p:cNvSpPr>
            <a:spLocks/>
          </p:cNvSpPr>
          <p:nvPr/>
        </p:nvSpPr>
        <p:spPr>
          <a:xfrm>
            <a:off x="1040828" y="4724769"/>
            <a:ext cx="2047448" cy="23182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9" name="Rectangle 18">
            <a:extLst>
              <a:ext uri="{FF2B5EF4-FFF2-40B4-BE49-F238E27FC236}">
                <a16:creationId xmlns:a16="http://schemas.microsoft.com/office/drawing/2014/main" id="{8A465D98-D869-927D-2CEB-46F4F598D3A4}"/>
              </a:ext>
              <a:ext uri="{C183D7F6-B498-43B3-948B-1728B52AA6E4}">
                <adec:decorative xmlns:adec="http://schemas.microsoft.com/office/drawing/2017/decorative" val="1"/>
              </a:ext>
            </a:extLst>
          </p:cNvPr>
          <p:cNvSpPr>
            <a:spLocks/>
          </p:cNvSpPr>
          <p:nvPr/>
        </p:nvSpPr>
        <p:spPr>
          <a:xfrm>
            <a:off x="1067335" y="4280469"/>
            <a:ext cx="2047448" cy="22448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0" name="Rectangle 19">
            <a:extLst>
              <a:ext uri="{FF2B5EF4-FFF2-40B4-BE49-F238E27FC236}">
                <a16:creationId xmlns:a16="http://schemas.microsoft.com/office/drawing/2014/main" id="{9FBA8797-4644-A603-E3A5-8B17B4B6FBA3}"/>
              </a:ext>
              <a:ext uri="{C183D7F6-B498-43B3-948B-1728B52AA6E4}">
                <adec:decorative xmlns:adec="http://schemas.microsoft.com/office/drawing/2017/decorative" val="1"/>
              </a:ext>
            </a:extLst>
          </p:cNvPr>
          <p:cNvSpPr>
            <a:spLocks/>
          </p:cNvSpPr>
          <p:nvPr/>
        </p:nvSpPr>
        <p:spPr>
          <a:xfrm>
            <a:off x="1067335" y="4942098"/>
            <a:ext cx="2047448" cy="23182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1" name="Rectangle 20">
            <a:extLst>
              <a:ext uri="{FF2B5EF4-FFF2-40B4-BE49-F238E27FC236}">
                <a16:creationId xmlns:a16="http://schemas.microsoft.com/office/drawing/2014/main" id="{A4418F2C-C1DE-7DB4-D24B-78E131AA2C1D}"/>
              </a:ext>
              <a:ext uri="{C183D7F6-B498-43B3-948B-1728B52AA6E4}">
                <adec:decorative xmlns:adec="http://schemas.microsoft.com/office/drawing/2017/decorative" val="1"/>
              </a:ext>
            </a:extLst>
          </p:cNvPr>
          <p:cNvSpPr>
            <a:spLocks/>
          </p:cNvSpPr>
          <p:nvPr/>
        </p:nvSpPr>
        <p:spPr>
          <a:xfrm>
            <a:off x="1060711" y="6112268"/>
            <a:ext cx="2047448" cy="23182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4" name="Rectangle 23">
            <a:extLst>
              <a:ext uri="{FF2B5EF4-FFF2-40B4-BE49-F238E27FC236}">
                <a16:creationId xmlns:a16="http://schemas.microsoft.com/office/drawing/2014/main" id="{A67DBA69-5C11-6F02-8191-7DD13FCF182C}"/>
              </a:ext>
              <a:ext uri="{C183D7F6-B498-43B3-948B-1728B52AA6E4}">
                <adec:decorative xmlns:adec="http://schemas.microsoft.com/office/drawing/2017/decorative" val="1"/>
              </a:ext>
            </a:extLst>
          </p:cNvPr>
          <p:cNvSpPr>
            <a:spLocks/>
          </p:cNvSpPr>
          <p:nvPr/>
        </p:nvSpPr>
        <p:spPr>
          <a:xfrm>
            <a:off x="1059187" y="5650805"/>
            <a:ext cx="2047448" cy="48458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6" name="Rectangle 25">
            <a:extLst>
              <a:ext uri="{FF2B5EF4-FFF2-40B4-BE49-F238E27FC236}">
                <a16:creationId xmlns:a16="http://schemas.microsoft.com/office/drawing/2014/main" id="{CDB4C475-05FE-3B5C-E531-C0192BA8D5E3}"/>
              </a:ext>
              <a:ext uri="{C183D7F6-B498-43B3-948B-1728B52AA6E4}">
                <adec:decorative xmlns:adec="http://schemas.microsoft.com/office/drawing/2017/decorative" val="1"/>
              </a:ext>
            </a:extLst>
          </p:cNvPr>
          <p:cNvSpPr>
            <a:spLocks/>
          </p:cNvSpPr>
          <p:nvPr/>
        </p:nvSpPr>
        <p:spPr>
          <a:xfrm>
            <a:off x="1059187" y="5430078"/>
            <a:ext cx="2047448" cy="23182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grpSp>
        <p:nvGrpSpPr>
          <p:cNvPr id="8" name="Group 7" descr="Casen addresserer virkemidlerne  arkitektur og åbne standarder samt indkøb, krav og leverandørsamarbejde.">
            <a:extLst>
              <a:ext uri="{FF2B5EF4-FFF2-40B4-BE49-F238E27FC236}">
                <a16:creationId xmlns:a16="http://schemas.microsoft.com/office/drawing/2014/main" id="{06B05413-9F5D-CC80-2F2F-52A855406899}"/>
              </a:ext>
            </a:extLst>
          </p:cNvPr>
          <p:cNvGrpSpPr/>
          <p:nvPr/>
        </p:nvGrpSpPr>
        <p:grpSpPr>
          <a:xfrm>
            <a:off x="9603525" y="1810298"/>
            <a:ext cx="2399666" cy="2088724"/>
            <a:chOff x="6170312" y="1801370"/>
            <a:chExt cx="2399666" cy="2088724"/>
          </a:xfrm>
        </p:grpSpPr>
        <p:sp>
          <p:nvSpPr>
            <p:cNvPr id="10" name="Content Placeholder 5">
              <a:extLst>
                <a:ext uri="{FF2B5EF4-FFF2-40B4-BE49-F238E27FC236}">
                  <a16:creationId xmlns:a16="http://schemas.microsoft.com/office/drawing/2014/main" id="{41DEE724-A88A-1FB6-24E6-32C4531AAB77}"/>
                </a:ext>
              </a:extLst>
            </p:cNvPr>
            <p:cNvSpPr txBox="1">
              <a:spLocks/>
            </p:cNvSpPr>
            <p:nvPr/>
          </p:nvSpPr>
          <p:spPr>
            <a:xfrm>
              <a:off x="6292650" y="1860060"/>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Virkemidler</a:t>
              </a:r>
            </a:p>
          </p:txBody>
        </p:sp>
        <p:sp>
          <p:nvSpPr>
            <p:cNvPr id="12" name="Rectangle: Rounded Corners 11">
              <a:extLst>
                <a:ext uri="{FF2B5EF4-FFF2-40B4-BE49-F238E27FC236}">
                  <a16:creationId xmlns:a16="http://schemas.microsoft.com/office/drawing/2014/main" id="{8A63724B-96A1-ED91-D937-F8286582696E}"/>
                </a:ext>
              </a:extLst>
            </p:cNvPr>
            <p:cNvSpPr/>
            <p:nvPr/>
          </p:nvSpPr>
          <p:spPr>
            <a:xfrm>
              <a:off x="6170312" y="1801370"/>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solidFill>
                  <a:srgbClr val="A2B3C9"/>
                </a:solidFill>
              </a:endParaRPr>
            </a:p>
          </p:txBody>
        </p:sp>
        <p:cxnSp>
          <p:nvCxnSpPr>
            <p:cNvPr id="34" name="Straight Connector 33">
              <a:extLst>
                <a:ext uri="{FF2B5EF4-FFF2-40B4-BE49-F238E27FC236}">
                  <a16:creationId xmlns:a16="http://schemas.microsoft.com/office/drawing/2014/main" id="{A8DC51F5-8419-35C4-B139-3AB02E49F3C3}"/>
                </a:ext>
              </a:extLst>
            </p:cNvPr>
            <p:cNvCxnSpPr>
              <a:cxnSpLocks/>
            </p:cNvCxnSpPr>
            <p:nvPr/>
          </p:nvCxnSpPr>
          <p:spPr>
            <a:xfrm>
              <a:off x="6281165" y="2112275"/>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5" name="Rektangel: afrundede hjørner 10">
              <a:extLst>
                <a:ext uri="{FF2B5EF4-FFF2-40B4-BE49-F238E27FC236}">
                  <a16:creationId xmlns:a16="http://schemas.microsoft.com/office/drawing/2014/main" id="{5DC77B1D-668D-206B-718C-37D016145931}"/>
                </a:ext>
              </a:extLst>
            </p:cNvPr>
            <p:cNvSpPr>
              <a:spLocks/>
            </p:cNvSpPr>
            <p:nvPr/>
          </p:nvSpPr>
          <p:spPr>
            <a:xfrm>
              <a:off x="6281355" y="2161059"/>
              <a:ext cx="2190658" cy="252000"/>
            </a:xfrm>
            <a:prstGeom prst="roundRect">
              <a:avLst>
                <a:gd name="adj" fmla="val 5714"/>
              </a:avLst>
            </a:prstGeom>
            <a:solidFill>
              <a:srgbClr val="B7E5E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36" name="TextBox 4">
              <a:extLst>
                <a:ext uri="{FF2B5EF4-FFF2-40B4-BE49-F238E27FC236}">
                  <a16:creationId xmlns:a16="http://schemas.microsoft.com/office/drawing/2014/main" id="{0794A233-0654-446E-ABBD-7F11033A8F93}"/>
                </a:ext>
              </a:extLst>
            </p:cNvPr>
            <p:cNvSpPr txBox="1">
              <a:spLocks/>
            </p:cNvSpPr>
            <p:nvPr/>
          </p:nvSpPr>
          <p:spPr>
            <a:xfrm>
              <a:off x="6579387" y="2172005"/>
              <a:ext cx="1955475" cy="230108"/>
            </a:xfrm>
            <a:prstGeom prst="rect">
              <a:avLst/>
            </a:prstGeom>
            <a:noFill/>
          </p:spPr>
          <p:txBody>
            <a:bodyPr wrap="square" lIns="0" rtlCol="0" anchor="ctr">
              <a:noAutofit/>
            </a:bodyPr>
            <a:lstStyle/>
            <a:p>
              <a:r>
                <a:rPr lang="da-DK" sz="700" noProof="0" dirty="0">
                  <a:solidFill>
                    <a:srgbClr val="024D78"/>
                  </a:solidFill>
                </a:rPr>
                <a:t>01 | Strategi og organisation</a:t>
              </a:r>
            </a:p>
          </p:txBody>
        </p:sp>
        <p:sp>
          <p:nvSpPr>
            <p:cNvPr id="37" name="Rektangel: afrundede hjørner 5">
              <a:extLst>
                <a:ext uri="{FF2B5EF4-FFF2-40B4-BE49-F238E27FC236}">
                  <a16:creationId xmlns:a16="http://schemas.microsoft.com/office/drawing/2014/main" id="{CDDC08EB-593A-AD94-CBA6-F2DC34B5708E}"/>
                </a:ext>
              </a:extLst>
            </p:cNvPr>
            <p:cNvSpPr>
              <a:spLocks/>
            </p:cNvSpPr>
            <p:nvPr/>
          </p:nvSpPr>
          <p:spPr>
            <a:xfrm>
              <a:off x="6280700" y="3209658"/>
              <a:ext cx="2190658" cy="252000"/>
            </a:xfrm>
            <a:prstGeom prst="roundRect">
              <a:avLst>
                <a:gd name="adj" fmla="val 5714"/>
              </a:avLst>
            </a:prstGeom>
            <a:solidFill>
              <a:srgbClr val="B7E5EE">
                <a:alpha val="2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0" name="Rektangel: afrundede hjørner 9">
              <a:extLst>
                <a:ext uri="{FF2B5EF4-FFF2-40B4-BE49-F238E27FC236}">
                  <a16:creationId xmlns:a16="http://schemas.microsoft.com/office/drawing/2014/main" id="{DDBDF2CC-1E2B-24B5-8874-88F97C885E96}"/>
                </a:ext>
              </a:extLst>
            </p:cNvPr>
            <p:cNvSpPr>
              <a:spLocks/>
            </p:cNvSpPr>
            <p:nvPr/>
          </p:nvSpPr>
          <p:spPr>
            <a:xfrm>
              <a:off x="6281618" y="2861617"/>
              <a:ext cx="2190193" cy="252000"/>
            </a:xfrm>
            <a:prstGeom prst="roundRect">
              <a:avLst>
                <a:gd name="adj" fmla="val 5714"/>
              </a:avLst>
            </a:prstGeom>
            <a:solidFill>
              <a:srgbClr val="B7E5EE">
                <a:alpha val="50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6" name="Rektangel: afrundede hjørner 39">
              <a:extLst>
                <a:ext uri="{FF2B5EF4-FFF2-40B4-BE49-F238E27FC236}">
                  <a16:creationId xmlns:a16="http://schemas.microsoft.com/office/drawing/2014/main" id="{28D76C29-1C6C-F779-8B7D-955267FE1F7F}"/>
                </a:ext>
              </a:extLst>
            </p:cNvPr>
            <p:cNvSpPr>
              <a:spLocks/>
            </p:cNvSpPr>
            <p:nvPr/>
          </p:nvSpPr>
          <p:spPr>
            <a:xfrm>
              <a:off x="6280700" y="2490331"/>
              <a:ext cx="2190193" cy="252000"/>
            </a:xfrm>
            <a:prstGeom prst="roundRect">
              <a:avLst>
                <a:gd name="adj" fmla="val 5714"/>
              </a:avLst>
            </a:prstGeom>
            <a:solidFill>
              <a:srgbClr val="B7E5EE">
                <a:alpha val="7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60" name="Rektangel: afrundede hjørner 39">
              <a:extLst>
                <a:ext uri="{FF2B5EF4-FFF2-40B4-BE49-F238E27FC236}">
                  <a16:creationId xmlns:a16="http://schemas.microsoft.com/office/drawing/2014/main" id="{0873C156-B681-D753-B514-31B5285BDED4}"/>
                </a:ext>
              </a:extLst>
            </p:cNvPr>
            <p:cNvSpPr>
              <a:spLocks/>
            </p:cNvSpPr>
            <p:nvPr/>
          </p:nvSpPr>
          <p:spPr>
            <a:xfrm>
              <a:off x="6281165" y="3562176"/>
              <a:ext cx="2190193" cy="252000"/>
            </a:xfrm>
            <a:prstGeom prst="roundRect">
              <a:avLst>
                <a:gd name="adj" fmla="val 5714"/>
              </a:avLst>
            </a:prstGeom>
            <a:solidFill>
              <a:srgbClr val="B7E5EE">
                <a:alpha val="1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68" name="TextBox 4">
              <a:extLst>
                <a:ext uri="{FF2B5EF4-FFF2-40B4-BE49-F238E27FC236}">
                  <a16:creationId xmlns:a16="http://schemas.microsoft.com/office/drawing/2014/main" id="{4E09DB8D-E79F-7EF1-61D3-0514A60CD78C}"/>
                </a:ext>
              </a:extLst>
            </p:cNvPr>
            <p:cNvSpPr txBox="1">
              <a:spLocks/>
            </p:cNvSpPr>
            <p:nvPr/>
          </p:nvSpPr>
          <p:spPr>
            <a:xfrm>
              <a:off x="6578922" y="3220604"/>
              <a:ext cx="1955475" cy="230108"/>
            </a:xfrm>
            <a:prstGeom prst="rect">
              <a:avLst/>
            </a:prstGeom>
            <a:noFill/>
          </p:spPr>
          <p:txBody>
            <a:bodyPr wrap="square" lIns="0" rtlCol="0" anchor="ctr">
              <a:noAutofit/>
            </a:bodyPr>
            <a:lstStyle/>
            <a:p>
              <a:r>
                <a:rPr lang="da-DK" sz="700" b="1" noProof="0" dirty="0">
                  <a:solidFill>
                    <a:srgbClr val="024D78"/>
                  </a:solidFill>
                </a:rPr>
                <a:t>04 | Indkøb, krav og leverandørsamarbejde</a:t>
              </a:r>
            </a:p>
          </p:txBody>
        </p:sp>
        <p:sp>
          <p:nvSpPr>
            <p:cNvPr id="104" name="TextBox 4">
              <a:extLst>
                <a:ext uri="{FF2B5EF4-FFF2-40B4-BE49-F238E27FC236}">
                  <a16:creationId xmlns:a16="http://schemas.microsoft.com/office/drawing/2014/main" id="{9A49159B-5D00-77BD-577F-40D288CBBCDD}"/>
                </a:ext>
              </a:extLst>
            </p:cNvPr>
            <p:cNvSpPr txBox="1">
              <a:spLocks/>
            </p:cNvSpPr>
            <p:nvPr/>
          </p:nvSpPr>
          <p:spPr>
            <a:xfrm>
              <a:off x="6579387" y="2872563"/>
              <a:ext cx="1955475" cy="230108"/>
            </a:xfrm>
            <a:prstGeom prst="rect">
              <a:avLst/>
            </a:prstGeom>
            <a:noFill/>
          </p:spPr>
          <p:txBody>
            <a:bodyPr wrap="square" lIns="0" rtlCol="0" anchor="ctr">
              <a:noAutofit/>
            </a:bodyPr>
            <a:lstStyle/>
            <a:p>
              <a:r>
                <a:rPr lang="da-DK" sz="700" b="1" noProof="0" dirty="0">
                  <a:solidFill>
                    <a:srgbClr val="024D78"/>
                  </a:solidFill>
                </a:rPr>
                <a:t>03 | Arkitektur og åbne standarder</a:t>
              </a:r>
            </a:p>
          </p:txBody>
        </p:sp>
        <p:sp>
          <p:nvSpPr>
            <p:cNvPr id="105" name="TextBox 4">
              <a:extLst>
                <a:ext uri="{FF2B5EF4-FFF2-40B4-BE49-F238E27FC236}">
                  <a16:creationId xmlns:a16="http://schemas.microsoft.com/office/drawing/2014/main" id="{EDB101A4-2AC6-D782-7ED6-098A6B785D34}"/>
                </a:ext>
              </a:extLst>
            </p:cNvPr>
            <p:cNvSpPr txBox="1">
              <a:spLocks/>
            </p:cNvSpPr>
            <p:nvPr/>
          </p:nvSpPr>
          <p:spPr>
            <a:xfrm>
              <a:off x="6578469" y="2501277"/>
              <a:ext cx="1955475" cy="230108"/>
            </a:xfrm>
            <a:prstGeom prst="rect">
              <a:avLst/>
            </a:prstGeom>
            <a:noFill/>
          </p:spPr>
          <p:txBody>
            <a:bodyPr wrap="square" lIns="0" rtlCol="0" anchor="ctr">
              <a:noAutofit/>
            </a:bodyPr>
            <a:lstStyle/>
            <a:p>
              <a:r>
                <a:rPr lang="da-DK" sz="700" noProof="0" dirty="0">
                  <a:solidFill>
                    <a:srgbClr val="024D78"/>
                  </a:solidFill>
                </a:rPr>
                <a:t>02 | Risikobaseret styring af afhængigheder</a:t>
              </a:r>
            </a:p>
          </p:txBody>
        </p:sp>
        <p:sp>
          <p:nvSpPr>
            <p:cNvPr id="106" name="TextBox 4">
              <a:extLst>
                <a:ext uri="{FF2B5EF4-FFF2-40B4-BE49-F238E27FC236}">
                  <a16:creationId xmlns:a16="http://schemas.microsoft.com/office/drawing/2014/main" id="{606733AA-DA5A-8144-2583-9F7B81EE2D8E}"/>
                </a:ext>
              </a:extLst>
            </p:cNvPr>
            <p:cNvSpPr txBox="1">
              <a:spLocks/>
            </p:cNvSpPr>
            <p:nvPr/>
          </p:nvSpPr>
          <p:spPr>
            <a:xfrm>
              <a:off x="6579387" y="3573122"/>
              <a:ext cx="1955475" cy="230108"/>
            </a:xfrm>
            <a:prstGeom prst="rect">
              <a:avLst/>
            </a:prstGeom>
            <a:noFill/>
          </p:spPr>
          <p:txBody>
            <a:bodyPr wrap="square" lIns="0" rtlCol="0" anchor="ctr">
              <a:noAutofit/>
            </a:bodyPr>
            <a:lstStyle/>
            <a:p>
              <a:r>
                <a:rPr lang="da-DK" sz="700" noProof="0" dirty="0">
                  <a:solidFill>
                    <a:srgbClr val="024D78"/>
                  </a:solidFill>
                </a:rPr>
                <a:t>05 | Alternative løsninger</a:t>
              </a:r>
            </a:p>
          </p:txBody>
        </p:sp>
        <p:sp>
          <p:nvSpPr>
            <p:cNvPr id="107" name="Freeform 7">
              <a:extLst>
                <a:ext uri="{FF2B5EF4-FFF2-40B4-BE49-F238E27FC236}">
                  <a16:creationId xmlns:a16="http://schemas.microsoft.com/office/drawing/2014/main" id="{F5DC3AED-7CF7-C1BA-22BB-597947895F0C}"/>
                </a:ext>
              </a:extLst>
            </p:cNvPr>
            <p:cNvSpPr>
              <a:spLocks noEditPoints="1"/>
            </p:cNvSpPr>
            <p:nvPr/>
          </p:nvSpPr>
          <p:spPr bwMode="auto">
            <a:xfrm>
              <a:off x="6353426" y="3250371"/>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108" name="Group 107">
              <a:extLst>
                <a:ext uri="{FF2B5EF4-FFF2-40B4-BE49-F238E27FC236}">
                  <a16:creationId xmlns:a16="http://schemas.microsoft.com/office/drawing/2014/main" id="{92B7009E-BD1F-85B8-23D8-D3CDA7DEA2E8}"/>
                </a:ext>
              </a:extLst>
            </p:cNvPr>
            <p:cNvGrpSpPr/>
            <p:nvPr/>
          </p:nvGrpSpPr>
          <p:grpSpPr>
            <a:xfrm>
              <a:off x="6345364" y="2912838"/>
              <a:ext cx="193946" cy="152578"/>
              <a:chOff x="8675444" y="2927353"/>
              <a:chExt cx="573087" cy="450850"/>
            </a:xfrm>
            <a:solidFill>
              <a:srgbClr val="024D78"/>
            </a:solidFill>
          </p:grpSpPr>
          <p:sp>
            <p:nvSpPr>
              <p:cNvPr id="116" name="Freeform 257">
                <a:extLst>
                  <a:ext uri="{FF2B5EF4-FFF2-40B4-BE49-F238E27FC236}">
                    <a16:creationId xmlns:a16="http://schemas.microsoft.com/office/drawing/2014/main" id="{39E95E56-A760-2878-617B-0EA68C838DBD}"/>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17" name="Freeform 258">
                <a:extLst>
                  <a:ext uri="{FF2B5EF4-FFF2-40B4-BE49-F238E27FC236}">
                    <a16:creationId xmlns:a16="http://schemas.microsoft.com/office/drawing/2014/main" id="{B26F389A-81F7-BC6A-D0DB-BCA5ACEB6389}"/>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18" name="Freeform 259">
                <a:extLst>
                  <a:ext uri="{FF2B5EF4-FFF2-40B4-BE49-F238E27FC236}">
                    <a16:creationId xmlns:a16="http://schemas.microsoft.com/office/drawing/2014/main" id="{0FD4CF08-6129-4133-DC29-B51636201116}"/>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109" name="Group 108">
              <a:extLst>
                <a:ext uri="{FF2B5EF4-FFF2-40B4-BE49-F238E27FC236}">
                  <a16:creationId xmlns:a16="http://schemas.microsoft.com/office/drawing/2014/main" id="{5A190813-6149-7716-4BAD-6B407A207F25}"/>
                </a:ext>
              </a:extLst>
            </p:cNvPr>
            <p:cNvGrpSpPr/>
            <p:nvPr/>
          </p:nvGrpSpPr>
          <p:grpSpPr>
            <a:xfrm>
              <a:off x="6352025" y="2519193"/>
              <a:ext cx="178788" cy="179199"/>
              <a:chOff x="8695953" y="3768979"/>
              <a:chExt cx="531804" cy="533027"/>
            </a:xfrm>
            <a:solidFill>
              <a:srgbClr val="024D78"/>
            </a:solidFill>
          </p:grpSpPr>
          <p:sp>
            <p:nvSpPr>
              <p:cNvPr id="112" name="Freeform 291">
                <a:extLst>
                  <a:ext uri="{FF2B5EF4-FFF2-40B4-BE49-F238E27FC236}">
                    <a16:creationId xmlns:a16="http://schemas.microsoft.com/office/drawing/2014/main" id="{BE291125-7B07-8EC4-B562-3DC71A28B237}"/>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13" name="Freeform 292">
                <a:extLst>
                  <a:ext uri="{FF2B5EF4-FFF2-40B4-BE49-F238E27FC236}">
                    <a16:creationId xmlns:a16="http://schemas.microsoft.com/office/drawing/2014/main" id="{AA5D1B0A-9965-29A3-96D9-3718D0B9A97A}"/>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14" name="Freeform 293">
                <a:extLst>
                  <a:ext uri="{FF2B5EF4-FFF2-40B4-BE49-F238E27FC236}">
                    <a16:creationId xmlns:a16="http://schemas.microsoft.com/office/drawing/2014/main" id="{B7DC7E0C-2977-387D-8A9D-15DD09355100}"/>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110" name="Freeform 25">
              <a:extLst>
                <a:ext uri="{FF2B5EF4-FFF2-40B4-BE49-F238E27FC236}">
                  <a16:creationId xmlns:a16="http://schemas.microsoft.com/office/drawing/2014/main" id="{E0CF6BC3-7F77-93EC-5800-E6CFA623A8B7}"/>
                </a:ext>
              </a:extLst>
            </p:cNvPr>
            <p:cNvSpPr>
              <a:spLocks noEditPoints="1"/>
            </p:cNvSpPr>
            <p:nvPr/>
          </p:nvSpPr>
          <p:spPr bwMode="auto">
            <a:xfrm>
              <a:off x="6336953" y="3594116"/>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111" name="Freeform 17">
              <a:extLst>
                <a:ext uri="{FF2B5EF4-FFF2-40B4-BE49-F238E27FC236}">
                  <a16:creationId xmlns:a16="http://schemas.microsoft.com/office/drawing/2014/main" id="{AE407BAE-BBD6-5BE5-06D4-523A04294443}"/>
                </a:ext>
              </a:extLst>
            </p:cNvPr>
            <p:cNvSpPr>
              <a:spLocks noEditPoints="1"/>
            </p:cNvSpPr>
            <p:nvPr/>
          </p:nvSpPr>
          <p:spPr bwMode="auto">
            <a:xfrm>
              <a:off x="6352866" y="2197783"/>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grpSp>
      <p:sp>
        <p:nvSpPr>
          <p:cNvPr id="29" name="Content Placeholder 5">
            <a:extLst>
              <a:ext uri="{FF2B5EF4-FFF2-40B4-BE49-F238E27FC236}">
                <a16:creationId xmlns:a16="http://schemas.microsoft.com/office/drawing/2014/main" id="{C40B7A48-19F7-DB99-C971-0F8DE9249F55}"/>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a:ln>
                  <a:noFill/>
                </a:ln>
                <a:solidFill>
                  <a:srgbClr val="36465A"/>
                </a:solidFill>
                <a:effectLst/>
                <a:uLnTx/>
                <a:uFillTx/>
                <a:latin typeface="Arial" panose="020B0604020202020204"/>
                <a:ea typeface="+mn-ea"/>
                <a:cs typeface="+mn-cs"/>
              </a:rPr>
              <a:t>Nøgleerfaringer og </a:t>
            </a:r>
            <a:r>
              <a:rPr kumimoji="0" lang="da-DK" sz="1100" b="1" i="0" u="none" strike="noStrike" kern="1200" cap="none" spc="0" normalizeH="0" baseline="0" noProof="0" dirty="0" err="1">
                <a:ln>
                  <a:noFill/>
                </a:ln>
                <a:solidFill>
                  <a:srgbClr val="36465A"/>
                </a:solidFill>
                <a:effectLst/>
                <a:uLnTx/>
                <a:uFillTx/>
                <a:latin typeface="Arial" panose="020B0604020202020204"/>
                <a:ea typeface="+mn-ea"/>
                <a:cs typeface="+mn-cs"/>
              </a:rPr>
              <a:t>læringer</a:t>
            </a:r>
            <a:endParaRPr kumimoji="0" lang="da-DK" sz="1100" b="1" i="0" u="none" strike="noStrike" kern="1200" cap="none" spc="0" normalizeH="0" baseline="0" noProof="0">
              <a:ln>
                <a:noFill/>
              </a:ln>
              <a:solidFill>
                <a:srgbClr val="36465A"/>
              </a:solidFill>
              <a:effectLst/>
              <a:uLnTx/>
              <a:uFillTx/>
              <a:latin typeface="Arial" panose="020B0604020202020204"/>
              <a:ea typeface="+mn-ea"/>
              <a:cs typeface="+mn-cs"/>
            </a:endParaRPr>
          </a:p>
        </p:txBody>
      </p:sp>
      <p:sp>
        <p:nvSpPr>
          <p:cNvPr id="32" name="Content Placeholder 5">
            <a:extLst>
              <a:ext uri="{FF2B5EF4-FFF2-40B4-BE49-F238E27FC236}">
                <a16:creationId xmlns:a16="http://schemas.microsoft.com/office/drawing/2014/main" id="{0ED859F0-30E6-291D-08BF-749A9A58A9D6}"/>
              </a:ext>
            </a:extLst>
          </p:cNvPr>
          <p:cNvSpPr txBox="1">
            <a:spLocks/>
          </p:cNvSpPr>
          <p:nvPr/>
        </p:nvSpPr>
        <p:spPr>
          <a:xfrm>
            <a:off x="9669614" y="4302108"/>
            <a:ext cx="2265245" cy="183627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lvl="0" indent="-171450">
              <a:spcAft>
                <a:spcPts val="300"/>
              </a:spcAft>
              <a:buFont typeface="Wingdings" panose="05000000000000000000" pitchFamily="2" charset="2"/>
              <a:buChar char="ü"/>
              <a:defRPr/>
            </a:pPr>
            <a:r>
              <a:rPr lang="da-DK" sz="900" noProof="0">
                <a:solidFill>
                  <a:srgbClr val="00172D"/>
                </a:solidFill>
              </a:rPr>
              <a:t>Udbud har historisk været samlet i for ”store bidder” og det har skabt nye ”monolitter”</a:t>
            </a:r>
            <a:br>
              <a:rPr lang="da-DK" sz="900" noProof="0" dirty="0">
                <a:solidFill>
                  <a:srgbClr val="00172D"/>
                </a:solidFill>
              </a:rPr>
            </a:br>
            <a:r>
              <a:rPr lang="da-DK" sz="900" b="0" noProof="0">
                <a:solidFill>
                  <a:schemeClr val="tx1"/>
                </a:solidFill>
              </a:rPr>
              <a:t>KOMBIT arbejder derfor med yderligere ”</a:t>
            </a:r>
            <a:r>
              <a:rPr lang="da-DK" sz="900" b="0" noProof="0" err="1">
                <a:solidFill>
                  <a:schemeClr val="tx1"/>
                </a:solidFill>
              </a:rPr>
              <a:t>dekomponering</a:t>
            </a:r>
            <a:r>
              <a:rPr lang="da-DK" sz="900" b="0" noProof="0">
                <a:solidFill>
                  <a:schemeClr val="tx1"/>
                </a:solidFill>
              </a:rPr>
              <a:t>” for at </a:t>
            </a:r>
            <a:r>
              <a:rPr lang="da-DK" sz="900" b="0" noProof="0" dirty="0">
                <a:solidFill>
                  <a:schemeClr val="tx1"/>
                </a:solidFill>
              </a:rPr>
              <a:t>øge</a:t>
            </a:r>
            <a:r>
              <a:rPr lang="da-DK" sz="900" b="0" noProof="0">
                <a:solidFill>
                  <a:schemeClr val="tx1"/>
                </a:solidFill>
              </a:rPr>
              <a:t> fleksibilitet og konkurrence.</a:t>
            </a:r>
          </a:p>
          <a:p>
            <a:pPr marL="171450" lvl="0" indent="-171450">
              <a:spcAft>
                <a:spcPts val="300"/>
              </a:spcAft>
              <a:buFont typeface="Wingdings" panose="05000000000000000000" pitchFamily="2" charset="2"/>
              <a:buChar char="ü"/>
              <a:defRPr/>
            </a:pPr>
            <a:r>
              <a:rPr lang="da-DK" sz="900" noProof="0">
                <a:solidFill>
                  <a:srgbClr val="00172D"/>
                </a:solidFill>
              </a:rPr>
              <a:t>Komponentbaseret arkitektur reducerer bindinger og skaber øget konkurrence</a:t>
            </a:r>
            <a:br>
              <a:rPr lang="da-DK" sz="900" noProof="0" dirty="0">
                <a:solidFill>
                  <a:srgbClr val="00172D"/>
                </a:solidFill>
              </a:rPr>
            </a:br>
            <a:r>
              <a:rPr lang="da-DK" sz="900" b="0" noProof="0">
                <a:solidFill>
                  <a:schemeClr val="tx1"/>
                </a:solidFill>
              </a:rPr>
              <a:t>Etablering af fælles rammearkitektur, hvor infrastrukturkomponenter og standarder kan genbruges på tværs af løsninger, har reduceret bindinger og gjort det nemmere at udskifte leverandører.</a:t>
            </a:r>
          </a:p>
        </p:txBody>
      </p:sp>
      <p:sp>
        <p:nvSpPr>
          <p:cNvPr id="33" name="Content Placeholder 5">
            <a:extLst>
              <a:ext uri="{FF2B5EF4-FFF2-40B4-BE49-F238E27FC236}">
                <a16:creationId xmlns:a16="http://schemas.microsoft.com/office/drawing/2014/main" id="{7B573A6D-34E7-89D2-8CCC-6D1A8FA8D2B9}"/>
              </a:ext>
            </a:extLst>
          </p:cNvPr>
          <p:cNvSpPr txBox="1">
            <a:spLocks/>
          </p:cNvSpPr>
          <p:nvPr/>
        </p:nvSpPr>
        <p:spPr>
          <a:xfrm>
            <a:off x="552449" y="6473808"/>
            <a:ext cx="11470014" cy="9724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700" b="0" i="1" noProof="0">
                <a:solidFill>
                  <a:schemeClr val="tx1"/>
                </a:solidFill>
              </a:rPr>
              <a:t>*Bemærk, at flere af </a:t>
            </a:r>
            <a:r>
              <a:rPr lang="da-DK" sz="700" b="0" i="1" noProof="0" dirty="0" err="1">
                <a:solidFill>
                  <a:schemeClr val="tx1"/>
                </a:solidFill>
              </a:rPr>
              <a:t>KOMBITs</a:t>
            </a:r>
            <a:r>
              <a:rPr lang="da-DK" sz="700" b="0" i="1" noProof="0">
                <a:solidFill>
                  <a:schemeClr val="tx1"/>
                </a:solidFill>
              </a:rPr>
              <a:t> tiltag er gennemført og således i drift, mens enkelte initiativer fortsat befinder sig i projekt- og implementeringsfasen som f</a:t>
            </a:r>
            <a:r>
              <a:rPr lang="da-DK" sz="700" b="0" i="1" noProof="0" dirty="0">
                <a:solidFill>
                  <a:schemeClr val="tx1"/>
                </a:solidFill>
              </a:rPr>
              <a:t>x</a:t>
            </a:r>
            <a:r>
              <a:rPr lang="da-DK" sz="700" b="0" i="1" noProof="0">
                <a:solidFill>
                  <a:schemeClr val="tx1"/>
                </a:solidFill>
              </a:rPr>
              <a:t> driftsplatformen og arbejdet med yderligere </a:t>
            </a:r>
            <a:r>
              <a:rPr lang="da-DK" sz="700" b="0" i="1" noProof="0" dirty="0" err="1">
                <a:solidFill>
                  <a:schemeClr val="tx1"/>
                </a:solidFill>
              </a:rPr>
              <a:t>dekomponering</a:t>
            </a:r>
            <a:r>
              <a:rPr lang="da-DK" sz="700" b="0" i="1" noProof="0">
                <a:solidFill>
                  <a:schemeClr val="tx1"/>
                </a:solidFill>
              </a:rPr>
              <a:t> af de store fagsystemer.</a:t>
            </a:r>
          </a:p>
        </p:txBody>
      </p:sp>
      <p:sp>
        <p:nvSpPr>
          <p:cNvPr id="119" name="Rectangle 118">
            <a:extLst>
              <a:ext uri="{FF2B5EF4-FFF2-40B4-BE49-F238E27FC236}">
                <a16:creationId xmlns:a16="http://schemas.microsoft.com/office/drawing/2014/main" id="{734028AF-BCB4-6EBE-88A4-7D7068C03E46}"/>
              </a:ext>
              <a:ext uri="{C183D7F6-B498-43B3-948B-1728B52AA6E4}">
                <adec:decorative xmlns:adec="http://schemas.microsoft.com/office/drawing/2017/decorative" val="1"/>
              </a:ext>
            </a:extLst>
          </p:cNvPr>
          <p:cNvSpPr>
            <a:spLocks/>
          </p:cNvSpPr>
          <p:nvPr/>
        </p:nvSpPr>
        <p:spPr>
          <a:xfrm>
            <a:off x="9710706" y="3504530"/>
            <a:ext cx="2265245" cy="339754"/>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9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0" name="Rectangle 119">
            <a:extLst>
              <a:ext uri="{FF2B5EF4-FFF2-40B4-BE49-F238E27FC236}">
                <a16:creationId xmlns:a16="http://schemas.microsoft.com/office/drawing/2014/main" id="{7C4E9E33-9C11-B0F4-8E81-20B2105155B5}"/>
              </a:ext>
              <a:ext uri="{C183D7F6-B498-43B3-948B-1728B52AA6E4}">
                <adec:decorative xmlns:adec="http://schemas.microsoft.com/office/drawing/2017/decorative" val="1"/>
              </a:ext>
            </a:extLst>
          </p:cNvPr>
          <p:cNvSpPr>
            <a:spLocks/>
          </p:cNvSpPr>
          <p:nvPr/>
        </p:nvSpPr>
        <p:spPr>
          <a:xfrm>
            <a:off x="9669614" y="2139036"/>
            <a:ext cx="2265245" cy="624104"/>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9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33710581"/>
      </p:ext>
    </p:extLst>
  </p:cSld>
  <p:clrMapOvr>
    <a:masterClrMapping/>
  </p:clrMapOvr>
  <p:transition>
    <p:fade/>
  </p:transition>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736541E-83E1-7A87-5DF6-6E390487A37A}"/>
            </a:ext>
          </a:extLst>
        </p:cNvPr>
        <p:cNvGrpSpPr/>
        <p:nvPr/>
      </p:nvGrpSpPr>
      <p:grpSpPr>
        <a:xfrm>
          <a:off x="0" y="0"/>
          <a:ext cx="0" cy="0"/>
          <a:chOff x="0" y="0"/>
          <a:chExt cx="0" cy="0"/>
        </a:xfrm>
      </p:grpSpPr>
      <p:sp>
        <p:nvSpPr>
          <p:cNvPr id="19" name="Rectangle: Rounded Corners 18">
            <a:extLst>
              <a:ext uri="{FF2B5EF4-FFF2-40B4-BE49-F238E27FC236}">
                <a16:creationId xmlns:a16="http://schemas.microsoft.com/office/drawing/2014/main" id="{EC7FE091-67CC-0133-8CD9-12027CB2B224}"/>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latin typeface="Arial" panose="020B0604020202020204"/>
              </a:rPr>
              <a:t>Case 09 | </a:t>
            </a:r>
            <a:r>
              <a:rPr lang="da-DK" sz="1600" b="1" noProof="0" dirty="0">
                <a:solidFill>
                  <a:srgbClr val="36465A"/>
                </a:solidFill>
                <a:latin typeface="Arial" panose="020B0604020202020204"/>
                <a:sym typeface="Wingdings" panose="05000000000000000000" pitchFamily="2" charset="2"/>
              </a:rPr>
              <a:t>Åben og komponentbaseret it-arkitektur i KOMBIT</a:t>
            </a:r>
          </a:p>
        </p:txBody>
      </p:sp>
      <p:pic>
        <p:nvPicPr>
          <p:cNvPr id="14" name="Picture 13">
            <a:extLst>
              <a:ext uri="{FF2B5EF4-FFF2-40B4-BE49-F238E27FC236}">
                <a16:creationId xmlns:a16="http://schemas.microsoft.com/office/drawing/2014/main" id="{B5AE1882-F1D4-69B7-4DA0-DED5FEB650CA}"/>
              </a:ext>
              <a:ext uri="{C183D7F6-B498-43B3-948B-1728B52AA6E4}">
                <adec:decorative xmlns:adec="http://schemas.microsoft.com/office/drawing/2017/decorative" val="1"/>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9606045" y="77119"/>
            <a:ext cx="2431464" cy="1087490"/>
          </a:xfrm>
          <a:prstGeom prst="rect">
            <a:avLst/>
          </a:prstGeom>
        </p:spPr>
      </p:pic>
      <p:sp>
        <p:nvSpPr>
          <p:cNvPr id="22" name="Rectangle: Rounded Corners 21">
            <a:extLst>
              <a:ext uri="{FF2B5EF4-FFF2-40B4-BE49-F238E27FC236}">
                <a16:creationId xmlns:a16="http://schemas.microsoft.com/office/drawing/2014/main" id="{51B1F9BF-3631-1222-E320-324BAAAF95C1}"/>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B3485089-E79A-F000-FB48-5DF57525BB13}"/>
              </a:ext>
            </a:extLst>
          </p:cNvPr>
          <p:cNvSpPr>
            <a:spLocks noGrp="1"/>
          </p:cNvSpPr>
          <p:nvPr>
            <p:ph type="title"/>
          </p:nvPr>
        </p:nvSpPr>
        <p:spPr/>
        <p:txBody>
          <a:bodyPr/>
          <a:lstStyle/>
          <a:p>
            <a:r>
              <a:rPr lang="da-DK" sz="2200" noProof="0" dirty="0"/>
              <a:t>Side 2/3 | </a:t>
            </a:r>
            <a:r>
              <a:rPr lang="da-DK" sz="2200" b="1" noProof="0" dirty="0"/>
              <a:t>Formål , baggrund og kontekst</a:t>
            </a:r>
            <a:endParaRPr lang="da-DK" sz="2200" i="1" noProof="0" dirty="0"/>
          </a:p>
        </p:txBody>
      </p:sp>
      <p:sp>
        <p:nvSpPr>
          <p:cNvPr id="10" name="Rectangle: Rounded Corners 9">
            <a:extLst>
              <a:ext uri="{FF2B5EF4-FFF2-40B4-BE49-F238E27FC236}">
                <a16:creationId xmlns:a16="http://schemas.microsoft.com/office/drawing/2014/main" id="{02B81CBE-4381-E893-EF7B-CA968121E173}"/>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Formål og strategi</a:t>
            </a:r>
          </a:p>
        </p:txBody>
      </p:sp>
      <p:sp>
        <p:nvSpPr>
          <p:cNvPr id="3" name="Rectangle 2">
            <a:extLst>
              <a:ext uri="{FF2B5EF4-FFF2-40B4-BE49-F238E27FC236}">
                <a16:creationId xmlns:a16="http://schemas.microsoft.com/office/drawing/2014/main" id="{5ACCA478-D1DE-18BC-B49C-A9046B9DF532}"/>
              </a:ext>
            </a:extLst>
          </p:cNvPr>
          <p:cNvSpPr/>
          <p:nvPr/>
        </p:nvSpPr>
        <p:spPr>
          <a:xfrm>
            <a:off x="560498" y="2069025"/>
            <a:ext cx="2975496" cy="424222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a:ln>
                  <a:noFill/>
                </a:ln>
                <a:solidFill>
                  <a:srgbClr val="36465A"/>
                </a:solidFill>
                <a:effectLst/>
                <a:uLnTx/>
                <a:uFillTx/>
                <a:latin typeface="Arial" panose="020B0604020202020204"/>
                <a:ea typeface="+mn-ea"/>
                <a:cs typeface="+mn-cs"/>
                <a:sym typeface="Wingdings" panose="05000000000000000000" pitchFamily="2" charset="2"/>
              </a:rPr>
              <a:t>Formål</a:t>
            </a:r>
          </a:p>
          <a:p>
            <a:pPr>
              <a:defRPr/>
            </a:pPr>
            <a:r>
              <a:rPr lang="da-DK" sz="900" noProof="0" err="1">
                <a:solidFill>
                  <a:schemeClr val="tx1"/>
                </a:solidFill>
              </a:rPr>
              <a:t>KOMBITs</a:t>
            </a:r>
            <a:r>
              <a:rPr lang="da-DK" sz="900" noProof="0">
                <a:solidFill>
                  <a:schemeClr val="tx1"/>
                </a:solidFill>
              </a:rPr>
              <a:t> formål var oprindeligt at bryde </a:t>
            </a:r>
            <a:r>
              <a:rPr lang="da-DK" sz="900" noProof="0" err="1">
                <a:solidFill>
                  <a:schemeClr val="tx1"/>
                </a:solidFill>
              </a:rPr>
              <a:t>KMD’s</a:t>
            </a:r>
            <a:r>
              <a:rPr lang="da-DK" sz="900" noProof="0">
                <a:solidFill>
                  <a:schemeClr val="tx1"/>
                </a:solidFill>
              </a:rPr>
              <a:t> monopollignende markedsposition og opnå licensbesparelser på min. 25% af de daværende licensomkostninger svarende til knap 550 mio. kr. (2017-tal). </a:t>
            </a:r>
          </a:p>
          <a:p>
            <a:pPr>
              <a:defRPr/>
            </a:pPr>
            <a:endParaRPr lang="da-DK" sz="900" noProof="0">
              <a:solidFill>
                <a:schemeClr val="tx1"/>
              </a:solidFill>
              <a:sym typeface="Wingdings" panose="05000000000000000000" pitchFamily="2" charset="2"/>
            </a:endParaRPr>
          </a:p>
          <a:p>
            <a:pPr>
              <a:defRPr/>
            </a:pPr>
            <a:r>
              <a:rPr lang="da-DK" sz="900" noProof="0" err="1">
                <a:solidFill>
                  <a:schemeClr val="tx1"/>
                </a:solidFill>
                <a:sym typeface="Wingdings" panose="05000000000000000000" pitchFamily="2" charset="2"/>
              </a:rPr>
              <a:t>KOMBITs</a:t>
            </a:r>
            <a:r>
              <a:rPr lang="da-DK" sz="900" noProof="0">
                <a:solidFill>
                  <a:schemeClr val="tx1"/>
                </a:solidFill>
                <a:sym typeface="Wingdings" panose="05000000000000000000" pitchFamily="2" charset="2"/>
              </a:rPr>
              <a:t> formål og strategiske retning har siden hen ændret sig til også at omfatte organisatorisk implementering samt effektiv og sikker anvendelse af digitale løsninger. </a:t>
            </a:r>
          </a:p>
          <a:p>
            <a:pPr>
              <a:defRPr/>
            </a:pPr>
            <a:endParaRPr lang="da-DK" sz="900" noProof="0">
              <a:solidFill>
                <a:schemeClr val="tx1"/>
              </a:solidFill>
              <a:sym typeface="Wingdings" panose="05000000000000000000" pitchFamily="2" charset="2"/>
            </a:endParaRP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a:ln>
                  <a:noFill/>
                </a:ln>
                <a:solidFill>
                  <a:srgbClr val="36465A"/>
                </a:solidFill>
                <a:effectLst/>
                <a:uLnTx/>
                <a:uFillTx/>
                <a:latin typeface="Arial" panose="020B0604020202020204"/>
                <a:ea typeface="+mn-ea"/>
                <a:cs typeface="+mn-cs"/>
                <a:sym typeface="Wingdings" panose="05000000000000000000" pitchFamily="2" charset="2"/>
              </a:rPr>
              <a:t>Strategisk ophæng</a:t>
            </a:r>
          </a:p>
          <a:p>
            <a:pPr>
              <a:defRPr/>
            </a:pPr>
            <a:r>
              <a:rPr lang="da-DK" sz="900" noProof="0">
                <a:solidFill>
                  <a:schemeClr val="tx1"/>
                </a:solidFill>
              </a:rPr>
              <a:t>KOMBIT har en politisk bestyrelse, som fastlægger den overordnede strategi samt prioriteringer, herunder udviklingen af fælleskommunale it-løsninger. </a:t>
            </a:r>
          </a:p>
          <a:p>
            <a:pPr>
              <a:defRPr/>
            </a:pPr>
            <a:endParaRPr lang="da-DK" sz="900" noProof="0">
              <a:solidFill>
                <a:schemeClr val="tx1"/>
              </a:solidFill>
            </a:endParaRPr>
          </a:p>
          <a:p>
            <a:pPr>
              <a:defRPr/>
            </a:pPr>
            <a:r>
              <a:rPr lang="da-DK" sz="900" noProof="0" err="1">
                <a:solidFill>
                  <a:schemeClr val="tx1"/>
                </a:solidFill>
              </a:rPr>
              <a:t>KOMBITs</a:t>
            </a:r>
            <a:r>
              <a:rPr lang="da-DK" sz="900" noProof="0">
                <a:solidFill>
                  <a:schemeClr val="tx1"/>
                </a:solidFill>
              </a:rPr>
              <a:t> fokus og projekter har desuden ophæng i den politisk vedtagne strategi </a:t>
            </a:r>
            <a:r>
              <a:rPr lang="da-DK" sz="900" i="1" noProof="0">
                <a:solidFill>
                  <a:schemeClr val="tx1"/>
                </a:solidFill>
              </a:rPr>
              <a:t>Kommunal Digital bevægelse</a:t>
            </a:r>
            <a:r>
              <a:rPr lang="da-DK" sz="900" noProof="0">
                <a:solidFill>
                  <a:schemeClr val="tx1"/>
                </a:solidFill>
              </a:rPr>
              <a:t> (2023). Strategien sætter fokus på tre kerneområder:</a:t>
            </a:r>
          </a:p>
          <a:p>
            <a:pPr marL="228600" indent="-228600">
              <a:buFont typeface="+mj-lt"/>
              <a:buAutoNum type="arabicPeriod"/>
              <a:defRPr/>
            </a:pPr>
            <a:r>
              <a:rPr lang="da-DK" sz="900" noProof="0">
                <a:solidFill>
                  <a:schemeClr val="tx1"/>
                </a:solidFill>
              </a:rPr>
              <a:t>Fortsat fokus på fælles indkøb, forvaltning og videreudvikling af tidssvarende og stabile it-løsninger, som er </a:t>
            </a:r>
            <a:r>
              <a:rPr lang="da-DK" sz="900" noProof="0" err="1">
                <a:solidFill>
                  <a:schemeClr val="tx1"/>
                </a:solidFill>
              </a:rPr>
              <a:t>KOMBITs</a:t>
            </a:r>
            <a:r>
              <a:rPr lang="da-DK" sz="900" noProof="0">
                <a:solidFill>
                  <a:schemeClr val="tx1"/>
                </a:solidFill>
              </a:rPr>
              <a:t> kerneopgave </a:t>
            </a:r>
          </a:p>
          <a:p>
            <a:pPr marL="228600" indent="-228600">
              <a:buFont typeface="+mj-lt"/>
              <a:buAutoNum type="arabicPeriod"/>
              <a:defRPr/>
            </a:pPr>
            <a:r>
              <a:rPr lang="da-DK" sz="900" noProof="0">
                <a:solidFill>
                  <a:schemeClr val="tx1"/>
                </a:solidFill>
              </a:rPr>
              <a:t>Mere fokus på implementering og anvendelse af digitale løsninger og ikke bare indkøb og styring, herunder differentiering af services til større og mindre kommuner </a:t>
            </a:r>
          </a:p>
          <a:p>
            <a:pPr marL="228600" indent="-228600">
              <a:buFont typeface="+mj-lt"/>
              <a:buAutoNum type="arabicPeriod"/>
              <a:defRPr/>
            </a:pPr>
            <a:r>
              <a:rPr lang="da-DK" sz="900" noProof="0">
                <a:solidFill>
                  <a:schemeClr val="tx1"/>
                </a:solidFill>
              </a:rPr>
              <a:t>Rådgivningsydelser relateret til leverandørstyring</a:t>
            </a:r>
          </a:p>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900" b="0" i="0" u="none" strike="noStrike" kern="1200" cap="none" spc="0" normalizeH="0" baseline="0" noProof="0">
              <a:ln>
                <a:noFill/>
              </a:ln>
              <a:solidFill>
                <a:schemeClr val="tx1"/>
              </a:solidFill>
              <a:effectLst/>
              <a:uLnTx/>
              <a:uFillTx/>
              <a:latin typeface="Arial" panose="020B0604020202020204"/>
              <a:ea typeface="+mn-ea"/>
              <a:cs typeface="+mn-cs"/>
            </a:endParaRPr>
          </a:p>
        </p:txBody>
      </p:sp>
      <p:sp>
        <p:nvSpPr>
          <p:cNvPr id="11" name="Rectangle: Rounded Corners 10">
            <a:extLst>
              <a:ext uri="{FF2B5EF4-FFF2-40B4-BE49-F238E27FC236}">
                <a16:creationId xmlns:a16="http://schemas.microsoft.com/office/drawing/2014/main" id="{41A3FF20-DBA3-E587-7DFF-7FD3533363F6}"/>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a:ln>
                  <a:noFill/>
                </a:ln>
                <a:solidFill>
                  <a:srgbClr val="36465A"/>
                </a:solidFill>
                <a:effectLst/>
                <a:uLnTx/>
                <a:uFillTx/>
                <a:latin typeface="Arial" panose="020B0604020202020204"/>
                <a:ea typeface="+mn-ea"/>
                <a:cs typeface="+mn-cs"/>
              </a:rPr>
              <a:t>Baggrund og kontekst</a:t>
            </a:r>
          </a:p>
        </p:txBody>
      </p:sp>
      <p:sp>
        <p:nvSpPr>
          <p:cNvPr id="5" name="Rectangle 4">
            <a:extLst>
              <a:ext uri="{FF2B5EF4-FFF2-40B4-BE49-F238E27FC236}">
                <a16:creationId xmlns:a16="http://schemas.microsoft.com/office/drawing/2014/main" id="{36506505-79D9-1C42-FFEA-0E12D6BB4DAF}"/>
              </a:ext>
            </a:extLst>
          </p:cNvPr>
          <p:cNvSpPr/>
          <p:nvPr/>
        </p:nvSpPr>
        <p:spPr>
          <a:xfrm>
            <a:off x="3565418" y="2069025"/>
            <a:ext cx="2985319" cy="448413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a:ln>
                  <a:noFill/>
                </a:ln>
                <a:solidFill>
                  <a:srgbClr val="36465A"/>
                </a:solidFill>
                <a:effectLst/>
                <a:uLnTx/>
                <a:uFillTx/>
                <a:latin typeface="Arial" panose="020B0604020202020204"/>
                <a:ea typeface="+mn-ea"/>
                <a:cs typeface="+mn-cs"/>
              </a:rPr>
              <a:t>Baggrund</a:t>
            </a:r>
            <a:endParaRPr kumimoji="0" lang="da-DK" sz="900" b="0" i="0" u="none" strike="noStrike" kern="1200" cap="none" spc="0" normalizeH="0" baseline="0" noProof="0">
              <a:ln>
                <a:noFill/>
              </a:ln>
              <a:solidFill>
                <a:srgbClr val="36465A"/>
              </a:solidFill>
              <a:effectLst/>
              <a:uLnTx/>
              <a:uFillTx/>
              <a:latin typeface="Arial" panose="020B0604020202020204"/>
              <a:ea typeface="+mn-ea"/>
              <a:cs typeface="+mn-cs"/>
            </a:endParaRPr>
          </a:p>
          <a:p>
            <a:pPr>
              <a:spcAft>
                <a:spcPts val="300"/>
              </a:spcAft>
            </a:pPr>
            <a:r>
              <a:rPr lang="da-DK" sz="900" noProof="0">
                <a:solidFill>
                  <a:schemeClr val="tx1"/>
                </a:solidFill>
              </a:rPr>
              <a:t>KOMBIT blev etableret i 2009 og overtog aktiviteter og medarbejdere fra det daværende Kommune Holding* og fik tilført 50% af provenuet fra salget af KMD som startkapital.</a:t>
            </a:r>
          </a:p>
          <a:p>
            <a:pPr>
              <a:spcAft>
                <a:spcPts val="300"/>
              </a:spcAft>
            </a:pPr>
            <a:r>
              <a:rPr lang="da-DK" sz="900" noProof="0">
                <a:solidFill>
                  <a:schemeClr val="tx1"/>
                </a:solidFill>
              </a:rPr>
              <a:t>KOMBIT fik til opgave at indkøbe fælles løsninger på udvalgte områder (sygedagpenge, kontanthjælp</a:t>
            </a:r>
            <a:r>
              <a:rPr lang="da-DK" sz="1050" noProof="0">
                <a:solidFill>
                  <a:schemeClr val="tx1"/>
                </a:solidFill>
              </a:rPr>
              <a:t>,</a:t>
            </a:r>
            <a:r>
              <a:rPr lang="da-DK" sz="1050" noProof="0">
                <a:solidFill>
                  <a:schemeClr val="tx1"/>
                </a:solidFill>
                <a:latin typeface="Helvetica Neue"/>
              </a:rPr>
              <a:t> </a:t>
            </a:r>
            <a:r>
              <a:rPr lang="da-DK" sz="900" noProof="0">
                <a:solidFill>
                  <a:schemeClr val="tx1"/>
                </a:solidFill>
              </a:rPr>
              <a:t>sagsoverblik, datadeling mellem it-løsninger mv.).  </a:t>
            </a:r>
          </a:p>
          <a:p>
            <a:pPr>
              <a:spcAft>
                <a:spcPts val="300"/>
              </a:spcAft>
            </a:pPr>
            <a:r>
              <a:rPr lang="da-DK" sz="900" noProof="0">
                <a:solidFill>
                  <a:schemeClr val="tx1"/>
                </a:solidFill>
              </a:rPr>
              <a:t>Herudover fik KOMBIT til opgave at etablere en såkaldt rammearkitektur i samarbejde med KL med fokus på åbne standarder og krav til, hvordan it-løsninger bygges, så de hænger sammen.</a:t>
            </a:r>
            <a:br>
              <a:rPr lang="da-DK" sz="900" noProof="0" dirty="0">
                <a:solidFill>
                  <a:schemeClr val="tx1"/>
                </a:solidFill>
              </a:rPr>
            </a:br>
            <a:endParaRPr lang="da-DK" sz="900" noProof="0" dirty="0">
              <a:solidFill>
                <a:schemeClr val="tx1"/>
              </a:solidFill>
            </a:endParaRPr>
          </a:p>
          <a:p>
            <a:pPr>
              <a:spcAft>
                <a:spcPts val="300"/>
              </a:spcAft>
            </a:pPr>
            <a:r>
              <a:rPr kumimoji="0" lang="da-DK" sz="900" b="1" i="0" u="none" strike="noStrike" kern="1200" cap="none" spc="0" normalizeH="0" baseline="0" noProof="0">
                <a:ln>
                  <a:noFill/>
                </a:ln>
                <a:solidFill>
                  <a:srgbClr val="36465A"/>
                </a:solidFill>
                <a:effectLst/>
                <a:uLnTx/>
                <a:uFillTx/>
                <a:latin typeface="Arial" panose="020B0604020202020204"/>
                <a:ea typeface="+mn-ea"/>
                <a:cs typeface="+mn-cs"/>
              </a:rPr>
              <a:t>Kontekst </a:t>
            </a:r>
            <a:br>
              <a:rPr lang="da-DK" sz="900" b="1" noProof="0" dirty="0">
                <a:solidFill>
                  <a:srgbClr val="36465A"/>
                </a:solidFill>
                <a:latin typeface="Arial" panose="020B0604020202020204"/>
              </a:rPr>
            </a:br>
            <a:r>
              <a:rPr lang="da-DK" sz="900" noProof="0">
                <a:solidFill>
                  <a:schemeClr val="tx1"/>
                </a:solidFill>
              </a:rPr>
              <a:t>Især to forhold er centrale, herunder:</a:t>
            </a:r>
          </a:p>
          <a:p>
            <a:pPr marL="228600" indent="-228600">
              <a:spcAft>
                <a:spcPts val="400"/>
              </a:spcAft>
              <a:buFont typeface="+mj-lt"/>
              <a:buAutoNum type="arabicPeriod"/>
            </a:pPr>
            <a:r>
              <a:rPr lang="da-DK" sz="900" noProof="0">
                <a:solidFill>
                  <a:schemeClr val="tx1"/>
                </a:solidFill>
              </a:rPr>
              <a:t>KOMBIT har fra sin etablering haft en målsætning om en åben og komponentbaseret it-arkitektur med genbrug af komponenter og </a:t>
            </a:r>
            <a:r>
              <a:rPr lang="da-DK" sz="900" noProof="0" err="1">
                <a:solidFill>
                  <a:schemeClr val="tx1"/>
                </a:solidFill>
              </a:rPr>
              <a:t>interoperabilitet</a:t>
            </a:r>
            <a:r>
              <a:rPr lang="da-DK" sz="900" noProof="0">
                <a:solidFill>
                  <a:schemeClr val="tx1"/>
                </a:solidFill>
              </a:rPr>
              <a:t>. Dels for at gøre det nemme at skifte løsninger, dels for at gøre det nemmere for mindre leverandører at byde sig til på bestemte løsninger, uden de f</a:t>
            </a:r>
            <a:r>
              <a:rPr lang="da-DK" sz="900" noProof="0" dirty="0">
                <a:solidFill>
                  <a:schemeClr val="tx1"/>
                </a:solidFill>
              </a:rPr>
              <a:t>x </a:t>
            </a:r>
            <a:r>
              <a:rPr lang="da-DK" sz="900" noProof="0">
                <a:solidFill>
                  <a:schemeClr val="tx1"/>
                </a:solidFill>
              </a:rPr>
              <a:t>skal udvikle komplekse integrationer til kommunale fagsystemer.</a:t>
            </a:r>
          </a:p>
          <a:p>
            <a:pPr marL="228600" indent="-228600">
              <a:spcAft>
                <a:spcPts val="400"/>
              </a:spcAft>
              <a:buFont typeface="+mj-lt"/>
              <a:buAutoNum type="arabicPeriod"/>
            </a:pPr>
            <a:r>
              <a:rPr lang="da-DK" sz="900" noProof="0">
                <a:solidFill>
                  <a:schemeClr val="tx1"/>
                </a:solidFill>
              </a:rPr>
              <a:t>Den fælleskommunale infrastruktur (FKI) og videreudviklingen af </a:t>
            </a:r>
            <a:r>
              <a:rPr lang="da-DK" sz="900" noProof="0" err="1">
                <a:solidFill>
                  <a:schemeClr val="tx1"/>
                </a:solidFill>
              </a:rPr>
              <a:t>KOMBITs</a:t>
            </a:r>
            <a:r>
              <a:rPr lang="da-DK" sz="900" noProof="0">
                <a:solidFill>
                  <a:schemeClr val="tx1"/>
                </a:solidFill>
              </a:rPr>
              <a:t> digitale løsninger er således en udmøntning af rammearkitekturen, ligesom strategiske greb som f</a:t>
            </a:r>
            <a:r>
              <a:rPr lang="da-DK" sz="900" noProof="0" dirty="0">
                <a:solidFill>
                  <a:schemeClr val="tx1"/>
                </a:solidFill>
              </a:rPr>
              <a:t>x</a:t>
            </a:r>
            <a:r>
              <a:rPr lang="da-DK" sz="900" noProof="0">
                <a:solidFill>
                  <a:schemeClr val="tx1"/>
                </a:solidFill>
              </a:rPr>
              <a:t> udvidet brugsret til kode, løbende kode-</a:t>
            </a:r>
            <a:r>
              <a:rPr lang="da-DK" sz="900" noProof="0" err="1">
                <a:solidFill>
                  <a:schemeClr val="tx1"/>
                </a:solidFill>
              </a:rPr>
              <a:t>reviews</a:t>
            </a:r>
            <a:r>
              <a:rPr lang="da-DK" sz="900" noProof="0">
                <a:solidFill>
                  <a:schemeClr val="tx1"/>
                </a:solidFill>
              </a:rPr>
              <a:t> og </a:t>
            </a:r>
            <a:r>
              <a:rPr lang="da-DK" sz="900" noProof="0" err="1">
                <a:solidFill>
                  <a:schemeClr val="tx1"/>
                </a:solidFill>
              </a:rPr>
              <a:t>dekomponering</a:t>
            </a:r>
            <a:r>
              <a:rPr lang="da-DK" sz="900" noProof="0">
                <a:solidFill>
                  <a:schemeClr val="tx1"/>
                </a:solidFill>
              </a:rPr>
              <a:t> også skal ses i lyset af de fastlagte arkitekturprincipper, jf. figuren til højre. </a:t>
            </a:r>
          </a:p>
        </p:txBody>
      </p:sp>
      <p:sp>
        <p:nvSpPr>
          <p:cNvPr id="7" name="Rectangle 6">
            <a:extLst>
              <a:ext uri="{FF2B5EF4-FFF2-40B4-BE49-F238E27FC236}">
                <a16:creationId xmlns:a16="http://schemas.microsoft.com/office/drawing/2014/main" id="{C810FC2E-F157-E63C-A467-1B8E353D7502}"/>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cxnSp>
        <p:nvCxnSpPr>
          <p:cNvPr id="8" name="Straight Connector 7">
            <a:extLst>
              <a:ext uri="{FF2B5EF4-FFF2-40B4-BE49-F238E27FC236}">
                <a16:creationId xmlns:a16="http://schemas.microsoft.com/office/drawing/2014/main" id="{DC81477B-F196-43FE-CBF6-00E12B2B2444}"/>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1F8749B5-23D6-1A0A-75A9-66FA107A2809}"/>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2AD4ED34-AE1A-AD99-9EF3-79E441AB719F}"/>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Rectangle 65">
            <a:extLst>
              <a:ext uri="{FF2B5EF4-FFF2-40B4-BE49-F238E27FC236}">
                <a16:creationId xmlns:a16="http://schemas.microsoft.com/office/drawing/2014/main" id="{E14E2720-7FF4-694B-6082-23983CFA0332}"/>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Freeform 16">
            <a:extLst>
              <a:ext uri="{FF2B5EF4-FFF2-40B4-BE49-F238E27FC236}">
                <a16:creationId xmlns:a16="http://schemas.microsoft.com/office/drawing/2014/main" id="{300784B5-BC93-5B53-3FD6-375BE4980DD9}"/>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34">
            <a:extLst>
              <a:ext uri="{FF2B5EF4-FFF2-40B4-BE49-F238E27FC236}">
                <a16:creationId xmlns:a16="http://schemas.microsoft.com/office/drawing/2014/main" id="{C02458B0-4248-4A21-3CA2-32631079CB7A}"/>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nvGrpSpPr>
          <p:cNvPr id="27" name="Group 26">
            <a:extLst>
              <a:ext uri="{FF2B5EF4-FFF2-40B4-BE49-F238E27FC236}">
                <a16:creationId xmlns:a16="http://schemas.microsoft.com/office/drawing/2014/main" id="{2D289BF3-73A0-4B3A-B3FA-5AF5B2799976}"/>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28" name="Rectangle 27">
              <a:extLst>
                <a:ext uri="{FF2B5EF4-FFF2-40B4-BE49-F238E27FC236}">
                  <a16:creationId xmlns:a16="http://schemas.microsoft.com/office/drawing/2014/main" id="{AFA29AA7-D8B9-B72D-C010-06FB88DC295F}"/>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Rectangle 28">
              <a:extLst>
                <a:ext uri="{FF2B5EF4-FFF2-40B4-BE49-F238E27FC236}">
                  <a16:creationId xmlns:a16="http://schemas.microsoft.com/office/drawing/2014/main" id="{3F5197F0-818A-8F96-D44F-57D814271D33}"/>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err="1">
                  <a:ln>
                    <a:noFill/>
                  </a:ln>
                  <a:solidFill>
                    <a:srgbClr val="FFFFFF"/>
                  </a:solidFill>
                  <a:effectLst/>
                  <a:uLnTx/>
                  <a:uFillTx/>
                  <a:latin typeface="Arial" panose="020B0604020202020204"/>
                  <a:ea typeface="+mn-ea"/>
                  <a:cs typeface="+mn-cs"/>
                </a:rPr>
                <a:t>Casekatalog</a:t>
              </a:r>
              <a:endParaRPr kumimoji="0" lang="da-DK" sz="900" b="1"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62" name="TextBox 10">
            <a:extLst>
              <a:ext uri="{FF2B5EF4-FFF2-40B4-BE49-F238E27FC236}">
                <a16:creationId xmlns:a16="http://schemas.microsoft.com/office/drawing/2014/main" id="{F6EE5254-1BC1-B578-DF31-64F62BE56E4C}"/>
              </a:ext>
            </a:extLst>
          </p:cNvPr>
          <p:cNvSpPr txBox="1">
            <a:spLocks/>
          </p:cNvSpPr>
          <p:nvPr/>
        </p:nvSpPr>
        <p:spPr>
          <a:xfrm>
            <a:off x="6724073" y="1743313"/>
            <a:ext cx="5006751" cy="338554"/>
          </a:xfrm>
          <a:prstGeom prst="rect">
            <a:avLst/>
          </a:prstGeom>
          <a:noFill/>
        </p:spPr>
        <p:txBody>
          <a:bodyPr wrap="square" lIns="0" tIns="0" rIns="0" bIns="0" rtlCol="0" anchor="ctr">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dirty="0">
                <a:ln>
                  <a:noFill/>
                </a:ln>
                <a:solidFill>
                  <a:srgbClr val="024D78"/>
                </a:solidFill>
                <a:effectLst/>
                <a:uLnTx/>
                <a:uFillTx/>
                <a:latin typeface="Arial" panose="020B0604020202020204"/>
                <a:ea typeface="+mn-ea"/>
                <a:cs typeface="+mn-cs"/>
              </a:rPr>
              <a:t>Illustration af koblingen mellem den fælleskommunale rammearkitektur og den løsningsarkitektur, som udmønter strategi og arkitekturrammer </a:t>
            </a:r>
          </a:p>
        </p:txBody>
      </p:sp>
      <p:sp>
        <p:nvSpPr>
          <p:cNvPr id="37" name="TextBox 36">
            <a:extLst>
              <a:ext uri="{FF2B5EF4-FFF2-40B4-BE49-F238E27FC236}">
                <a16:creationId xmlns:a16="http://schemas.microsoft.com/office/drawing/2014/main" id="{18D666A8-B662-1872-04F6-3DC631827BD2}"/>
              </a:ext>
            </a:extLst>
          </p:cNvPr>
          <p:cNvSpPr txBox="1"/>
          <p:nvPr/>
        </p:nvSpPr>
        <p:spPr>
          <a:xfrm>
            <a:off x="7902235" y="3121719"/>
            <a:ext cx="2794000" cy="258547"/>
          </a:xfrm>
          <a:prstGeom prst="rect">
            <a:avLst/>
          </a:prstGeom>
          <a:noFill/>
        </p:spPr>
        <p:txBody>
          <a:bodyPr wrap="square" rtlCol="0">
            <a:noAutofit/>
          </a:bodyPr>
          <a:lstStyle/>
          <a:p>
            <a:pPr algn="ctr"/>
            <a:r>
              <a:rPr lang="da-DK" sz="1100" noProof="0" dirty="0">
                <a:solidFill>
                  <a:srgbClr val="36465A"/>
                </a:solidFill>
              </a:rPr>
              <a:t>Tværgående forretningsbehov</a:t>
            </a:r>
          </a:p>
        </p:txBody>
      </p:sp>
      <p:sp>
        <p:nvSpPr>
          <p:cNvPr id="18" name="Rectangle: Rounded Corners 17">
            <a:extLst>
              <a:ext uri="{FF2B5EF4-FFF2-40B4-BE49-F238E27FC236}">
                <a16:creationId xmlns:a16="http://schemas.microsoft.com/office/drawing/2014/main" id="{AAC145C8-BE9A-B0F3-843C-838954995240}"/>
              </a:ext>
            </a:extLst>
          </p:cNvPr>
          <p:cNvSpPr/>
          <p:nvPr/>
        </p:nvSpPr>
        <p:spPr>
          <a:xfrm>
            <a:off x="6795860" y="3340421"/>
            <a:ext cx="5006751" cy="930555"/>
          </a:xfrm>
          <a:prstGeom prst="roundRect">
            <a:avLst>
              <a:gd name="adj" fmla="val 992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da-DK" sz="1400" noProof="0"/>
              <a:t>Fælleskommunal rammearkitektur</a:t>
            </a:r>
          </a:p>
        </p:txBody>
      </p:sp>
      <p:grpSp>
        <p:nvGrpSpPr>
          <p:cNvPr id="39" name="Group 38">
            <a:extLst>
              <a:ext uri="{FF2B5EF4-FFF2-40B4-BE49-F238E27FC236}">
                <a16:creationId xmlns:a16="http://schemas.microsoft.com/office/drawing/2014/main" id="{312F394C-8BB8-180E-6C80-56FB0F9B14BA}"/>
              </a:ext>
              <a:ext uri="{C183D7F6-B498-43B3-948B-1728B52AA6E4}">
                <adec:decorative xmlns:adec="http://schemas.microsoft.com/office/drawing/2017/decorative" val="1"/>
              </a:ext>
            </a:extLst>
          </p:cNvPr>
          <p:cNvGrpSpPr/>
          <p:nvPr/>
        </p:nvGrpSpPr>
        <p:grpSpPr>
          <a:xfrm>
            <a:off x="8503292" y="2160155"/>
            <a:ext cx="1591888" cy="989790"/>
            <a:chOff x="8503292" y="2280761"/>
            <a:chExt cx="1591888" cy="989790"/>
          </a:xfrm>
        </p:grpSpPr>
        <p:grpSp>
          <p:nvGrpSpPr>
            <p:cNvPr id="17" name="Group 16">
              <a:extLst>
                <a:ext uri="{FF2B5EF4-FFF2-40B4-BE49-F238E27FC236}">
                  <a16:creationId xmlns:a16="http://schemas.microsoft.com/office/drawing/2014/main" id="{4F67628C-AAB6-7736-27FA-1D469D2DF36C}"/>
                </a:ext>
              </a:extLst>
            </p:cNvPr>
            <p:cNvGrpSpPr>
              <a:grpSpLocks noChangeAspect="1"/>
            </p:cNvGrpSpPr>
            <p:nvPr/>
          </p:nvGrpSpPr>
          <p:grpSpPr>
            <a:xfrm>
              <a:off x="8503292" y="2280761"/>
              <a:ext cx="1591888" cy="773129"/>
              <a:chOff x="8143866" y="2619132"/>
              <a:chExt cx="1967065" cy="955341"/>
            </a:xfrm>
          </p:grpSpPr>
          <p:sp>
            <p:nvSpPr>
              <p:cNvPr id="16" name="Rectangle: Rounded Corners 15">
                <a:extLst>
                  <a:ext uri="{FF2B5EF4-FFF2-40B4-BE49-F238E27FC236}">
                    <a16:creationId xmlns:a16="http://schemas.microsoft.com/office/drawing/2014/main" id="{45F223F9-41ED-AA9D-9EE3-65DF0F911CEF}"/>
                  </a:ext>
                </a:extLst>
              </p:cNvPr>
              <p:cNvSpPr/>
              <p:nvPr/>
            </p:nvSpPr>
            <p:spPr>
              <a:xfrm>
                <a:off x="8143866" y="2619132"/>
                <a:ext cx="1967065" cy="955341"/>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pic>
            <p:nvPicPr>
              <p:cNvPr id="21" name="Picture 20" descr="A red and black logo&#10;&#10;AI-generated content may be incorrect.">
                <a:extLst>
                  <a:ext uri="{FF2B5EF4-FFF2-40B4-BE49-F238E27FC236}">
                    <a16:creationId xmlns:a16="http://schemas.microsoft.com/office/drawing/2014/main" id="{A7B72859-40EF-524F-E331-C26BB5FA0CD2}"/>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8236883" y="2692005"/>
                <a:ext cx="1782369" cy="797178"/>
              </a:xfrm>
              <a:prstGeom prst="rect">
                <a:avLst/>
              </a:prstGeom>
            </p:spPr>
          </p:pic>
        </p:grpSp>
        <p:sp>
          <p:nvSpPr>
            <p:cNvPr id="20" name="Isosceles Triangle 19">
              <a:extLst>
                <a:ext uri="{FF2B5EF4-FFF2-40B4-BE49-F238E27FC236}">
                  <a16:creationId xmlns:a16="http://schemas.microsoft.com/office/drawing/2014/main" id="{CF118EB8-127F-AD93-1411-CB84C08DE438}"/>
                </a:ext>
              </a:extLst>
            </p:cNvPr>
            <p:cNvSpPr/>
            <p:nvPr/>
          </p:nvSpPr>
          <p:spPr>
            <a:xfrm rot="10800000">
              <a:off x="8590880" y="3056268"/>
              <a:ext cx="1395413" cy="214283"/>
            </a:xfrm>
            <a:prstGeom prst="triangl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grpSp>
      <p:sp>
        <p:nvSpPr>
          <p:cNvPr id="24" name="Rectangle: Rounded Corners 23">
            <a:extLst>
              <a:ext uri="{FF2B5EF4-FFF2-40B4-BE49-F238E27FC236}">
                <a16:creationId xmlns:a16="http://schemas.microsoft.com/office/drawing/2014/main" id="{95C84FA0-F49B-494A-BEF6-4BE3B0268081}"/>
              </a:ext>
            </a:extLst>
          </p:cNvPr>
          <p:cNvSpPr/>
          <p:nvPr/>
        </p:nvSpPr>
        <p:spPr>
          <a:xfrm>
            <a:off x="6946143" y="3703650"/>
            <a:ext cx="1471328" cy="456987"/>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a:solidFill>
                  <a:srgbClr val="36465A"/>
                </a:solidFill>
              </a:rPr>
              <a:t>Arkitektur styres på rette niveau efter fælles rammer</a:t>
            </a:r>
          </a:p>
        </p:txBody>
      </p:sp>
      <p:sp>
        <p:nvSpPr>
          <p:cNvPr id="25" name="Rectangle: Rounded Corners 24">
            <a:extLst>
              <a:ext uri="{FF2B5EF4-FFF2-40B4-BE49-F238E27FC236}">
                <a16:creationId xmlns:a16="http://schemas.microsoft.com/office/drawing/2014/main" id="{955121D7-0FE0-E807-4921-D3423A83AF3F}"/>
              </a:ext>
            </a:extLst>
          </p:cNvPr>
          <p:cNvSpPr/>
          <p:nvPr/>
        </p:nvSpPr>
        <p:spPr>
          <a:xfrm>
            <a:off x="8567753" y="3703650"/>
            <a:ext cx="1471328" cy="456987"/>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a:solidFill>
                  <a:srgbClr val="36465A"/>
                </a:solidFill>
              </a:rPr>
              <a:t>Arkitektur fremmer sammenhæng, innovation og effektivitet</a:t>
            </a:r>
          </a:p>
        </p:txBody>
      </p:sp>
      <p:sp>
        <p:nvSpPr>
          <p:cNvPr id="26" name="Rectangle: Rounded Corners 25">
            <a:extLst>
              <a:ext uri="{FF2B5EF4-FFF2-40B4-BE49-F238E27FC236}">
                <a16:creationId xmlns:a16="http://schemas.microsoft.com/office/drawing/2014/main" id="{8C8EC3A8-BA96-AAC2-0388-6940712A5FB5}"/>
              </a:ext>
            </a:extLst>
          </p:cNvPr>
          <p:cNvSpPr/>
          <p:nvPr/>
        </p:nvSpPr>
        <p:spPr>
          <a:xfrm>
            <a:off x="10183619" y="3703650"/>
            <a:ext cx="1471328" cy="456987"/>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a:solidFill>
                  <a:srgbClr val="36465A"/>
                </a:solidFill>
              </a:rPr>
              <a:t>Arkitektur og regulering understøtter hinanden</a:t>
            </a:r>
          </a:p>
        </p:txBody>
      </p:sp>
      <p:sp>
        <p:nvSpPr>
          <p:cNvPr id="34" name="Isosceles Triangle 33">
            <a:extLst>
              <a:ext uri="{FF2B5EF4-FFF2-40B4-BE49-F238E27FC236}">
                <a16:creationId xmlns:a16="http://schemas.microsoft.com/office/drawing/2014/main" id="{D88BEA96-24D7-7C59-6658-402A90BC8016}"/>
              </a:ext>
              <a:ext uri="{C183D7F6-B498-43B3-948B-1728B52AA6E4}">
                <adec:decorative xmlns:adec="http://schemas.microsoft.com/office/drawing/2017/decorative" val="1"/>
              </a:ext>
            </a:extLst>
          </p:cNvPr>
          <p:cNvSpPr/>
          <p:nvPr/>
        </p:nvSpPr>
        <p:spPr>
          <a:xfrm rot="10800000">
            <a:off x="6878593" y="4271195"/>
            <a:ext cx="4826899" cy="214283"/>
          </a:xfrm>
          <a:prstGeom prst="triangle">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8" name="TextBox 37">
            <a:extLst>
              <a:ext uri="{FF2B5EF4-FFF2-40B4-BE49-F238E27FC236}">
                <a16:creationId xmlns:a16="http://schemas.microsoft.com/office/drawing/2014/main" id="{C0EEF65D-4042-2F37-C584-9C13D417A95B}"/>
              </a:ext>
            </a:extLst>
          </p:cNvPr>
          <p:cNvSpPr txBox="1"/>
          <p:nvPr/>
        </p:nvSpPr>
        <p:spPr>
          <a:xfrm>
            <a:off x="7891586" y="4490722"/>
            <a:ext cx="2794000" cy="258547"/>
          </a:xfrm>
          <a:prstGeom prst="rect">
            <a:avLst/>
          </a:prstGeom>
          <a:noFill/>
        </p:spPr>
        <p:txBody>
          <a:bodyPr wrap="square" rtlCol="0">
            <a:noAutofit/>
          </a:bodyPr>
          <a:lstStyle/>
          <a:p>
            <a:pPr algn="ctr"/>
            <a:r>
              <a:rPr lang="da-DK" sz="1100" noProof="0">
                <a:solidFill>
                  <a:srgbClr val="36465A"/>
                </a:solidFill>
              </a:rPr>
              <a:t>Udmøntes i...</a:t>
            </a:r>
          </a:p>
        </p:txBody>
      </p:sp>
      <p:sp>
        <p:nvSpPr>
          <p:cNvPr id="30" name="Rectangle: Rounded Corners 29">
            <a:extLst>
              <a:ext uri="{FF2B5EF4-FFF2-40B4-BE49-F238E27FC236}">
                <a16:creationId xmlns:a16="http://schemas.microsoft.com/office/drawing/2014/main" id="{8ED4F3D7-940F-8BA3-C7BD-CA22630506C8}"/>
              </a:ext>
            </a:extLst>
          </p:cNvPr>
          <p:cNvSpPr/>
          <p:nvPr/>
        </p:nvSpPr>
        <p:spPr>
          <a:xfrm>
            <a:off x="6795860" y="4707034"/>
            <a:ext cx="5006751" cy="1512697"/>
          </a:xfrm>
          <a:prstGeom prst="roundRect">
            <a:avLst>
              <a:gd name="adj" fmla="val 992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da-DK" sz="1400" noProof="0">
                <a:solidFill>
                  <a:schemeClr val="tx1"/>
                </a:solidFill>
              </a:rPr>
              <a:t>Løsningsarkitektur</a:t>
            </a:r>
          </a:p>
        </p:txBody>
      </p:sp>
      <p:sp>
        <p:nvSpPr>
          <p:cNvPr id="31" name="Rectangle: Rounded Corners 30">
            <a:extLst>
              <a:ext uri="{FF2B5EF4-FFF2-40B4-BE49-F238E27FC236}">
                <a16:creationId xmlns:a16="http://schemas.microsoft.com/office/drawing/2014/main" id="{D02FA4F1-F4DC-F2F7-654D-57EF682D2669}"/>
              </a:ext>
            </a:extLst>
          </p:cNvPr>
          <p:cNvSpPr/>
          <p:nvPr/>
        </p:nvSpPr>
        <p:spPr>
          <a:xfrm>
            <a:off x="6946143" y="5070263"/>
            <a:ext cx="1471328" cy="456987"/>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a:solidFill>
                  <a:srgbClr val="36465A"/>
                </a:solidFill>
              </a:rPr>
              <a:t>Sikkerhed, privatliv og tillid sikres</a:t>
            </a:r>
          </a:p>
        </p:txBody>
      </p:sp>
      <p:sp>
        <p:nvSpPr>
          <p:cNvPr id="32" name="Rectangle: Rounded Corners 31">
            <a:extLst>
              <a:ext uri="{FF2B5EF4-FFF2-40B4-BE49-F238E27FC236}">
                <a16:creationId xmlns:a16="http://schemas.microsoft.com/office/drawing/2014/main" id="{12E751A6-8A75-BA9D-C18D-34137758DB9C}"/>
              </a:ext>
            </a:extLst>
          </p:cNvPr>
          <p:cNvSpPr/>
          <p:nvPr/>
        </p:nvSpPr>
        <p:spPr>
          <a:xfrm>
            <a:off x="8567753" y="5070263"/>
            <a:ext cx="1471328" cy="456987"/>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a:solidFill>
                  <a:srgbClr val="36465A"/>
                </a:solidFill>
              </a:rPr>
              <a:t>Processer optimeres på tværs</a:t>
            </a:r>
          </a:p>
        </p:txBody>
      </p:sp>
      <p:sp>
        <p:nvSpPr>
          <p:cNvPr id="33" name="Rectangle: Rounded Corners 32">
            <a:extLst>
              <a:ext uri="{FF2B5EF4-FFF2-40B4-BE49-F238E27FC236}">
                <a16:creationId xmlns:a16="http://schemas.microsoft.com/office/drawing/2014/main" id="{BC640664-F184-935F-1CE6-1C4B7322C1F9}"/>
              </a:ext>
            </a:extLst>
          </p:cNvPr>
          <p:cNvSpPr/>
          <p:nvPr/>
        </p:nvSpPr>
        <p:spPr>
          <a:xfrm>
            <a:off x="10183619" y="5070263"/>
            <a:ext cx="1471328" cy="456987"/>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a:solidFill>
                  <a:srgbClr val="36465A"/>
                </a:solidFill>
              </a:rPr>
              <a:t>Gode data deles og genbruges</a:t>
            </a:r>
          </a:p>
        </p:txBody>
      </p:sp>
      <p:sp>
        <p:nvSpPr>
          <p:cNvPr id="35" name="Rectangle: Rounded Corners 34">
            <a:extLst>
              <a:ext uri="{FF2B5EF4-FFF2-40B4-BE49-F238E27FC236}">
                <a16:creationId xmlns:a16="http://schemas.microsoft.com/office/drawing/2014/main" id="{F60B32A6-FD51-CBF7-DAD5-9568FDFBD923}"/>
              </a:ext>
            </a:extLst>
          </p:cNvPr>
          <p:cNvSpPr/>
          <p:nvPr/>
        </p:nvSpPr>
        <p:spPr>
          <a:xfrm>
            <a:off x="7737906" y="5630330"/>
            <a:ext cx="1471328" cy="456987"/>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a:solidFill>
                  <a:srgbClr val="36465A"/>
                </a:solidFill>
              </a:rPr>
              <a:t>It-løsninger samarbejder effektivt</a:t>
            </a:r>
          </a:p>
        </p:txBody>
      </p:sp>
      <p:sp>
        <p:nvSpPr>
          <p:cNvPr id="36" name="Rectangle: Rounded Corners 35">
            <a:extLst>
              <a:ext uri="{FF2B5EF4-FFF2-40B4-BE49-F238E27FC236}">
                <a16:creationId xmlns:a16="http://schemas.microsoft.com/office/drawing/2014/main" id="{BD07F508-784C-3C33-7AA0-4F5003451E7F}"/>
              </a:ext>
            </a:extLst>
          </p:cNvPr>
          <p:cNvSpPr/>
          <p:nvPr/>
        </p:nvSpPr>
        <p:spPr>
          <a:xfrm>
            <a:off x="9359516" y="5630330"/>
            <a:ext cx="1471328" cy="456987"/>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a:solidFill>
                  <a:srgbClr val="36465A"/>
                </a:solidFill>
              </a:rPr>
              <a:t>Data og services leveres driftssikkert</a:t>
            </a:r>
          </a:p>
        </p:txBody>
      </p:sp>
      <p:sp>
        <p:nvSpPr>
          <p:cNvPr id="13" name="Content Placeholder 5">
            <a:extLst>
              <a:ext uri="{FF2B5EF4-FFF2-40B4-BE49-F238E27FC236}">
                <a16:creationId xmlns:a16="http://schemas.microsoft.com/office/drawing/2014/main" id="{C58E7D08-CB0D-E5D3-A466-BB6CDABCC717}"/>
              </a:ext>
            </a:extLst>
          </p:cNvPr>
          <p:cNvSpPr txBox="1">
            <a:spLocks/>
          </p:cNvSpPr>
          <p:nvPr/>
        </p:nvSpPr>
        <p:spPr>
          <a:xfrm>
            <a:off x="546369" y="6444634"/>
            <a:ext cx="11456822" cy="21705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defRPr/>
            </a:pPr>
            <a:r>
              <a:rPr lang="da-DK" sz="700" b="0" i="1" noProof="0">
                <a:solidFill>
                  <a:srgbClr val="000000"/>
                </a:solidFill>
                <a:latin typeface="Arial" panose="020B0604020202020204"/>
              </a:rPr>
              <a:t>*</a:t>
            </a:r>
            <a:r>
              <a:rPr lang="da-DK" sz="700" b="0" i="1" noProof="0">
                <a:solidFill>
                  <a:schemeClr val="tx1"/>
                </a:solidFill>
              </a:rPr>
              <a:t>En holding-konstruktion omkring KL's ejerskab af KMD A/S.</a:t>
            </a:r>
          </a:p>
          <a:p>
            <a:pPr marL="87313" marR="0" lvl="0" indent="-87313"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endParaRPr kumimoji="0" lang="da-DK" sz="700" b="0" i="1" u="none" strike="noStrike" kern="1200" cap="none" spc="0" normalizeH="0" noProof="0">
              <a:ln>
                <a:noFill/>
              </a:ln>
              <a:solidFill>
                <a:srgbClr val="000000"/>
              </a:solidFill>
              <a:effectLst/>
              <a:uLnTx/>
              <a:uFillTx/>
              <a:latin typeface="Arial" panose="020B0604020202020204"/>
              <a:ea typeface="+mn-ea"/>
              <a:cs typeface="+mn-cs"/>
            </a:endParaRPr>
          </a:p>
        </p:txBody>
      </p:sp>
    </p:spTree>
    <p:extLst>
      <p:ext uri="{BB962C8B-B14F-4D97-AF65-F5344CB8AC3E}">
        <p14:creationId xmlns:p14="http://schemas.microsoft.com/office/powerpoint/2010/main" val="3210209635"/>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0E9D73-AC4A-D84E-315B-A439E1F47EC4}"/>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DE391946-C757-97F9-555C-FD00A20F9644}"/>
              </a:ext>
            </a:extLst>
          </p:cNvPr>
          <p:cNvSpPr>
            <a:spLocks noGrp="1"/>
          </p:cNvSpPr>
          <p:nvPr>
            <p:ph type="title"/>
          </p:nvPr>
        </p:nvSpPr>
        <p:spPr/>
        <p:txBody>
          <a:bodyPr/>
          <a:lstStyle/>
          <a:p>
            <a:r>
              <a:rPr lang="da-DK" sz="2200" dirty="0"/>
              <a:t>Vi har identificeret 15 cases, som kan give inspiration til de danske myndigheder </a:t>
            </a:r>
            <a:endParaRPr lang="da-DK" sz="2200" noProof="0" dirty="0"/>
          </a:p>
        </p:txBody>
      </p:sp>
      <p:sp>
        <p:nvSpPr>
          <p:cNvPr id="6" name="Content Placeholder 5">
            <a:extLst>
              <a:ext uri="{FF2B5EF4-FFF2-40B4-BE49-F238E27FC236}">
                <a16:creationId xmlns:a16="http://schemas.microsoft.com/office/drawing/2014/main" id="{932BEF8B-5BD0-07FB-685D-6438B8753C31}"/>
              </a:ext>
            </a:extLst>
          </p:cNvPr>
          <p:cNvSpPr txBox="1">
            <a:spLocks/>
          </p:cNvSpPr>
          <p:nvPr/>
        </p:nvSpPr>
        <p:spPr>
          <a:xfrm>
            <a:off x="552450" y="1599103"/>
            <a:ext cx="11087386" cy="968928"/>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200" dirty="0">
                <a:solidFill>
                  <a:schemeClr val="accent3"/>
                </a:solidFill>
              </a:rPr>
              <a:t>I nedenstående ses en samlet oversigt over de forskellige cases og deres fokus. Alle cases uddybes på de efterfølgende sider.</a:t>
            </a:r>
          </a:p>
        </p:txBody>
      </p:sp>
      <p:sp>
        <p:nvSpPr>
          <p:cNvPr id="82" name="Rectangle: Rounded Corners 81">
            <a:extLst>
              <a:ext uri="{FF2B5EF4-FFF2-40B4-BE49-F238E27FC236}">
                <a16:creationId xmlns:a16="http://schemas.microsoft.com/office/drawing/2014/main" id="{F07A3BB1-A7F2-2C96-C4A5-49803E811662}"/>
              </a:ext>
            </a:extLst>
          </p:cNvPr>
          <p:cNvSpPr/>
          <p:nvPr/>
        </p:nvSpPr>
        <p:spPr>
          <a:xfrm>
            <a:off x="552450" y="2399343"/>
            <a:ext cx="1685989" cy="1192044"/>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1. </a:t>
            </a:r>
            <a:r>
              <a:rPr lang="da-DK" sz="1000" b="1" noProof="0" dirty="0" err="1"/>
              <a:t>EuroStack</a:t>
            </a:r>
            <a:br>
              <a:rPr lang="da-DK" sz="1000" b="1" noProof="0" dirty="0"/>
            </a:br>
            <a:r>
              <a:rPr lang="da-DK" sz="1000" noProof="0" dirty="0">
                <a:sym typeface="Wingdings" panose="05000000000000000000" pitchFamily="2" charset="2"/>
              </a:rPr>
              <a:t>Europæisk digital suverænitet med fokus på at skabe teknologiske alternativer i EU</a:t>
            </a:r>
            <a:endParaRPr lang="da-DK" sz="1000" noProof="0" dirty="0"/>
          </a:p>
        </p:txBody>
      </p:sp>
      <p:sp>
        <p:nvSpPr>
          <p:cNvPr id="48" name="Rectangle: Rounded Corners 47">
            <a:extLst>
              <a:ext uri="{FF2B5EF4-FFF2-40B4-BE49-F238E27FC236}">
                <a16:creationId xmlns:a16="http://schemas.microsoft.com/office/drawing/2014/main" id="{E7E6C185-4242-9B76-9C0B-3902B3062E7C}"/>
              </a:ext>
            </a:extLst>
          </p:cNvPr>
          <p:cNvSpPr/>
          <p:nvPr/>
        </p:nvSpPr>
        <p:spPr>
          <a:xfrm>
            <a:off x="552450" y="3711097"/>
            <a:ext cx="1685989" cy="1192044"/>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2. </a:t>
            </a:r>
            <a:r>
              <a:rPr lang="da-DK" sz="1000" b="1" noProof="0" dirty="0" err="1"/>
              <a:t>Eu</a:t>
            </a:r>
            <a:r>
              <a:rPr lang="da-DK" sz="1000" b="1" noProof="0" dirty="0"/>
              <a:t>-Kommissionen</a:t>
            </a:r>
            <a:r>
              <a:rPr lang="da-DK" sz="1000" noProof="0" dirty="0"/>
              <a:t> €180 mio. u</a:t>
            </a:r>
            <a:r>
              <a:rPr lang="da-DK" sz="1000" noProof="0" dirty="0">
                <a:sym typeface="Wingdings" panose="05000000000000000000" pitchFamily="2" charset="2"/>
              </a:rPr>
              <a:t>dbud af digitalt suveræne clouds i EU-Kommissionen</a:t>
            </a:r>
            <a:endParaRPr lang="da-DK" sz="1000" noProof="0" dirty="0"/>
          </a:p>
        </p:txBody>
      </p:sp>
      <p:pic>
        <p:nvPicPr>
          <p:cNvPr id="83" name="Rounded Rectangle 19">
            <a:extLst>
              <a:ext uri="{FF2B5EF4-FFF2-40B4-BE49-F238E27FC236}">
                <a16:creationId xmlns:a16="http://schemas.microsoft.com/office/drawing/2014/main" id="{776DF70E-02BE-B7F0-5C4F-C9350DB2DC5D}"/>
              </a:ext>
              <a:ext uri="{C183D7F6-B498-43B3-948B-1728B52AA6E4}">
                <adec:decorative xmlns:adec="http://schemas.microsoft.com/office/drawing/2017/decorative" val="1"/>
              </a:ext>
            </a:extLst>
          </p:cNvPr>
          <p:cNvPicPr>
            <a:picLocks noChangeAspect="1"/>
          </p:cNvPicPr>
          <p:nvPr>
            <p:custDataLst>
              <p:tags r:id="rId1"/>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1689961" y="2399342"/>
            <a:ext cx="557107" cy="1192044"/>
          </a:xfrm>
          <a:prstGeom prst="roundRect">
            <a:avLst/>
          </a:prstGeom>
        </p:spPr>
      </p:pic>
      <p:sp>
        <p:nvSpPr>
          <p:cNvPr id="140" name="Rectangle: Rounded Corners 139">
            <a:extLst>
              <a:ext uri="{FF2B5EF4-FFF2-40B4-BE49-F238E27FC236}">
                <a16:creationId xmlns:a16="http://schemas.microsoft.com/office/drawing/2014/main" id="{01FAA2FA-0F3A-2645-6EBF-75C446D14098}"/>
              </a:ext>
            </a:extLst>
          </p:cNvPr>
          <p:cNvSpPr/>
          <p:nvPr/>
        </p:nvSpPr>
        <p:spPr>
          <a:xfrm>
            <a:off x="552450" y="5018017"/>
            <a:ext cx="1685989" cy="1192044"/>
          </a:xfrm>
          <a:prstGeom prst="roundRect">
            <a:avLst>
              <a:gd name="adj" fmla="val 9583"/>
            </a:avLst>
          </a:prstGeom>
          <a:solidFill>
            <a:srgbClr val="024D78"/>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3. Tyskland: Schleswig-Holstein</a:t>
            </a:r>
            <a:br>
              <a:rPr lang="da-DK" sz="1000" b="1" noProof="0" dirty="0"/>
            </a:br>
            <a:r>
              <a:rPr lang="da-DK" sz="1000" noProof="0" dirty="0">
                <a:sym typeface="Wingdings" panose="05000000000000000000" pitchFamily="2" charset="2"/>
              </a:rPr>
              <a:t>Open source- transformation væk fra Microsoft- produkter</a:t>
            </a:r>
            <a:endParaRPr lang="da-DK" sz="1000" noProof="0" dirty="0"/>
          </a:p>
        </p:txBody>
      </p:sp>
      <p:sp>
        <p:nvSpPr>
          <p:cNvPr id="152" name="Rectangle: Rounded Corners 151">
            <a:extLst>
              <a:ext uri="{FF2B5EF4-FFF2-40B4-BE49-F238E27FC236}">
                <a16:creationId xmlns:a16="http://schemas.microsoft.com/office/drawing/2014/main" id="{A09D70E4-2835-C1D1-3F7B-B1915908B794}"/>
              </a:ext>
            </a:extLst>
          </p:cNvPr>
          <p:cNvSpPr/>
          <p:nvPr/>
        </p:nvSpPr>
        <p:spPr>
          <a:xfrm>
            <a:off x="2392751" y="2399343"/>
            <a:ext cx="1685989" cy="1192044"/>
          </a:xfrm>
          <a:prstGeom prst="roundRect">
            <a:avLst>
              <a:gd name="adj" fmla="val 9583"/>
            </a:avLst>
          </a:prstGeom>
          <a:solidFill>
            <a:srgbClr val="024D78"/>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4. Tyskland: </a:t>
            </a:r>
            <a:r>
              <a:rPr lang="da-DK" sz="1000" b="1" noProof="0" dirty="0" err="1"/>
              <a:t>ZenDis</a:t>
            </a:r>
            <a:endParaRPr lang="da-DK" sz="1000" noProof="0" dirty="0">
              <a:sym typeface="Wingdings" panose="05000000000000000000" pitchFamily="2" charset="2"/>
            </a:endParaRPr>
          </a:p>
          <a:p>
            <a:r>
              <a:rPr lang="da-DK" sz="1000" noProof="0" dirty="0">
                <a:sym typeface="Wingdings" panose="05000000000000000000" pitchFamily="2" charset="2"/>
              </a:rPr>
              <a:t>National aktør som understøtter myndighedernes arbejde med digital suverænitet</a:t>
            </a:r>
            <a:endParaRPr lang="da-DK" sz="1000" noProof="0" dirty="0"/>
          </a:p>
        </p:txBody>
      </p:sp>
      <p:pic>
        <p:nvPicPr>
          <p:cNvPr id="49" name="Rounded Rectangle 19">
            <a:extLst>
              <a:ext uri="{FF2B5EF4-FFF2-40B4-BE49-F238E27FC236}">
                <a16:creationId xmlns:a16="http://schemas.microsoft.com/office/drawing/2014/main" id="{431DEB63-A99B-15B5-A914-89200F21739D}"/>
              </a:ext>
              <a:ext uri="{C183D7F6-B498-43B3-948B-1728B52AA6E4}">
                <adec:decorative xmlns:adec="http://schemas.microsoft.com/office/drawing/2017/decorative" val="1"/>
              </a:ext>
            </a:extLst>
          </p:cNvPr>
          <p:cNvPicPr>
            <a:picLocks noChangeAspect="1"/>
          </p:cNvPicPr>
          <p:nvPr>
            <p:custDataLst>
              <p:tags r:id="rId2"/>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1689961" y="3711096"/>
            <a:ext cx="557107" cy="1192044"/>
          </a:xfrm>
          <a:prstGeom prst="roundRect">
            <a:avLst/>
          </a:prstGeom>
        </p:spPr>
      </p:pic>
      <p:pic>
        <p:nvPicPr>
          <p:cNvPr id="141" name="Rounded Rectangle 19">
            <a:extLst>
              <a:ext uri="{FF2B5EF4-FFF2-40B4-BE49-F238E27FC236}">
                <a16:creationId xmlns:a16="http://schemas.microsoft.com/office/drawing/2014/main" id="{7853C719-4303-2428-C763-3FE314819093}"/>
              </a:ext>
              <a:ext uri="{C183D7F6-B498-43B3-948B-1728B52AA6E4}">
                <adec:decorative xmlns:adec="http://schemas.microsoft.com/office/drawing/2017/decorative" val="1"/>
              </a:ext>
            </a:extLst>
          </p:cNvPr>
          <p:cNvPicPr>
            <a:picLocks noChangeAspect="1"/>
          </p:cNvPicPr>
          <p:nvPr>
            <p:custDataLst>
              <p:tags r:id="rId3"/>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1689961" y="5018016"/>
            <a:ext cx="557107" cy="1192044"/>
          </a:xfrm>
          <a:prstGeom prst="roundRect">
            <a:avLst/>
          </a:prstGeom>
        </p:spPr>
      </p:pic>
      <p:sp>
        <p:nvSpPr>
          <p:cNvPr id="143" name="Rectangle: Rounded Corners 142">
            <a:extLst>
              <a:ext uri="{FF2B5EF4-FFF2-40B4-BE49-F238E27FC236}">
                <a16:creationId xmlns:a16="http://schemas.microsoft.com/office/drawing/2014/main" id="{DA5C1B44-E27F-6E8B-5292-E9DBCA5A0E11}"/>
              </a:ext>
            </a:extLst>
          </p:cNvPr>
          <p:cNvSpPr/>
          <p:nvPr/>
        </p:nvSpPr>
        <p:spPr>
          <a:xfrm>
            <a:off x="2392926" y="3711097"/>
            <a:ext cx="1685989" cy="1192044"/>
          </a:xfrm>
          <a:prstGeom prst="roundRect">
            <a:avLst>
              <a:gd name="adj" fmla="val 9583"/>
            </a:avLst>
          </a:prstGeom>
          <a:solidFill>
            <a:srgbClr val="024D78"/>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5. Holland: </a:t>
            </a:r>
            <a:r>
              <a:rPr lang="da-DK" sz="1000" b="1" noProof="0" dirty="0" err="1"/>
              <a:t>Økonomi-ministeriet</a:t>
            </a:r>
            <a:br>
              <a:rPr lang="da-DK" sz="1000" b="1" noProof="0" dirty="0"/>
            </a:br>
            <a:r>
              <a:rPr lang="da-DK" sz="1000" noProof="0" dirty="0">
                <a:sym typeface="Wingdings" panose="05000000000000000000" pitchFamily="2" charset="2"/>
              </a:rPr>
              <a:t>National og suveræn AI- </a:t>
            </a:r>
            <a:r>
              <a:rPr lang="da-DK" sz="1000" noProof="0" dirty="0" err="1">
                <a:sym typeface="Wingdings" panose="05000000000000000000" pitchFamily="2" charset="2"/>
              </a:rPr>
              <a:t>chatbot</a:t>
            </a:r>
            <a:r>
              <a:rPr lang="da-DK" sz="1000" noProof="0" dirty="0">
                <a:sym typeface="Wingdings" panose="05000000000000000000" pitchFamily="2" charset="2"/>
              </a:rPr>
              <a:t> </a:t>
            </a:r>
            <a:endParaRPr lang="da-DK" sz="900" noProof="0" dirty="0"/>
          </a:p>
        </p:txBody>
      </p:sp>
      <p:pic>
        <p:nvPicPr>
          <p:cNvPr id="144" name="Rounded Rectangle 19">
            <a:extLst>
              <a:ext uri="{FF2B5EF4-FFF2-40B4-BE49-F238E27FC236}">
                <a16:creationId xmlns:a16="http://schemas.microsoft.com/office/drawing/2014/main" id="{A15DE9EE-49D4-B28E-174E-2760EC7FF777}"/>
              </a:ext>
              <a:ext uri="{C183D7F6-B498-43B3-948B-1728B52AA6E4}">
                <adec:decorative xmlns:adec="http://schemas.microsoft.com/office/drawing/2017/decorative" val="1"/>
              </a:ext>
            </a:extLst>
          </p:cNvPr>
          <p:cNvPicPr>
            <a:picLocks noChangeAspect="1"/>
          </p:cNvPicPr>
          <p:nvPr>
            <p:custDataLst>
              <p:tags r:id="rId4"/>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3530437" y="3711096"/>
            <a:ext cx="557107" cy="1192044"/>
          </a:xfrm>
          <a:prstGeom prst="roundRect">
            <a:avLst/>
          </a:prstGeom>
        </p:spPr>
      </p:pic>
      <p:sp>
        <p:nvSpPr>
          <p:cNvPr id="146" name="Rectangle: Rounded Corners 145">
            <a:extLst>
              <a:ext uri="{FF2B5EF4-FFF2-40B4-BE49-F238E27FC236}">
                <a16:creationId xmlns:a16="http://schemas.microsoft.com/office/drawing/2014/main" id="{46951332-CC29-FC7D-7DA3-BC886D165898}"/>
              </a:ext>
            </a:extLst>
          </p:cNvPr>
          <p:cNvSpPr/>
          <p:nvPr/>
        </p:nvSpPr>
        <p:spPr>
          <a:xfrm>
            <a:off x="2392926" y="5018017"/>
            <a:ext cx="1685989" cy="1192044"/>
          </a:xfrm>
          <a:prstGeom prst="roundRect">
            <a:avLst>
              <a:gd name="adj" fmla="val 9583"/>
            </a:avLst>
          </a:prstGeom>
          <a:solidFill>
            <a:srgbClr val="024D78"/>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6. England: Home Office</a:t>
            </a:r>
            <a:br>
              <a:rPr lang="da-DK" sz="1000" b="1" noProof="0" dirty="0"/>
            </a:br>
            <a:r>
              <a:rPr lang="da-DK" sz="1000" noProof="0" dirty="0"/>
              <a:t>Open source, hybride cloudmiljøer og digital strategi</a:t>
            </a:r>
          </a:p>
        </p:txBody>
      </p:sp>
      <p:sp>
        <p:nvSpPr>
          <p:cNvPr id="181" name="Rectangle: Rounded Corners 180">
            <a:extLst>
              <a:ext uri="{FF2B5EF4-FFF2-40B4-BE49-F238E27FC236}">
                <a16:creationId xmlns:a16="http://schemas.microsoft.com/office/drawing/2014/main" id="{1721E724-E7D7-8185-2027-CEA3D45FBFF4}"/>
              </a:ext>
              <a:ext uri="{C183D7F6-B498-43B3-948B-1728B52AA6E4}">
                <adec:decorative xmlns:adec="http://schemas.microsoft.com/office/drawing/2017/decorative" val="0"/>
              </a:ext>
            </a:extLst>
          </p:cNvPr>
          <p:cNvSpPr/>
          <p:nvPr/>
        </p:nvSpPr>
        <p:spPr>
          <a:xfrm>
            <a:off x="4232354" y="2399343"/>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7. STIL</a:t>
            </a:r>
            <a:br>
              <a:rPr lang="da-DK" sz="1000" b="1" noProof="0" dirty="0">
                <a:solidFill>
                  <a:schemeClr val="bg1"/>
                </a:solidFill>
                <a:highlight>
                  <a:srgbClr val="FF0000"/>
                </a:highlight>
              </a:rPr>
            </a:br>
            <a:r>
              <a:rPr lang="da-DK" sz="1000" noProof="0" dirty="0">
                <a:solidFill>
                  <a:schemeClr val="bg1"/>
                </a:solidFill>
                <a:sym typeface="Wingdings" panose="05000000000000000000" pitchFamily="2" charset="2"/>
              </a:rPr>
              <a:t>Åben og komponent-baseret arkitektur med brug af OSS </a:t>
            </a:r>
          </a:p>
          <a:p>
            <a:endParaRPr lang="da-DK" sz="900" noProof="0" dirty="0">
              <a:solidFill>
                <a:schemeClr val="bg1"/>
              </a:solidFill>
            </a:endParaRPr>
          </a:p>
        </p:txBody>
      </p:sp>
      <p:sp>
        <p:nvSpPr>
          <p:cNvPr id="167" name="Rectangle: Rounded Corners 166">
            <a:extLst>
              <a:ext uri="{FF2B5EF4-FFF2-40B4-BE49-F238E27FC236}">
                <a16:creationId xmlns:a16="http://schemas.microsoft.com/office/drawing/2014/main" id="{9664F11D-F497-BCD9-A9F4-02A2F332C867}"/>
              </a:ext>
              <a:ext uri="{C183D7F6-B498-43B3-948B-1728B52AA6E4}">
                <adec:decorative xmlns:adec="http://schemas.microsoft.com/office/drawing/2017/decorative" val="0"/>
              </a:ext>
            </a:extLst>
          </p:cNvPr>
          <p:cNvSpPr/>
          <p:nvPr/>
        </p:nvSpPr>
        <p:spPr>
          <a:xfrm>
            <a:off x="4232354" y="3711097"/>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8. OS2</a:t>
            </a:r>
            <a:br>
              <a:rPr lang="da-DK" sz="1000" b="1" noProof="0" dirty="0">
                <a:solidFill>
                  <a:schemeClr val="bg1"/>
                </a:solidFill>
                <a:highlight>
                  <a:srgbClr val="FF0000"/>
                </a:highlight>
              </a:rPr>
            </a:br>
            <a:r>
              <a:rPr lang="da-DK" sz="1000" noProof="0" dirty="0">
                <a:solidFill>
                  <a:schemeClr val="bg1"/>
                </a:solidFill>
                <a:sym typeface="Wingdings" panose="05000000000000000000" pitchFamily="2" charset="2"/>
              </a:rPr>
              <a:t>Forening af danske myndigheder som driver udviklingen af OSS-produkter</a:t>
            </a:r>
            <a:endParaRPr lang="da-DK" sz="900" noProof="0" dirty="0">
              <a:solidFill>
                <a:schemeClr val="bg1"/>
              </a:solidFill>
            </a:endParaRPr>
          </a:p>
        </p:txBody>
      </p:sp>
      <p:pic>
        <p:nvPicPr>
          <p:cNvPr id="147" name="Rounded Rectangle 19">
            <a:extLst>
              <a:ext uri="{FF2B5EF4-FFF2-40B4-BE49-F238E27FC236}">
                <a16:creationId xmlns:a16="http://schemas.microsoft.com/office/drawing/2014/main" id="{769D072C-CD00-3791-EA5A-E38B05567C44}"/>
              </a:ext>
              <a:ext uri="{C183D7F6-B498-43B3-948B-1728B52AA6E4}">
                <adec:decorative xmlns:adec="http://schemas.microsoft.com/office/drawing/2017/decorative" val="1"/>
              </a:ext>
            </a:extLst>
          </p:cNvPr>
          <p:cNvPicPr>
            <a:picLocks noChangeAspect="1"/>
          </p:cNvPicPr>
          <p:nvPr>
            <p:custDataLst>
              <p:tags r:id="rId5"/>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3530437" y="5018016"/>
            <a:ext cx="557107" cy="1192044"/>
          </a:xfrm>
          <a:prstGeom prst="roundRect">
            <a:avLst/>
          </a:prstGeom>
        </p:spPr>
      </p:pic>
      <p:pic>
        <p:nvPicPr>
          <p:cNvPr id="153" name="Rounded Rectangle 19">
            <a:extLst>
              <a:ext uri="{FF2B5EF4-FFF2-40B4-BE49-F238E27FC236}">
                <a16:creationId xmlns:a16="http://schemas.microsoft.com/office/drawing/2014/main" id="{00E7CE77-D85B-539B-BE9A-A63A8BFC0AA7}"/>
              </a:ext>
              <a:ext uri="{C183D7F6-B498-43B3-948B-1728B52AA6E4}">
                <adec:decorative xmlns:adec="http://schemas.microsoft.com/office/drawing/2017/decorative" val="1"/>
              </a:ext>
            </a:extLst>
          </p:cNvPr>
          <p:cNvPicPr>
            <a:picLocks noChangeAspect="1"/>
          </p:cNvPicPr>
          <p:nvPr>
            <p:custDataLst>
              <p:tags r:id="rId6"/>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3530262" y="2399342"/>
            <a:ext cx="557107" cy="1192044"/>
          </a:xfrm>
          <a:prstGeom prst="roundRect">
            <a:avLst/>
          </a:prstGeom>
        </p:spPr>
      </p:pic>
      <p:pic>
        <p:nvPicPr>
          <p:cNvPr id="168" name="Rounded Rectangle 19">
            <a:extLst>
              <a:ext uri="{FF2B5EF4-FFF2-40B4-BE49-F238E27FC236}">
                <a16:creationId xmlns:a16="http://schemas.microsoft.com/office/drawing/2014/main" id="{63378DB3-0F83-B369-8FC6-E4CD634A7B1C}"/>
              </a:ext>
              <a:ext uri="{C183D7F6-B498-43B3-948B-1728B52AA6E4}">
                <adec:decorative xmlns:adec="http://schemas.microsoft.com/office/drawing/2017/decorative" val="1"/>
              </a:ext>
            </a:extLst>
          </p:cNvPr>
          <p:cNvPicPr>
            <a:picLocks noChangeAspect="1"/>
          </p:cNvPicPr>
          <p:nvPr>
            <p:custDataLst>
              <p:tags r:id="rId7"/>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5369865" y="3711096"/>
            <a:ext cx="557107" cy="1192044"/>
          </a:xfrm>
          <a:prstGeom prst="roundRect">
            <a:avLst/>
          </a:prstGeom>
        </p:spPr>
      </p:pic>
      <p:sp>
        <p:nvSpPr>
          <p:cNvPr id="173" name="Rectangle: Rounded Corners 172">
            <a:extLst>
              <a:ext uri="{FF2B5EF4-FFF2-40B4-BE49-F238E27FC236}">
                <a16:creationId xmlns:a16="http://schemas.microsoft.com/office/drawing/2014/main" id="{D08D1DF3-0E74-15A7-EF96-72E31BBA626A}"/>
              </a:ext>
              <a:ext uri="{C183D7F6-B498-43B3-948B-1728B52AA6E4}">
                <adec:decorative xmlns:adec="http://schemas.microsoft.com/office/drawing/2017/decorative" val="0"/>
              </a:ext>
            </a:extLst>
          </p:cNvPr>
          <p:cNvSpPr/>
          <p:nvPr/>
        </p:nvSpPr>
        <p:spPr>
          <a:xfrm>
            <a:off x="4232354" y="5018017"/>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sym typeface="Wingdings" panose="05000000000000000000" pitchFamily="2" charset="2"/>
              </a:rPr>
              <a:t>9. KOMBIT</a:t>
            </a:r>
            <a:endParaRPr lang="da-DK" sz="900" noProof="0" dirty="0">
              <a:solidFill>
                <a:schemeClr val="bg1"/>
              </a:solidFill>
              <a:sym typeface="Wingdings" panose="05000000000000000000" pitchFamily="2" charset="2"/>
            </a:endParaRPr>
          </a:p>
          <a:p>
            <a:r>
              <a:rPr lang="da-DK" sz="1000" noProof="0" dirty="0">
                <a:solidFill>
                  <a:schemeClr val="bg1"/>
                </a:solidFill>
                <a:sym typeface="Wingdings" panose="05000000000000000000" pitchFamily="2" charset="2"/>
              </a:rPr>
              <a:t>Åben og komponent-baseret arkitektur med fokus på transparens og rettigheder</a:t>
            </a:r>
            <a:endParaRPr lang="da-DK" sz="1000" noProof="0" dirty="0">
              <a:solidFill>
                <a:schemeClr val="bg1"/>
              </a:solidFill>
            </a:endParaRPr>
          </a:p>
        </p:txBody>
      </p:sp>
      <p:pic>
        <p:nvPicPr>
          <p:cNvPr id="174" name="Rounded Rectangle 19">
            <a:extLst>
              <a:ext uri="{FF2B5EF4-FFF2-40B4-BE49-F238E27FC236}">
                <a16:creationId xmlns:a16="http://schemas.microsoft.com/office/drawing/2014/main" id="{C882A6D6-6E9F-BB8A-37DE-A17E5FCA6E52}"/>
              </a:ext>
              <a:ext uri="{C183D7F6-B498-43B3-948B-1728B52AA6E4}">
                <adec:decorative xmlns:adec="http://schemas.microsoft.com/office/drawing/2017/decorative" val="1"/>
              </a:ext>
            </a:extLst>
          </p:cNvPr>
          <p:cNvPicPr>
            <a:picLocks noChangeAspect="1"/>
          </p:cNvPicPr>
          <p:nvPr>
            <p:custDataLst>
              <p:tags r:id="rId8"/>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5369865" y="5018016"/>
            <a:ext cx="557107" cy="1192044"/>
          </a:xfrm>
          <a:prstGeom prst="roundRect">
            <a:avLst/>
          </a:prstGeom>
        </p:spPr>
      </p:pic>
      <p:pic>
        <p:nvPicPr>
          <p:cNvPr id="182" name="Rounded Rectangle 19">
            <a:extLst>
              <a:ext uri="{FF2B5EF4-FFF2-40B4-BE49-F238E27FC236}">
                <a16:creationId xmlns:a16="http://schemas.microsoft.com/office/drawing/2014/main" id="{2E56D9B8-76CA-6566-F11A-17E6767611FE}"/>
              </a:ext>
              <a:ext uri="{C183D7F6-B498-43B3-948B-1728B52AA6E4}">
                <adec:decorative xmlns:adec="http://schemas.microsoft.com/office/drawing/2017/decorative" val="1"/>
              </a:ext>
            </a:extLst>
          </p:cNvPr>
          <p:cNvPicPr>
            <a:picLocks noChangeAspect="1"/>
          </p:cNvPicPr>
          <p:nvPr>
            <p:custDataLst>
              <p:tags r:id="rId9"/>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5369865" y="2399342"/>
            <a:ext cx="557107" cy="1192044"/>
          </a:xfrm>
          <a:prstGeom prst="roundRect">
            <a:avLst/>
          </a:prstGeom>
        </p:spPr>
      </p:pic>
      <p:sp>
        <p:nvSpPr>
          <p:cNvPr id="193" name="Rectangle: Rounded Corners 192">
            <a:extLst>
              <a:ext uri="{FF2B5EF4-FFF2-40B4-BE49-F238E27FC236}">
                <a16:creationId xmlns:a16="http://schemas.microsoft.com/office/drawing/2014/main" id="{B53FDA49-77C2-6879-5DDF-5F35BD4DE650}"/>
              </a:ext>
              <a:ext uri="{C183D7F6-B498-43B3-948B-1728B52AA6E4}">
                <adec:decorative xmlns:adec="http://schemas.microsoft.com/office/drawing/2017/decorative" val="0"/>
              </a:ext>
            </a:extLst>
          </p:cNvPr>
          <p:cNvSpPr/>
          <p:nvPr/>
        </p:nvSpPr>
        <p:spPr>
          <a:xfrm>
            <a:off x="6073876" y="2399343"/>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10. Aarhus Kommune</a:t>
            </a:r>
            <a:endParaRPr lang="da-DK" sz="1000" noProof="0" dirty="0">
              <a:solidFill>
                <a:schemeClr val="bg1"/>
              </a:solidFill>
              <a:sym typeface="Wingdings" panose="05000000000000000000" pitchFamily="2" charset="2"/>
            </a:endParaRPr>
          </a:p>
          <a:p>
            <a:r>
              <a:rPr lang="da-DK" sz="1000" noProof="0" dirty="0">
                <a:solidFill>
                  <a:schemeClr val="bg1"/>
                </a:solidFill>
                <a:sym typeface="Wingdings" panose="05000000000000000000" pitchFamily="2" charset="2"/>
              </a:rPr>
              <a:t>Strategisk transformations-program for øget digital handlefrihed</a:t>
            </a:r>
            <a:endParaRPr lang="da-DK" sz="1000" noProof="0" dirty="0">
              <a:solidFill>
                <a:schemeClr val="bg1"/>
              </a:solidFill>
            </a:endParaRPr>
          </a:p>
        </p:txBody>
      </p:sp>
      <p:pic>
        <p:nvPicPr>
          <p:cNvPr id="194" name="Rounded Rectangle 19">
            <a:extLst>
              <a:ext uri="{FF2B5EF4-FFF2-40B4-BE49-F238E27FC236}">
                <a16:creationId xmlns:a16="http://schemas.microsoft.com/office/drawing/2014/main" id="{534FA93B-E904-5E6A-2B7E-6D9A5A391591}"/>
              </a:ext>
              <a:ext uri="{C183D7F6-B498-43B3-948B-1728B52AA6E4}">
                <adec:decorative xmlns:adec="http://schemas.microsoft.com/office/drawing/2017/decorative" val="1"/>
              </a:ext>
            </a:extLst>
          </p:cNvPr>
          <p:cNvPicPr>
            <a:picLocks noChangeAspect="1"/>
          </p:cNvPicPr>
          <p:nvPr>
            <p:custDataLst>
              <p:tags r:id="rId10"/>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7211387" y="2399342"/>
            <a:ext cx="557107" cy="1192044"/>
          </a:xfrm>
          <a:prstGeom prst="roundRect">
            <a:avLst/>
          </a:prstGeom>
        </p:spPr>
      </p:pic>
      <p:sp>
        <p:nvSpPr>
          <p:cNvPr id="196" name="Rectangle: Rounded Corners 195">
            <a:extLst>
              <a:ext uri="{FF2B5EF4-FFF2-40B4-BE49-F238E27FC236}">
                <a16:creationId xmlns:a16="http://schemas.microsoft.com/office/drawing/2014/main" id="{31FEFC9F-3B34-CCD8-AEE1-9C57F51476F3}"/>
              </a:ext>
              <a:ext uri="{C183D7F6-B498-43B3-948B-1728B52AA6E4}">
                <adec:decorative xmlns:adec="http://schemas.microsoft.com/office/drawing/2017/decorative" val="0"/>
              </a:ext>
            </a:extLst>
          </p:cNvPr>
          <p:cNvSpPr/>
          <p:nvPr/>
        </p:nvSpPr>
        <p:spPr>
          <a:xfrm>
            <a:off x="6073876" y="3711097"/>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11. Aarhus kommune</a:t>
            </a:r>
            <a:br>
              <a:rPr lang="da-DK" sz="1000" b="1" noProof="0" dirty="0">
                <a:solidFill>
                  <a:schemeClr val="bg1"/>
                </a:solidFill>
              </a:rPr>
            </a:br>
            <a:r>
              <a:rPr lang="da-DK" sz="1000" noProof="0" dirty="0">
                <a:solidFill>
                  <a:schemeClr val="bg1"/>
                </a:solidFill>
                <a:sym typeface="Wingdings" panose="05000000000000000000" pitchFamily="2" charset="2"/>
              </a:rPr>
              <a:t>Omlægning af cloud-infrastruktur fra Microsoft til europæisk leverandør</a:t>
            </a:r>
            <a:endParaRPr lang="da-DK" sz="1000" noProof="0" dirty="0">
              <a:solidFill>
                <a:schemeClr val="bg1"/>
              </a:solidFill>
            </a:endParaRPr>
          </a:p>
        </p:txBody>
      </p:sp>
      <p:sp>
        <p:nvSpPr>
          <p:cNvPr id="164" name="Rectangle: Rounded Corners 163">
            <a:extLst>
              <a:ext uri="{FF2B5EF4-FFF2-40B4-BE49-F238E27FC236}">
                <a16:creationId xmlns:a16="http://schemas.microsoft.com/office/drawing/2014/main" id="{61C560EF-47CE-2E6E-E78C-5A53FD2440BC}"/>
              </a:ext>
              <a:ext uri="{C183D7F6-B498-43B3-948B-1728B52AA6E4}">
                <adec:decorative xmlns:adec="http://schemas.microsoft.com/office/drawing/2017/decorative" val="0"/>
              </a:ext>
            </a:extLst>
          </p:cNvPr>
          <p:cNvSpPr/>
          <p:nvPr/>
        </p:nvSpPr>
        <p:spPr>
          <a:xfrm>
            <a:off x="6073876" y="5018017"/>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12. Region Syd</a:t>
            </a:r>
            <a:br>
              <a:rPr lang="da-DK" sz="1000" b="1" noProof="0" dirty="0">
                <a:solidFill>
                  <a:schemeClr val="bg1"/>
                </a:solidFill>
              </a:rPr>
            </a:br>
            <a:r>
              <a:rPr lang="da-DK" sz="1000" noProof="0" dirty="0">
                <a:solidFill>
                  <a:schemeClr val="bg1"/>
                </a:solidFill>
              </a:rPr>
              <a:t>Udbud af logistik-teknologi med krav om digital suverænitet</a:t>
            </a:r>
          </a:p>
        </p:txBody>
      </p:sp>
      <p:sp>
        <p:nvSpPr>
          <p:cNvPr id="161" name="Rectangle: Rounded Corners 160">
            <a:extLst>
              <a:ext uri="{FF2B5EF4-FFF2-40B4-BE49-F238E27FC236}">
                <a16:creationId xmlns:a16="http://schemas.microsoft.com/office/drawing/2014/main" id="{D7C390A9-F796-F884-9BC6-1AF35F1149B8}"/>
              </a:ext>
              <a:ext uri="{C183D7F6-B498-43B3-948B-1728B52AA6E4}">
                <adec:decorative xmlns:adec="http://schemas.microsoft.com/office/drawing/2017/decorative" val="0"/>
              </a:ext>
            </a:extLst>
          </p:cNvPr>
          <p:cNvSpPr/>
          <p:nvPr/>
        </p:nvSpPr>
        <p:spPr>
          <a:xfrm>
            <a:off x="7914352" y="2399343"/>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sym typeface="Wingdings" panose="05000000000000000000" pitchFamily="2" charset="2"/>
              </a:rPr>
              <a:t>13. Københavns Kommune </a:t>
            </a:r>
            <a:endParaRPr lang="da-DK" sz="1000" noProof="0" dirty="0">
              <a:solidFill>
                <a:schemeClr val="bg1"/>
              </a:solidFill>
              <a:sym typeface="Wingdings" panose="05000000000000000000" pitchFamily="2" charset="2"/>
            </a:endParaRPr>
          </a:p>
          <a:p>
            <a:r>
              <a:rPr lang="da-DK" sz="1000" noProof="0" dirty="0">
                <a:solidFill>
                  <a:schemeClr val="bg1"/>
                </a:solidFill>
                <a:sym typeface="Wingdings" panose="05000000000000000000" pitchFamily="2" charset="2"/>
              </a:rPr>
              <a:t>Analyse af risici og bindinger for at øge den digitale </a:t>
            </a:r>
            <a:r>
              <a:rPr lang="da-DK" sz="1000" noProof="0" dirty="0" err="1">
                <a:solidFill>
                  <a:schemeClr val="bg1"/>
                </a:solidFill>
                <a:sym typeface="Wingdings" panose="05000000000000000000" pitchFamily="2" charset="2"/>
              </a:rPr>
              <a:t>handefirhed</a:t>
            </a:r>
            <a:endParaRPr lang="da-DK" sz="1000" noProof="0" dirty="0">
              <a:solidFill>
                <a:schemeClr val="bg1"/>
              </a:solidFill>
            </a:endParaRPr>
          </a:p>
        </p:txBody>
      </p:sp>
      <p:sp>
        <p:nvSpPr>
          <p:cNvPr id="187" name="Rectangle: Rounded Corners 186">
            <a:extLst>
              <a:ext uri="{FF2B5EF4-FFF2-40B4-BE49-F238E27FC236}">
                <a16:creationId xmlns:a16="http://schemas.microsoft.com/office/drawing/2014/main" id="{030DBE74-8F1B-69A0-ED98-F28952865D59}"/>
              </a:ext>
              <a:ext uri="{C183D7F6-B498-43B3-948B-1728B52AA6E4}">
                <adec:decorative xmlns:adec="http://schemas.microsoft.com/office/drawing/2017/decorative" val="0"/>
              </a:ext>
            </a:extLst>
          </p:cNvPr>
          <p:cNvSpPr/>
          <p:nvPr/>
        </p:nvSpPr>
        <p:spPr>
          <a:xfrm>
            <a:off x="7914352" y="3711097"/>
            <a:ext cx="1685989" cy="1192044"/>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14. Finansiel Sektor</a:t>
            </a:r>
            <a:br>
              <a:rPr lang="da-DK" sz="1000" b="1" noProof="0" dirty="0">
                <a:solidFill>
                  <a:schemeClr val="bg1"/>
                </a:solidFill>
              </a:rPr>
            </a:br>
            <a:r>
              <a:rPr lang="da-DK" sz="1000" noProof="0" dirty="0">
                <a:solidFill>
                  <a:schemeClr val="bg1"/>
                </a:solidFill>
                <a:sym typeface="Wingdings" panose="05000000000000000000" pitchFamily="2" charset="2"/>
              </a:rPr>
              <a:t>Risikobaseret analyse og styring af kritiske digitale løsninger</a:t>
            </a:r>
            <a:endParaRPr lang="da-DK" sz="1000" noProof="0" dirty="0">
              <a:solidFill>
                <a:schemeClr val="bg1"/>
              </a:solidFill>
            </a:endParaRPr>
          </a:p>
        </p:txBody>
      </p:sp>
      <p:pic>
        <p:nvPicPr>
          <p:cNvPr id="165" name="Rounded Rectangle 19">
            <a:extLst>
              <a:ext uri="{FF2B5EF4-FFF2-40B4-BE49-F238E27FC236}">
                <a16:creationId xmlns:a16="http://schemas.microsoft.com/office/drawing/2014/main" id="{A315F5C7-F280-4457-D746-9BB1A571F61B}"/>
              </a:ext>
              <a:ext uri="{C183D7F6-B498-43B3-948B-1728B52AA6E4}">
                <adec:decorative xmlns:adec="http://schemas.microsoft.com/office/drawing/2017/decorative" val="1"/>
              </a:ext>
            </a:extLst>
          </p:cNvPr>
          <p:cNvPicPr>
            <a:picLocks noChangeAspect="1"/>
          </p:cNvPicPr>
          <p:nvPr>
            <p:custDataLst>
              <p:tags r:id="rId11"/>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7211387" y="5018016"/>
            <a:ext cx="557107" cy="1192044"/>
          </a:xfrm>
          <a:prstGeom prst="roundRect">
            <a:avLst/>
          </a:prstGeom>
        </p:spPr>
      </p:pic>
      <p:pic>
        <p:nvPicPr>
          <p:cNvPr id="197" name="Rounded Rectangle 19">
            <a:extLst>
              <a:ext uri="{FF2B5EF4-FFF2-40B4-BE49-F238E27FC236}">
                <a16:creationId xmlns:a16="http://schemas.microsoft.com/office/drawing/2014/main" id="{0B37AC84-3131-AFB7-6604-2EF5A972BBEE}"/>
              </a:ext>
              <a:ext uri="{C183D7F6-B498-43B3-948B-1728B52AA6E4}">
                <adec:decorative xmlns:adec="http://schemas.microsoft.com/office/drawing/2017/decorative" val="1"/>
              </a:ext>
            </a:extLst>
          </p:cNvPr>
          <p:cNvPicPr>
            <a:picLocks noChangeAspect="1"/>
          </p:cNvPicPr>
          <p:nvPr>
            <p:custDataLst>
              <p:tags r:id="rId12"/>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7211387" y="3711096"/>
            <a:ext cx="557107" cy="1192044"/>
          </a:xfrm>
          <a:prstGeom prst="roundRect">
            <a:avLst/>
          </a:prstGeom>
        </p:spPr>
      </p:pic>
      <p:grpSp>
        <p:nvGrpSpPr>
          <p:cNvPr id="50" name="Group 49">
            <a:extLst>
              <a:ext uri="{FF2B5EF4-FFF2-40B4-BE49-F238E27FC236}">
                <a16:creationId xmlns:a16="http://schemas.microsoft.com/office/drawing/2014/main" id="{A5EFF153-502F-8176-11FC-B224345D61DC}"/>
              </a:ext>
              <a:ext uri="{C183D7F6-B498-43B3-948B-1728B52AA6E4}">
                <adec:decorative xmlns:adec="http://schemas.microsoft.com/office/drawing/2017/decorative" val="1"/>
              </a:ext>
            </a:extLst>
          </p:cNvPr>
          <p:cNvGrpSpPr/>
          <p:nvPr/>
        </p:nvGrpSpPr>
        <p:grpSpPr>
          <a:xfrm>
            <a:off x="9883634" y="2771425"/>
            <a:ext cx="3062116" cy="270705"/>
            <a:chOff x="5483670" y="3074494"/>
            <a:chExt cx="1451180" cy="128291"/>
          </a:xfrm>
        </p:grpSpPr>
        <p:sp>
          <p:nvSpPr>
            <p:cNvPr id="51" name="Rectangle: Rounded Corners 50">
              <a:extLst>
                <a:ext uri="{FF2B5EF4-FFF2-40B4-BE49-F238E27FC236}">
                  <a16:creationId xmlns:a16="http://schemas.microsoft.com/office/drawing/2014/main" id="{E0528BF6-5B19-9864-B6F5-AC6B96DFB630}"/>
                </a:ext>
              </a:extLst>
            </p:cNvPr>
            <p:cNvSpPr/>
            <p:nvPr/>
          </p:nvSpPr>
          <p:spPr>
            <a:xfrm>
              <a:off x="5483670" y="3074494"/>
              <a:ext cx="147256" cy="12829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1000" b="1" noProof="0"/>
            </a:p>
          </p:txBody>
        </p:sp>
        <p:sp>
          <p:nvSpPr>
            <p:cNvPr id="52" name="TextBox 51">
              <a:extLst>
                <a:ext uri="{FF2B5EF4-FFF2-40B4-BE49-F238E27FC236}">
                  <a16:creationId xmlns:a16="http://schemas.microsoft.com/office/drawing/2014/main" id="{00A5A1F9-670D-5AD2-3340-C6ECCC1301BA}"/>
                </a:ext>
              </a:extLst>
            </p:cNvPr>
            <p:cNvSpPr txBox="1"/>
            <p:nvPr/>
          </p:nvSpPr>
          <p:spPr>
            <a:xfrm>
              <a:off x="5630926" y="3077285"/>
              <a:ext cx="1303924" cy="123825"/>
            </a:xfrm>
            <a:prstGeom prst="rect">
              <a:avLst/>
            </a:prstGeom>
            <a:noFill/>
          </p:spPr>
          <p:txBody>
            <a:bodyPr wrap="square" rtlCol="0" anchor="ctr">
              <a:noAutofit/>
            </a:bodyPr>
            <a:lstStyle/>
            <a:p>
              <a:r>
                <a:rPr lang="da-DK" sz="1000" noProof="0"/>
                <a:t>Udenlandske myndigheder</a:t>
              </a:r>
            </a:p>
          </p:txBody>
        </p:sp>
      </p:grpSp>
      <p:grpSp>
        <p:nvGrpSpPr>
          <p:cNvPr id="53" name="Group 52">
            <a:extLst>
              <a:ext uri="{FF2B5EF4-FFF2-40B4-BE49-F238E27FC236}">
                <a16:creationId xmlns:a16="http://schemas.microsoft.com/office/drawing/2014/main" id="{C2C5C7B0-BF2E-A6C3-90FD-335D06762B39}"/>
              </a:ext>
              <a:ext uri="{C183D7F6-B498-43B3-948B-1728B52AA6E4}">
                <adec:decorative xmlns:adec="http://schemas.microsoft.com/office/drawing/2017/decorative" val="1"/>
              </a:ext>
            </a:extLst>
          </p:cNvPr>
          <p:cNvGrpSpPr/>
          <p:nvPr/>
        </p:nvGrpSpPr>
        <p:grpSpPr>
          <a:xfrm>
            <a:off x="9883635" y="3100609"/>
            <a:ext cx="2664844" cy="270705"/>
            <a:chOff x="5483670" y="3074494"/>
            <a:chExt cx="1262907" cy="128291"/>
          </a:xfrm>
        </p:grpSpPr>
        <p:sp>
          <p:nvSpPr>
            <p:cNvPr id="54" name="Rectangle: Rounded Corners 53">
              <a:extLst>
                <a:ext uri="{FF2B5EF4-FFF2-40B4-BE49-F238E27FC236}">
                  <a16:creationId xmlns:a16="http://schemas.microsoft.com/office/drawing/2014/main" id="{3BED2383-A29D-7AB5-916E-2881B30BADA2}"/>
                </a:ext>
              </a:extLst>
            </p:cNvPr>
            <p:cNvSpPr/>
            <p:nvPr/>
          </p:nvSpPr>
          <p:spPr>
            <a:xfrm>
              <a:off x="5483670" y="3074494"/>
              <a:ext cx="147256" cy="12829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1000" b="1" noProof="0"/>
            </a:p>
          </p:txBody>
        </p:sp>
        <p:sp>
          <p:nvSpPr>
            <p:cNvPr id="55" name="TextBox 54">
              <a:extLst>
                <a:ext uri="{FF2B5EF4-FFF2-40B4-BE49-F238E27FC236}">
                  <a16:creationId xmlns:a16="http://schemas.microsoft.com/office/drawing/2014/main" id="{705DE66C-F611-0D05-9F3B-4D618872A50D}"/>
                </a:ext>
              </a:extLst>
            </p:cNvPr>
            <p:cNvSpPr txBox="1"/>
            <p:nvPr/>
          </p:nvSpPr>
          <p:spPr>
            <a:xfrm>
              <a:off x="5630926" y="3078650"/>
              <a:ext cx="1115651" cy="119977"/>
            </a:xfrm>
            <a:prstGeom prst="rect">
              <a:avLst/>
            </a:prstGeom>
            <a:noFill/>
          </p:spPr>
          <p:txBody>
            <a:bodyPr wrap="square" rtlCol="0" anchor="ctr">
              <a:noAutofit/>
            </a:bodyPr>
            <a:lstStyle/>
            <a:p>
              <a:r>
                <a:rPr lang="da-DK" sz="1000" noProof="0"/>
                <a:t>Danske myndigheder</a:t>
              </a:r>
            </a:p>
          </p:txBody>
        </p:sp>
      </p:grpSp>
      <p:grpSp>
        <p:nvGrpSpPr>
          <p:cNvPr id="56" name="Group 55">
            <a:extLst>
              <a:ext uri="{FF2B5EF4-FFF2-40B4-BE49-F238E27FC236}">
                <a16:creationId xmlns:a16="http://schemas.microsoft.com/office/drawing/2014/main" id="{242DD8DC-1842-A47C-2DB8-3E2BD92DF24F}"/>
              </a:ext>
              <a:ext uri="{C183D7F6-B498-43B3-948B-1728B52AA6E4}">
                <adec:decorative xmlns:adec="http://schemas.microsoft.com/office/drawing/2017/decorative" val="1"/>
              </a:ext>
            </a:extLst>
          </p:cNvPr>
          <p:cNvGrpSpPr/>
          <p:nvPr/>
        </p:nvGrpSpPr>
        <p:grpSpPr>
          <a:xfrm>
            <a:off x="9883637" y="3429794"/>
            <a:ext cx="2311550" cy="270705"/>
            <a:chOff x="5483670" y="3074494"/>
            <a:chExt cx="1095476" cy="128291"/>
          </a:xfrm>
        </p:grpSpPr>
        <p:sp>
          <p:nvSpPr>
            <p:cNvPr id="57" name="Rectangle: Rounded Corners 56">
              <a:extLst>
                <a:ext uri="{FF2B5EF4-FFF2-40B4-BE49-F238E27FC236}">
                  <a16:creationId xmlns:a16="http://schemas.microsoft.com/office/drawing/2014/main" id="{F4A2C9D9-A21B-9E3A-33B5-6AF6B3CE3995}"/>
                </a:ext>
              </a:extLst>
            </p:cNvPr>
            <p:cNvSpPr/>
            <p:nvPr/>
          </p:nvSpPr>
          <p:spPr>
            <a:xfrm>
              <a:off x="5483670" y="3074494"/>
              <a:ext cx="147256" cy="12829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1000" b="1" noProof="0"/>
            </a:p>
          </p:txBody>
        </p:sp>
        <p:sp>
          <p:nvSpPr>
            <p:cNvPr id="58" name="TextBox 57">
              <a:extLst>
                <a:ext uri="{FF2B5EF4-FFF2-40B4-BE49-F238E27FC236}">
                  <a16:creationId xmlns:a16="http://schemas.microsoft.com/office/drawing/2014/main" id="{8418F7EE-42DA-434E-447A-BCD619B7287B}"/>
                </a:ext>
              </a:extLst>
            </p:cNvPr>
            <p:cNvSpPr txBox="1"/>
            <p:nvPr/>
          </p:nvSpPr>
          <p:spPr>
            <a:xfrm>
              <a:off x="5630926" y="3078650"/>
              <a:ext cx="948220" cy="119977"/>
            </a:xfrm>
            <a:prstGeom prst="rect">
              <a:avLst/>
            </a:prstGeom>
            <a:noFill/>
          </p:spPr>
          <p:txBody>
            <a:bodyPr wrap="square" rtlCol="0" anchor="ctr">
              <a:noAutofit/>
            </a:bodyPr>
            <a:lstStyle/>
            <a:p>
              <a:r>
                <a:rPr lang="da-DK" sz="1000" noProof="0"/>
                <a:t>Privat sektor</a:t>
              </a:r>
            </a:p>
          </p:txBody>
        </p:sp>
      </p:grpSp>
      <p:grpSp>
        <p:nvGrpSpPr>
          <p:cNvPr id="59" name="Group 58">
            <a:extLst>
              <a:ext uri="{FF2B5EF4-FFF2-40B4-BE49-F238E27FC236}">
                <a16:creationId xmlns:a16="http://schemas.microsoft.com/office/drawing/2014/main" id="{F0BD700B-F631-20C8-ACD8-E8832C404ED7}"/>
              </a:ext>
              <a:ext uri="{C183D7F6-B498-43B3-948B-1728B52AA6E4}">
                <adec:decorative xmlns:adec="http://schemas.microsoft.com/office/drawing/2017/decorative" val="1"/>
              </a:ext>
            </a:extLst>
          </p:cNvPr>
          <p:cNvGrpSpPr/>
          <p:nvPr/>
        </p:nvGrpSpPr>
        <p:grpSpPr>
          <a:xfrm>
            <a:off x="9883637" y="2442241"/>
            <a:ext cx="2311550" cy="270705"/>
            <a:chOff x="5483670" y="3074494"/>
            <a:chExt cx="1095476" cy="128291"/>
          </a:xfrm>
        </p:grpSpPr>
        <p:sp>
          <p:nvSpPr>
            <p:cNvPr id="60" name="Rectangle: Rounded Corners 59">
              <a:extLst>
                <a:ext uri="{FF2B5EF4-FFF2-40B4-BE49-F238E27FC236}">
                  <a16:creationId xmlns:a16="http://schemas.microsoft.com/office/drawing/2014/main" id="{8F951297-6B06-BD2D-0FBB-AEA1CD6CBF44}"/>
                </a:ext>
              </a:extLst>
            </p:cNvPr>
            <p:cNvSpPr/>
            <p:nvPr/>
          </p:nvSpPr>
          <p:spPr>
            <a:xfrm>
              <a:off x="5483670" y="3074494"/>
              <a:ext cx="147256" cy="12829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1000" b="1" noProof="0"/>
            </a:p>
          </p:txBody>
        </p:sp>
        <p:sp>
          <p:nvSpPr>
            <p:cNvPr id="61" name="TextBox 60">
              <a:extLst>
                <a:ext uri="{FF2B5EF4-FFF2-40B4-BE49-F238E27FC236}">
                  <a16:creationId xmlns:a16="http://schemas.microsoft.com/office/drawing/2014/main" id="{6023B3E1-F0A2-7568-2454-9256FFDE5311}"/>
                </a:ext>
              </a:extLst>
            </p:cNvPr>
            <p:cNvSpPr txBox="1"/>
            <p:nvPr/>
          </p:nvSpPr>
          <p:spPr>
            <a:xfrm>
              <a:off x="5630926" y="3078650"/>
              <a:ext cx="948220" cy="119977"/>
            </a:xfrm>
            <a:prstGeom prst="rect">
              <a:avLst/>
            </a:prstGeom>
            <a:noFill/>
          </p:spPr>
          <p:txBody>
            <a:bodyPr wrap="square" rtlCol="0" anchor="ctr">
              <a:noAutofit/>
            </a:bodyPr>
            <a:lstStyle/>
            <a:p>
              <a:r>
                <a:rPr lang="da-DK" sz="1000" noProof="0" dirty="0"/>
                <a:t>Fælleseuropæisk</a:t>
              </a:r>
            </a:p>
          </p:txBody>
        </p:sp>
      </p:grpSp>
      <p:sp>
        <p:nvSpPr>
          <p:cNvPr id="67" name="Rectangle: Rounded Corners 66">
            <a:extLst>
              <a:ext uri="{FF2B5EF4-FFF2-40B4-BE49-F238E27FC236}">
                <a16:creationId xmlns:a16="http://schemas.microsoft.com/office/drawing/2014/main" id="{FA8E62C4-A29F-7439-F23C-3D1035C040EE}"/>
              </a:ext>
              <a:ext uri="{C183D7F6-B498-43B3-948B-1728B52AA6E4}">
                <adec:decorative xmlns:adec="http://schemas.microsoft.com/office/drawing/2017/decorative" val="0"/>
              </a:ext>
            </a:extLst>
          </p:cNvPr>
          <p:cNvSpPr/>
          <p:nvPr/>
        </p:nvSpPr>
        <p:spPr>
          <a:xfrm>
            <a:off x="7914352" y="5018016"/>
            <a:ext cx="1685989" cy="1192044"/>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15. Bankdata </a:t>
            </a:r>
            <a:r>
              <a:rPr lang="da-DK" sz="1000" noProof="0" dirty="0">
                <a:solidFill>
                  <a:schemeClr val="bg1"/>
                </a:solidFill>
              </a:rPr>
              <a:t>Øget digital suverænitet via hybridmiljøer og OSS</a:t>
            </a:r>
          </a:p>
        </p:txBody>
      </p:sp>
      <p:pic>
        <p:nvPicPr>
          <p:cNvPr id="68" name="Rounded Rectangle 19">
            <a:extLst>
              <a:ext uri="{FF2B5EF4-FFF2-40B4-BE49-F238E27FC236}">
                <a16:creationId xmlns:a16="http://schemas.microsoft.com/office/drawing/2014/main" id="{EB79C145-74A4-4C02-9433-9C4F590C295C}"/>
              </a:ext>
              <a:ext uri="{C183D7F6-B498-43B3-948B-1728B52AA6E4}">
                <adec:decorative xmlns:adec="http://schemas.microsoft.com/office/drawing/2017/decorative" val="1"/>
              </a:ext>
            </a:extLst>
          </p:cNvPr>
          <p:cNvPicPr>
            <a:picLocks noChangeAspect="1"/>
          </p:cNvPicPr>
          <p:nvPr>
            <p:custDataLst>
              <p:tags r:id="rId13"/>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9051863" y="5018015"/>
            <a:ext cx="557107" cy="1192044"/>
          </a:xfrm>
          <a:prstGeom prst="roundRect">
            <a:avLst/>
          </a:prstGeom>
        </p:spPr>
      </p:pic>
      <p:pic>
        <p:nvPicPr>
          <p:cNvPr id="162" name="Rounded Rectangle 19">
            <a:extLst>
              <a:ext uri="{FF2B5EF4-FFF2-40B4-BE49-F238E27FC236}">
                <a16:creationId xmlns:a16="http://schemas.microsoft.com/office/drawing/2014/main" id="{71CC4482-69AF-E903-3D05-4EC68CBAC644}"/>
              </a:ext>
              <a:ext uri="{C183D7F6-B498-43B3-948B-1728B52AA6E4}">
                <adec:decorative xmlns:adec="http://schemas.microsoft.com/office/drawing/2017/decorative" val="1"/>
              </a:ext>
            </a:extLst>
          </p:cNvPr>
          <p:cNvPicPr>
            <a:picLocks noChangeAspect="1"/>
          </p:cNvPicPr>
          <p:nvPr>
            <p:custDataLst>
              <p:tags r:id="rId14"/>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9051863" y="2399342"/>
            <a:ext cx="557107" cy="1192044"/>
          </a:xfrm>
          <a:prstGeom prst="roundRect">
            <a:avLst/>
          </a:prstGeom>
        </p:spPr>
      </p:pic>
      <p:pic>
        <p:nvPicPr>
          <p:cNvPr id="188" name="Rounded Rectangle 19">
            <a:extLst>
              <a:ext uri="{FF2B5EF4-FFF2-40B4-BE49-F238E27FC236}">
                <a16:creationId xmlns:a16="http://schemas.microsoft.com/office/drawing/2014/main" id="{4BD2A6C4-A473-CF05-B99A-51817A947D87}"/>
              </a:ext>
              <a:ext uri="{C183D7F6-B498-43B3-948B-1728B52AA6E4}">
                <adec:decorative xmlns:adec="http://schemas.microsoft.com/office/drawing/2017/decorative" val="1"/>
              </a:ext>
            </a:extLst>
          </p:cNvPr>
          <p:cNvPicPr>
            <a:picLocks noChangeAspect="1"/>
          </p:cNvPicPr>
          <p:nvPr>
            <p:custDataLst>
              <p:tags r:id="rId15"/>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9051863" y="3711096"/>
            <a:ext cx="557107" cy="1192044"/>
          </a:xfrm>
          <a:prstGeom prst="roundRect">
            <a:avLst/>
          </a:prstGeom>
        </p:spPr>
      </p:pic>
      <p:grpSp>
        <p:nvGrpSpPr>
          <p:cNvPr id="2" name="Group 100">
            <a:extLst>
              <a:ext uri="{FF2B5EF4-FFF2-40B4-BE49-F238E27FC236}">
                <a16:creationId xmlns:a16="http://schemas.microsoft.com/office/drawing/2014/main" id="{933EE742-1164-6F49-E2B1-4BF46CF94A68}"/>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4" name="Rectangle 101">
              <a:extLst>
                <a:ext uri="{FF2B5EF4-FFF2-40B4-BE49-F238E27FC236}">
                  <a16:creationId xmlns:a16="http://schemas.microsoft.com/office/drawing/2014/main" id="{A4C2F36A-1518-2EE4-58CC-E4D1431A0D93}"/>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Rectangle 102">
              <a:extLst>
                <a:ext uri="{FF2B5EF4-FFF2-40B4-BE49-F238E27FC236}">
                  <a16:creationId xmlns:a16="http://schemas.microsoft.com/office/drawing/2014/main" id="{0E13B6B0-CDD0-37E0-6D0F-0FAE33BCEAF7}"/>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err="1">
                  <a:ln>
                    <a:noFill/>
                  </a:ln>
                  <a:solidFill>
                    <a:srgbClr val="FFFFFF"/>
                  </a:solidFill>
                  <a:effectLst/>
                  <a:uLnTx/>
                  <a:uFillTx/>
                  <a:latin typeface="Arial" panose="020B0604020202020204"/>
                  <a:ea typeface="+mn-ea"/>
                  <a:cs typeface="+mn-cs"/>
                </a:rPr>
                <a:t>Casekatalog</a:t>
              </a:r>
              <a:endParaRPr kumimoji="0" lang="da-DK" sz="900" b="1"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224703583"/>
      </p:ext>
    </p:extLst>
  </p:cSld>
  <p:clrMapOvr>
    <a:masterClrMapping/>
  </p:clrMapOvr>
  <p:transition>
    <p:fade/>
  </p:transition>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F1023D-9CD1-438F-2FE5-F3342019C0C9}"/>
            </a:ext>
          </a:extLst>
        </p:cNvPr>
        <p:cNvGrpSpPr/>
        <p:nvPr/>
      </p:nvGrpSpPr>
      <p:grpSpPr>
        <a:xfrm>
          <a:off x="0" y="0"/>
          <a:ext cx="0" cy="0"/>
          <a:chOff x="0" y="0"/>
          <a:chExt cx="0" cy="0"/>
        </a:xfrm>
      </p:grpSpPr>
      <p:sp>
        <p:nvSpPr>
          <p:cNvPr id="13" name="Rectangle: Rounded Corners 12">
            <a:extLst>
              <a:ext uri="{FF2B5EF4-FFF2-40B4-BE49-F238E27FC236}">
                <a16:creationId xmlns:a16="http://schemas.microsoft.com/office/drawing/2014/main" id="{4E95E140-3F21-4C6F-3284-E264A21E3385}"/>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latin typeface="Arial" panose="020B0604020202020204"/>
              </a:rPr>
              <a:t>Case 09 | </a:t>
            </a:r>
            <a:r>
              <a:rPr lang="da-DK" sz="1600" b="1" noProof="0" dirty="0">
                <a:solidFill>
                  <a:srgbClr val="36465A"/>
                </a:solidFill>
                <a:latin typeface="Arial" panose="020B0604020202020204"/>
                <a:sym typeface="Wingdings" panose="05000000000000000000" pitchFamily="2" charset="2"/>
              </a:rPr>
              <a:t>Åben og komponentbaseret it-arkitektur i KOMBIT</a:t>
            </a:r>
          </a:p>
        </p:txBody>
      </p:sp>
      <p:sp>
        <p:nvSpPr>
          <p:cNvPr id="2" name="Title 1">
            <a:extLst>
              <a:ext uri="{FF2B5EF4-FFF2-40B4-BE49-F238E27FC236}">
                <a16:creationId xmlns:a16="http://schemas.microsoft.com/office/drawing/2014/main" id="{00288B21-E0A7-58AF-B84E-8251CBA36C0A}"/>
              </a:ext>
            </a:extLst>
          </p:cNvPr>
          <p:cNvSpPr>
            <a:spLocks noGrp="1"/>
          </p:cNvSpPr>
          <p:nvPr>
            <p:ph type="title"/>
          </p:nvPr>
        </p:nvSpPr>
        <p:spPr/>
        <p:txBody>
          <a:bodyPr/>
          <a:lstStyle/>
          <a:p>
            <a:r>
              <a:rPr lang="da-DK" sz="2200" noProof="0"/>
              <a:t>Side 3/3 | </a:t>
            </a:r>
            <a:r>
              <a:rPr lang="da-DK" sz="2200" b="1" noProof="0"/>
              <a:t>Teknologisk og organisatorisk transformation</a:t>
            </a:r>
            <a:endParaRPr lang="da-DK" sz="2200" i="1" noProof="0"/>
          </a:p>
        </p:txBody>
      </p:sp>
      <p:pic>
        <p:nvPicPr>
          <p:cNvPr id="4" name="Picture 4">
            <a:extLst>
              <a:ext uri="{FF2B5EF4-FFF2-40B4-BE49-F238E27FC236}">
                <a16:creationId xmlns:a16="http://schemas.microsoft.com/office/drawing/2014/main" id="{8F00B16B-FF65-D592-DBA2-33428759DA4C}"/>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662407" y="141646"/>
            <a:ext cx="1079081" cy="986084"/>
          </a:xfrm>
          <a:prstGeom prst="rect">
            <a:avLst/>
          </a:prstGeom>
          <a:noFill/>
          <a:extLst>
            <a:ext uri="{909E8E84-426E-40DD-AFC4-6F175D3DCCD1}">
              <a14:hiddenFill xmlns:a14="http://schemas.microsoft.com/office/drawing/2010/main">
                <a:solidFill>
                  <a:srgbClr val="FFFFFF"/>
                </a:solidFill>
              </a14:hiddenFill>
            </a:ext>
          </a:extLst>
        </p:spPr>
      </p:pic>
      <p:sp>
        <p:nvSpPr>
          <p:cNvPr id="10" name="Rectangle: Rounded Corners 9">
            <a:extLst>
              <a:ext uri="{FF2B5EF4-FFF2-40B4-BE49-F238E27FC236}">
                <a16:creationId xmlns:a16="http://schemas.microsoft.com/office/drawing/2014/main" id="{1EC3FE1C-BF24-26A8-7A67-9354D5ACA436}"/>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a:ln>
                  <a:noFill/>
                </a:ln>
                <a:solidFill>
                  <a:srgbClr val="36465A"/>
                </a:solidFill>
                <a:effectLst/>
                <a:uLnTx/>
                <a:uFillTx/>
                <a:latin typeface="Arial" panose="020B0604020202020204"/>
                <a:ea typeface="+mn-ea"/>
                <a:cs typeface="+mn-cs"/>
              </a:rPr>
              <a:t>Teknologisk transformation</a:t>
            </a:r>
          </a:p>
        </p:txBody>
      </p:sp>
      <p:sp>
        <p:nvSpPr>
          <p:cNvPr id="3" name="Rectangle 2">
            <a:extLst>
              <a:ext uri="{FF2B5EF4-FFF2-40B4-BE49-F238E27FC236}">
                <a16:creationId xmlns:a16="http://schemas.microsoft.com/office/drawing/2014/main" id="{E8B2295E-A304-1654-1208-D7EA87A46AC3}"/>
              </a:ext>
            </a:extLst>
          </p:cNvPr>
          <p:cNvSpPr/>
          <p:nvPr/>
        </p:nvSpPr>
        <p:spPr>
          <a:xfrm>
            <a:off x="560498" y="2069025"/>
            <a:ext cx="2940490" cy="46079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marL="0" marR="0" lvl="0" indent="0" algn="l" defTabSz="1039307" rtl="0" eaLnBrk="1" fontAlgn="auto" latinLnBrk="0" hangingPunct="1">
              <a:lnSpc>
                <a:spcPct val="100000"/>
              </a:lnSpc>
              <a:spcBef>
                <a:spcPts val="0"/>
              </a:spcBef>
              <a:spcAft>
                <a:spcPts val="350"/>
              </a:spcAft>
              <a:buClrTx/>
              <a:buSzTx/>
              <a:buFontTx/>
              <a:buNone/>
              <a:tabLst/>
              <a:defRPr/>
            </a:pPr>
            <a:r>
              <a:rPr kumimoji="0" lang="da-DK" sz="900" b="1" i="0" u="none" strike="noStrike" kern="1200" cap="none" spc="0" normalizeH="0" baseline="0" noProof="0">
                <a:ln>
                  <a:noFill/>
                </a:ln>
                <a:solidFill>
                  <a:srgbClr val="36465A"/>
                </a:solidFill>
                <a:effectLst/>
                <a:uLnTx/>
                <a:uFillTx/>
                <a:latin typeface="Arial" panose="020B0604020202020204"/>
                <a:ea typeface="+mn-ea"/>
                <a:cs typeface="+mn-cs"/>
              </a:rPr>
              <a:t>Teknologisk målbillede</a:t>
            </a:r>
          </a:p>
          <a:p>
            <a:pPr>
              <a:spcAft>
                <a:spcPts val="350"/>
              </a:spcAft>
              <a:defRPr/>
            </a:pPr>
            <a:r>
              <a:rPr lang="da-DK" sz="900" noProof="0">
                <a:solidFill>
                  <a:schemeClr val="tx1"/>
                </a:solidFill>
              </a:rPr>
              <a:t>KOMBIT har arbejdet med en række forskellige virkemidler for at sikre digital handlefrihed.</a:t>
            </a:r>
          </a:p>
          <a:p>
            <a:pPr>
              <a:spcAft>
                <a:spcPts val="350"/>
              </a:spcAft>
              <a:defRPr/>
            </a:pPr>
            <a:r>
              <a:rPr lang="da-DK" sz="900" noProof="0">
                <a:solidFill>
                  <a:schemeClr val="tx1"/>
                </a:solidFill>
              </a:rPr>
              <a:t>KOMBIT har fra sin etablering haft fokus på:</a:t>
            </a:r>
          </a:p>
          <a:p>
            <a:pPr marL="171450" indent="-171450">
              <a:spcAft>
                <a:spcPts val="350"/>
              </a:spcAft>
              <a:buFont typeface="Arial" panose="020B0604020202020204" pitchFamily="34" charset="0"/>
              <a:buChar char="•"/>
              <a:defRPr/>
            </a:pPr>
            <a:r>
              <a:rPr lang="da-DK" sz="900" b="1" noProof="0">
                <a:solidFill>
                  <a:schemeClr val="tx1"/>
                </a:solidFill>
              </a:rPr>
              <a:t>Udvidet brugsret </a:t>
            </a:r>
            <a:r>
              <a:rPr lang="da-DK" sz="900" noProof="0">
                <a:solidFill>
                  <a:schemeClr val="tx1"/>
                </a:solidFill>
              </a:rPr>
              <a:t>til kode, som sikrer, at KOMBIT kan genbruge de elementer, som er udviklet specifikt til KOMBIT (kundespecifik kode), og som ikke er standard. Leverandører har IP-rettigheder.</a:t>
            </a:r>
          </a:p>
          <a:p>
            <a:pPr marL="171450" indent="-171450">
              <a:spcAft>
                <a:spcPts val="350"/>
              </a:spcAft>
              <a:buFont typeface="Arial" panose="020B0604020202020204" pitchFamily="34" charset="0"/>
              <a:buChar char="•"/>
              <a:defRPr/>
            </a:pPr>
            <a:r>
              <a:rPr lang="da-DK" sz="900" b="1" noProof="0">
                <a:solidFill>
                  <a:schemeClr val="tx1"/>
                </a:solidFill>
              </a:rPr>
              <a:t>Struktureret proces for kode-</a:t>
            </a:r>
            <a:r>
              <a:rPr lang="da-DK" sz="900" b="1" noProof="0" err="1">
                <a:solidFill>
                  <a:schemeClr val="tx1"/>
                </a:solidFill>
              </a:rPr>
              <a:t>reviews</a:t>
            </a:r>
            <a:r>
              <a:rPr lang="da-DK" sz="900" noProof="0">
                <a:solidFill>
                  <a:schemeClr val="tx1"/>
                </a:solidFill>
              </a:rPr>
              <a:t> for at teste kvalitet og sikre øget transparens.</a:t>
            </a:r>
          </a:p>
          <a:p>
            <a:pPr>
              <a:spcAft>
                <a:spcPts val="350"/>
              </a:spcAft>
              <a:defRPr/>
            </a:pPr>
            <a:r>
              <a:rPr lang="da-DK" sz="900" noProof="0">
                <a:solidFill>
                  <a:schemeClr val="tx1"/>
                </a:solidFill>
              </a:rPr>
              <a:t>KOMBIT har igennem de sidste år tilføjet en række strategiske virkemidler, som omfatter:</a:t>
            </a:r>
          </a:p>
          <a:p>
            <a:pPr marL="171450" indent="-171450">
              <a:spcAft>
                <a:spcPts val="350"/>
              </a:spcAft>
              <a:buFont typeface="Arial" panose="020B0604020202020204" pitchFamily="34" charset="0"/>
              <a:buChar char="•"/>
              <a:defRPr/>
            </a:pPr>
            <a:r>
              <a:rPr lang="da-DK" sz="900" b="1" noProof="0">
                <a:solidFill>
                  <a:schemeClr val="tx1"/>
                </a:solidFill>
              </a:rPr>
              <a:t>Principbeslutning om ikke at bruge udenlandske clouds </a:t>
            </a:r>
            <a:r>
              <a:rPr lang="da-DK" sz="900" noProof="0">
                <a:solidFill>
                  <a:schemeClr val="tx1"/>
                </a:solidFill>
              </a:rPr>
              <a:t>til opbevaring </a:t>
            </a:r>
            <a:r>
              <a:rPr lang="da-DK" sz="900" noProof="0" dirty="0">
                <a:solidFill>
                  <a:schemeClr val="tx1"/>
                </a:solidFill>
              </a:rPr>
              <a:t>af</a:t>
            </a:r>
            <a:r>
              <a:rPr lang="da-DK" sz="900" noProof="0">
                <a:solidFill>
                  <a:schemeClr val="tx1"/>
                </a:solidFill>
              </a:rPr>
              <a:t> persondata.</a:t>
            </a:r>
          </a:p>
          <a:p>
            <a:pPr marL="171450" indent="-171450">
              <a:spcAft>
                <a:spcPts val="350"/>
              </a:spcAft>
              <a:buFont typeface="Arial" panose="020B0604020202020204" pitchFamily="34" charset="0"/>
              <a:buChar char="•"/>
              <a:defRPr/>
            </a:pPr>
            <a:r>
              <a:rPr lang="da-DK" sz="900" noProof="0">
                <a:solidFill>
                  <a:schemeClr val="tx1"/>
                </a:solidFill>
              </a:rPr>
              <a:t>Udbygning af den fælleskommunale </a:t>
            </a:r>
            <a:r>
              <a:rPr lang="da-DK" sz="900" b="1" noProof="0">
                <a:solidFill>
                  <a:schemeClr val="tx1"/>
                </a:solidFill>
              </a:rPr>
              <a:t>it-infrastruktur (FKI) </a:t>
            </a:r>
            <a:r>
              <a:rPr lang="da-DK" sz="900" noProof="0">
                <a:solidFill>
                  <a:schemeClr val="tx1"/>
                </a:solidFill>
              </a:rPr>
              <a:t>for i højere grad at kunne binde digitale løsninger sammen og sikre, at data, systemer og processer arbejder på tværs. </a:t>
            </a:r>
          </a:p>
          <a:p>
            <a:pPr marL="171450" indent="-171450">
              <a:spcAft>
                <a:spcPts val="350"/>
              </a:spcAft>
              <a:buFont typeface="Arial" panose="020B0604020202020204" pitchFamily="34" charset="0"/>
              <a:buChar char="•"/>
              <a:defRPr/>
            </a:pPr>
            <a:r>
              <a:rPr lang="da-DK" sz="900" b="1" noProof="0">
                <a:solidFill>
                  <a:schemeClr val="tx1"/>
                </a:solidFill>
                <a:latin typeface="Arial" panose="020B0604020202020204"/>
              </a:rPr>
              <a:t>Etablering af en driftsplatform,</a:t>
            </a:r>
            <a:r>
              <a:rPr lang="da-DK" sz="900" noProof="0">
                <a:solidFill>
                  <a:schemeClr val="tx1"/>
                </a:solidFill>
                <a:latin typeface="Arial" panose="020B0604020202020204"/>
              </a:rPr>
              <a:t> </a:t>
            </a:r>
            <a:r>
              <a:rPr lang="da-DK" sz="900" noProof="0">
                <a:solidFill>
                  <a:schemeClr val="tx1"/>
                </a:solidFill>
              </a:rPr>
              <a:t>som pt. er i udbud. Platformen skal i første omgang drifte </a:t>
            </a:r>
            <a:r>
              <a:rPr lang="da-DK" sz="900" noProof="0">
                <a:solidFill>
                  <a:schemeClr val="tx1"/>
                </a:solidFill>
                <a:latin typeface="Arial" panose="020B0604020202020204"/>
              </a:rPr>
              <a:t>infrastrukturkomponenter (IaaS), men kan på sigt drifte øvrige KOMBIT-løsninger. </a:t>
            </a:r>
            <a:r>
              <a:rPr lang="da-DK" sz="900" noProof="0">
                <a:solidFill>
                  <a:srgbClr val="000000"/>
                </a:solidFill>
                <a:latin typeface="Arial" panose="020B0604020202020204"/>
              </a:rPr>
              <a:t>Med udbuddet tager KOMBIT et opgør med de klassiske “</a:t>
            </a:r>
            <a:r>
              <a:rPr lang="da-DK" sz="900" noProof="0" err="1">
                <a:solidFill>
                  <a:srgbClr val="000000"/>
                </a:solidFill>
                <a:latin typeface="Arial" panose="020B0604020202020204"/>
              </a:rPr>
              <a:t>full</a:t>
            </a:r>
            <a:r>
              <a:rPr lang="da-DK" sz="900" noProof="0">
                <a:solidFill>
                  <a:srgbClr val="000000"/>
                </a:solidFill>
                <a:latin typeface="Arial" panose="020B0604020202020204"/>
              </a:rPr>
              <a:t>-</a:t>
            </a:r>
            <a:r>
              <a:rPr lang="da-DK" sz="900" noProof="0" err="1">
                <a:solidFill>
                  <a:srgbClr val="000000"/>
                </a:solidFill>
                <a:latin typeface="Arial" panose="020B0604020202020204"/>
              </a:rPr>
              <a:t>stack</a:t>
            </a:r>
            <a:r>
              <a:rPr lang="da-DK" sz="900" noProof="0">
                <a:solidFill>
                  <a:srgbClr val="000000"/>
                </a:solidFill>
                <a:latin typeface="Arial" panose="020B0604020202020204"/>
              </a:rPr>
              <a:t>”-kontrakter, hvor én leverandør står for både platform og applikation. Det skaber </a:t>
            </a:r>
            <a:r>
              <a:rPr lang="da-DK" sz="900" noProof="0" err="1">
                <a:solidFill>
                  <a:srgbClr val="000000"/>
                </a:solidFill>
                <a:latin typeface="Arial" panose="020B0604020202020204"/>
              </a:rPr>
              <a:t>optionalitet</a:t>
            </a:r>
            <a:r>
              <a:rPr lang="da-DK" sz="900" noProof="0">
                <a:solidFill>
                  <a:srgbClr val="000000"/>
                </a:solidFill>
                <a:latin typeface="Arial" panose="020B0604020202020204"/>
              </a:rPr>
              <a:t>.</a:t>
            </a:r>
          </a:p>
          <a:p>
            <a:pPr marL="171450" indent="-171450">
              <a:spcAft>
                <a:spcPts val="350"/>
              </a:spcAft>
              <a:buFont typeface="Arial" panose="020B0604020202020204" pitchFamily="34" charset="0"/>
              <a:buChar char="•"/>
              <a:defRPr/>
            </a:pPr>
            <a:r>
              <a:rPr lang="da-DK" sz="900" b="1" noProof="0">
                <a:solidFill>
                  <a:schemeClr val="tx1"/>
                </a:solidFill>
              </a:rPr>
              <a:t>Principbeslutning om yderligere </a:t>
            </a:r>
            <a:r>
              <a:rPr lang="da-DK" sz="900" b="1" noProof="0" err="1">
                <a:solidFill>
                  <a:schemeClr val="tx1"/>
                </a:solidFill>
              </a:rPr>
              <a:t>dekomponering</a:t>
            </a:r>
            <a:r>
              <a:rPr lang="da-DK" sz="900" b="1" noProof="0">
                <a:solidFill>
                  <a:schemeClr val="tx1"/>
                </a:solidFill>
              </a:rPr>
              <a:t> </a:t>
            </a:r>
            <a:r>
              <a:rPr lang="da-DK" sz="900" noProof="0">
                <a:solidFill>
                  <a:schemeClr val="tx1"/>
                </a:solidFill>
              </a:rPr>
              <a:t>af løsninger fra 2026, fx opdeling af løsninger i funktionalitetsmoduler, som forskellige leverandører på sigt kan levere.</a:t>
            </a:r>
          </a:p>
          <a:p>
            <a:pPr marL="171450" indent="-171450">
              <a:spcAft>
                <a:spcPts val="350"/>
              </a:spcAft>
              <a:buFont typeface="Arial" panose="020B0604020202020204" pitchFamily="34" charset="0"/>
              <a:buChar char="•"/>
              <a:defRPr/>
            </a:pPr>
            <a:endParaRPr lang="da-DK" sz="900" noProof="0">
              <a:solidFill>
                <a:srgbClr val="000000"/>
              </a:solidFill>
              <a:latin typeface="Arial" panose="020B0604020202020204"/>
            </a:endParaRPr>
          </a:p>
        </p:txBody>
      </p:sp>
      <p:sp>
        <p:nvSpPr>
          <p:cNvPr id="11" name="Rectangle: Rounded Corners 10">
            <a:extLst>
              <a:ext uri="{FF2B5EF4-FFF2-40B4-BE49-F238E27FC236}">
                <a16:creationId xmlns:a16="http://schemas.microsoft.com/office/drawing/2014/main" id="{BB73A96B-98A3-0D70-A7E6-51F32D81A261}"/>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a:ln>
                  <a:noFill/>
                </a:ln>
                <a:solidFill>
                  <a:srgbClr val="36465A"/>
                </a:solidFill>
                <a:effectLst/>
                <a:uLnTx/>
                <a:uFillTx/>
                <a:latin typeface="Arial" panose="020B0604020202020204"/>
                <a:ea typeface="+mn-ea"/>
                <a:cs typeface="+mn-cs"/>
              </a:rPr>
              <a:t>Organisatorisk transformation</a:t>
            </a:r>
          </a:p>
        </p:txBody>
      </p:sp>
      <p:sp>
        <p:nvSpPr>
          <p:cNvPr id="5" name="Rectangle 4">
            <a:extLst>
              <a:ext uri="{FF2B5EF4-FFF2-40B4-BE49-F238E27FC236}">
                <a16:creationId xmlns:a16="http://schemas.microsoft.com/office/drawing/2014/main" id="{3C96C1ED-ECFB-B6BC-2B45-C13F6B14D94E}"/>
              </a:ext>
            </a:extLst>
          </p:cNvPr>
          <p:cNvSpPr/>
          <p:nvPr/>
        </p:nvSpPr>
        <p:spPr>
          <a:xfrm>
            <a:off x="3565418" y="2069025"/>
            <a:ext cx="2985319" cy="424222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a:ln>
                  <a:noFill/>
                </a:ln>
                <a:solidFill>
                  <a:srgbClr val="36465A"/>
                </a:solidFill>
                <a:effectLst/>
                <a:uLnTx/>
                <a:uFillTx/>
                <a:latin typeface="Arial" panose="020B0604020202020204"/>
                <a:ea typeface="+mn-ea"/>
                <a:cs typeface="+mn-cs"/>
                <a:sym typeface="Wingdings" panose="05000000000000000000" pitchFamily="2" charset="2"/>
              </a:rPr>
              <a:t>Projektorganisering</a:t>
            </a:r>
          </a:p>
          <a:p>
            <a:pPr lvl="0">
              <a:spcAft>
                <a:spcPts val="350"/>
              </a:spcAft>
              <a:defRPr/>
            </a:pPr>
            <a:r>
              <a:rPr lang="da-DK" sz="900" noProof="0" err="1">
                <a:solidFill>
                  <a:schemeClr val="tx1"/>
                </a:solidFill>
                <a:sym typeface="Wingdings" panose="05000000000000000000" pitchFamily="2" charset="2"/>
              </a:rPr>
              <a:t>KOMBITs</a:t>
            </a:r>
            <a:r>
              <a:rPr lang="da-DK" sz="900" noProof="0">
                <a:solidFill>
                  <a:schemeClr val="tx1"/>
                </a:solidFill>
                <a:sym typeface="Wingdings" panose="05000000000000000000" pitchFamily="2" charset="2"/>
              </a:rPr>
              <a:t> arbejde med at sikre en endnu større grad af digital handlefrihed via en åben og komponentbaseret it-arkitektur har ikke været organiseret i et samlet program eller projekt.</a:t>
            </a:r>
          </a:p>
          <a:p>
            <a:pPr lvl="0">
              <a:spcAft>
                <a:spcPts val="350"/>
              </a:spcAft>
              <a:defRPr/>
            </a:pPr>
            <a:r>
              <a:rPr lang="da-DK" sz="900" noProof="0">
                <a:solidFill>
                  <a:schemeClr val="tx1"/>
                </a:solidFill>
                <a:sym typeface="Wingdings" panose="05000000000000000000" pitchFamily="2" charset="2"/>
              </a:rPr>
              <a:t>Der har i stedet været tale om heterogene tiltag og indsatser, hvor nogle elementer som fx kode-</a:t>
            </a:r>
            <a:r>
              <a:rPr lang="da-DK" sz="900" noProof="0" err="1">
                <a:solidFill>
                  <a:schemeClr val="tx1"/>
                </a:solidFill>
                <a:sym typeface="Wingdings" panose="05000000000000000000" pitchFamily="2" charset="2"/>
              </a:rPr>
              <a:t>reviews</a:t>
            </a:r>
            <a:r>
              <a:rPr lang="da-DK" sz="900" noProof="0">
                <a:solidFill>
                  <a:schemeClr val="tx1"/>
                </a:solidFill>
                <a:sym typeface="Wingdings" panose="05000000000000000000" pitchFamily="2" charset="2"/>
              </a:rPr>
              <a:t> har været tænkt ind fra </a:t>
            </a:r>
            <a:r>
              <a:rPr lang="da-DK" sz="900" noProof="0" err="1">
                <a:solidFill>
                  <a:schemeClr val="tx1"/>
                </a:solidFill>
                <a:sym typeface="Wingdings" panose="05000000000000000000" pitchFamily="2" charset="2"/>
              </a:rPr>
              <a:t>KOMBITs</a:t>
            </a:r>
            <a:r>
              <a:rPr lang="da-DK" sz="900" noProof="0">
                <a:solidFill>
                  <a:schemeClr val="tx1"/>
                </a:solidFill>
                <a:sym typeface="Wingdings" panose="05000000000000000000" pitchFamily="2" charset="2"/>
              </a:rPr>
              <a:t> etablering, imens øvrige tiltag som fx driftsplatform er besluttet hen ad vejen for bedst muligt at understøtte </a:t>
            </a:r>
            <a:r>
              <a:rPr lang="da-DK" sz="900" noProof="0" err="1">
                <a:solidFill>
                  <a:schemeClr val="tx1"/>
                </a:solidFill>
                <a:sym typeface="Wingdings" panose="05000000000000000000" pitchFamily="2" charset="2"/>
              </a:rPr>
              <a:t>KOMBITs</a:t>
            </a:r>
            <a:r>
              <a:rPr lang="da-DK" sz="900" noProof="0">
                <a:solidFill>
                  <a:schemeClr val="tx1"/>
                </a:solidFill>
                <a:sym typeface="Wingdings" panose="05000000000000000000" pitchFamily="2" charset="2"/>
              </a:rPr>
              <a:t> strategiske fokus. </a:t>
            </a:r>
            <a:endParaRPr kumimoji="0" lang="da-DK" sz="900" b="1"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endParaRP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a:ln>
                  <a:noFill/>
                </a:ln>
                <a:solidFill>
                  <a:srgbClr val="36465A"/>
                </a:solidFill>
                <a:effectLst/>
                <a:uLnTx/>
                <a:uFillTx/>
                <a:latin typeface="Arial" panose="020B0604020202020204"/>
                <a:ea typeface="+mn-ea"/>
                <a:cs typeface="+mn-cs"/>
                <a:sym typeface="Wingdings" panose="05000000000000000000" pitchFamily="2" charset="2"/>
              </a:rPr>
              <a:t>Forandringsledelse</a:t>
            </a:r>
          </a:p>
          <a:p>
            <a:pPr marR="0" indent="0" fontAlgn="auto">
              <a:lnSpc>
                <a:spcPct val="100000"/>
              </a:lnSpc>
              <a:spcBef>
                <a:spcPts val="0"/>
              </a:spcBef>
              <a:spcAft>
                <a:spcPts val="350"/>
              </a:spcAft>
              <a:buClrTx/>
              <a:buSzTx/>
              <a:buFontTx/>
              <a:buNone/>
              <a:tabLst/>
              <a:defRPr/>
            </a:pPr>
            <a:r>
              <a:rPr lang="da-DK" sz="900" noProof="0">
                <a:solidFill>
                  <a:schemeClr val="tx1"/>
                </a:solidFill>
              </a:rPr>
              <a:t>I arbejdet med at udvikle de kommunale løsninger, så de kan skabe endnu større værdi for kommunerne, etablere en fælles driftsplatform for infrastrukturkomponenter og yderligere </a:t>
            </a:r>
            <a:r>
              <a:rPr lang="da-DK" sz="900" noProof="0" err="1">
                <a:solidFill>
                  <a:schemeClr val="tx1"/>
                </a:solidFill>
              </a:rPr>
              <a:t>dekomponering</a:t>
            </a:r>
            <a:r>
              <a:rPr lang="da-DK" sz="900" noProof="0">
                <a:solidFill>
                  <a:schemeClr val="tx1"/>
                </a:solidFill>
              </a:rPr>
              <a:t>, har KOMBIT behov for tættere dialog og gode samarbejdsmodeller med både kommuner og leverandører.</a:t>
            </a:r>
          </a:p>
          <a:p>
            <a:pPr marR="0" indent="0" fontAlgn="auto">
              <a:lnSpc>
                <a:spcPct val="100000"/>
              </a:lnSpc>
              <a:spcBef>
                <a:spcPts val="0"/>
              </a:spcBef>
              <a:spcAft>
                <a:spcPts val="350"/>
              </a:spcAft>
              <a:buClrTx/>
              <a:buSzTx/>
              <a:buFontTx/>
              <a:buNone/>
              <a:tabLst/>
              <a:defRPr/>
            </a:pPr>
            <a:r>
              <a:rPr lang="da-DK" sz="900" noProof="0">
                <a:solidFill>
                  <a:schemeClr val="tx1"/>
                </a:solidFill>
              </a:rPr>
              <a:t>Der er ikke igangsat konkrete indsatser til forandringsledelse for de omtalte virkemidler under det teknologiske målbillede, men KOMBIT arbejder generelt på at styrke:</a:t>
            </a:r>
          </a:p>
          <a:p>
            <a:pPr marL="171450" marR="0" indent="-171450" fontAlgn="auto">
              <a:lnSpc>
                <a:spcPct val="100000"/>
              </a:lnSpc>
              <a:spcBef>
                <a:spcPts val="0"/>
              </a:spcBef>
              <a:spcAft>
                <a:spcPts val="350"/>
              </a:spcAft>
              <a:buClrTx/>
              <a:buSzTx/>
              <a:buFont typeface="Arial" panose="020B0604020202020204" pitchFamily="34" charset="0"/>
              <a:buChar char="•"/>
              <a:tabLst/>
              <a:defRPr/>
            </a:pPr>
            <a:r>
              <a:rPr lang="da-DK" sz="900" noProof="0">
                <a:solidFill>
                  <a:schemeClr val="tx1"/>
                </a:solidFill>
              </a:rPr>
              <a:t>Bedre </a:t>
            </a:r>
            <a:r>
              <a:rPr lang="da-DK" sz="900" noProof="0" err="1">
                <a:solidFill>
                  <a:schemeClr val="tx1"/>
                </a:solidFill>
              </a:rPr>
              <a:t>vidensudveksling</a:t>
            </a:r>
            <a:r>
              <a:rPr lang="da-DK" sz="900" noProof="0">
                <a:solidFill>
                  <a:schemeClr val="tx1"/>
                </a:solidFill>
              </a:rPr>
              <a:t> mellem kommuner og KOMBIT gennem rotationsordninger.</a:t>
            </a:r>
          </a:p>
          <a:p>
            <a:pPr marL="171450" marR="0" indent="-171450" fontAlgn="auto">
              <a:lnSpc>
                <a:spcPct val="100000"/>
              </a:lnSpc>
              <a:spcBef>
                <a:spcPts val="0"/>
              </a:spcBef>
              <a:spcAft>
                <a:spcPts val="350"/>
              </a:spcAft>
              <a:buClrTx/>
              <a:buSzTx/>
              <a:buFont typeface="Arial" panose="020B0604020202020204" pitchFamily="34" charset="0"/>
              <a:buChar char="•"/>
              <a:tabLst/>
              <a:defRPr/>
            </a:pPr>
            <a:r>
              <a:rPr lang="da-DK" sz="900" noProof="0">
                <a:solidFill>
                  <a:schemeClr val="tx1"/>
                </a:solidFill>
              </a:rPr>
              <a:t>Bedre samspil mellem udvikling og drift gennem agile arbejdsformer og </a:t>
            </a:r>
            <a:r>
              <a:rPr lang="da-DK" sz="900" noProof="0" err="1">
                <a:solidFill>
                  <a:schemeClr val="tx1"/>
                </a:solidFill>
              </a:rPr>
              <a:t>DevOps</a:t>
            </a:r>
            <a:r>
              <a:rPr lang="da-DK" sz="900" noProof="0">
                <a:solidFill>
                  <a:schemeClr val="tx1"/>
                </a:solidFill>
              </a:rPr>
              <a:t>-metoder.</a:t>
            </a:r>
            <a:endParaRPr lang="da-DK" sz="900" noProof="0">
              <a:solidFill>
                <a:schemeClr val="tx1"/>
              </a:solidFill>
              <a:sym typeface="Wingdings" panose="05000000000000000000" pitchFamily="2" charset="2"/>
            </a:endParaRPr>
          </a:p>
          <a:p>
            <a:pPr marL="0" marR="0" lvl="0" indent="0" algn="l" defTabSz="1039307" rtl="0" eaLnBrk="1" fontAlgn="auto" latinLnBrk="0" hangingPunct="1">
              <a:lnSpc>
                <a:spcPct val="100000"/>
              </a:lnSpc>
              <a:spcBef>
                <a:spcPts val="0"/>
              </a:spcBef>
              <a:spcAft>
                <a:spcPts val="350"/>
              </a:spcAft>
              <a:buClrTx/>
              <a:buSzTx/>
              <a:buFontTx/>
              <a:buNone/>
              <a:tabLst/>
              <a:defRPr/>
            </a:pPr>
            <a:endParaRPr kumimoji="0" lang="da-DK" sz="900" b="1"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 name="Rectangle 6">
            <a:extLst>
              <a:ext uri="{FF2B5EF4-FFF2-40B4-BE49-F238E27FC236}">
                <a16:creationId xmlns:a16="http://schemas.microsoft.com/office/drawing/2014/main" id="{6F000A2D-984D-89F7-AA60-BA2CDB931B33}"/>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cxnSp>
        <p:nvCxnSpPr>
          <p:cNvPr id="8" name="Straight Connector 7">
            <a:extLst>
              <a:ext uri="{FF2B5EF4-FFF2-40B4-BE49-F238E27FC236}">
                <a16:creationId xmlns:a16="http://schemas.microsoft.com/office/drawing/2014/main" id="{65DDEE45-853D-78C7-79EA-6274D0561D1C}"/>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337F3F33-4293-F0AA-5BD4-CA324F28860E}"/>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AD4DD653-4F49-80A3-DA04-BCB620969A46}"/>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Rectangle 65">
            <a:extLst>
              <a:ext uri="{FF2B5EF4-FFF2-40B4-BE49-F238E27FC236}">
                <a16:creationId xmlns:a16="http://schemas.microsoft.com/office/drawing/2014/main" id="{D4F94D4C-F60B-697A-B5B8-1A0767FC642F}"/>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Freeform 29">
            <a:extLst>
              <a:ext uri="{FF2B5EF4-FFF2-40B4-BE49-F238E27FC236}">
                <a16:creationId xmlns:a16="http://schemas.microsoft.com/office/drawing/2014/main" id="{BAF43300-0942-9EE2-3E68-7DD1018E3BFC}"/>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21">
            <a:extLst>
              <a:ext uri="{FF2B5EF4-FFF2-40B4-BE49-F238E27FC236}">
                <a16:creationId xmlns:a16="http://schemas.microsoft.com/office/drawing/2014/main" id="{9F2850A9-4BBA-A0DF-9D3C-7698E35E520B}"/>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Rectangle: Rounded Corners 22">
            <a:extLst>
              <a:ext uri="{FF2B5EF4-FFF2-40B4-BE49-F238E27FC236}">
                <a16:creationId xmlns:a16="http://schemas.microsoft.com/office/drawing/2014/main" id="{2C93D044-F5A6-A53E-C118-852496264693}"/>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109" name="Graphic 9">
            <a:extLst>
              <a:ext uri="{FF2B5EF4-FFF2-40B4-BE49-F238E27FC236}">
                <a16:creationId xmlns:a16="http://schemas.microsoft.com/office/drawing/2014/main" id="{556C4194-A9C2-A42A-EB66-A062BA7B0706}"/>
              </a:ext>
              <a:ext uri="{C183D7F6-B498-43B3-948B-1728B52AA6E4}">
                <adec:decorative xmlns:adec="http://schemas.microsoft.com/office/drawing/2017/decorative" val="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473144" y="4233740"/>
            <a:ext cx="431800" cy="349250"/>
          </a:xfrm>
          <a:prstGeom prst="rect">
            <a:avLst/>
          </a:prstGeom>
        </p:spPr>
      </p:pic>
      <p:grpSp>
        <p:nvGrpSpPr>
          <p:cNvPr id="21" name="Group 20">
            <a:extLst>
              <a:ext uri="{FF2B5EF4-FFF2-40B4-BE49-F238E27FC236}">
                <a16:creationId xmlns:a16="http://schemas.microsoft.com/office/drawing/2014/main" id="{30BB0EA6-BC08-FA71-0923-77C6756E4E2D}"/>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34" name="Rectangle 33">
              <a:extLst>
                <a:ext uri="{FF2B5EF4-FFF2-40B4-BE49-F238E27FC236}">
                  <a16:creationId xmlns:a16="http://schemas.microsoft.com/office/drawing/2014/main" id="{5374E20F-2D30-2814-878D-9B8871D73D28}"/>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Rectangle 76">
              <a:extLst>
                <a:ext uri="{FF2B5EF4-FFF2-40B4-BE49-F238E27FC236}">
                  <a16:creationId xmlns:a16="http://schemas.microsoft.com/office/drawing/2014/main" id="{ECF0B789-28C7-DF9E-1EAB-206400C85A51}"/>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err="1">
                  <a:ln>
                    <a:noFill/>
                  </a:ln>
                  <a:solidFill>
                    <a:srgbClr val="FFFFFF"/>
                  </a:solidFill>
                  <a:effectLst/>
                  <a:uLnTx/>
                  <a:uFillTx/>
                  <a:latin typeface="Arial" panose="020B0604020202020204"/>
                  <a:ea typeface="+mn-ea"/>
                  <a:cs typeface="+mn-cs"/>
                </a:rPr>
                <a:t>Casekatalog</a:t>
              </a:r>
              <a:endParaRPr kumimoji="0" lang="da-DK" sz="900" b="1"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78" name="Rectangle: Rounded Corners 77">
            <a:extLst>
              <a:ext uri="{FF2B5EF4-FFF2-40B4-BE49-F238E27FC236}">
                <a16:creationId xmlns:a16="http://schemas.microsoft.com/office/drawing/2014/main" id="{F7A39F6E-F5BE-2D3E-BDBB-A1EA42B4F8EE}"/>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6" name="TextBox 105">
            <a:extLst>
              <a:ext uri="{FF2B5EF4-FFF2-40B4-BE49-F238E27FC236}">
                <a16:creationId xmlns:a16="http://schemas.microsoft.com/office/drawing/2014/main" id="{606AF9F2-B89F-E1BD-2767-CBB494788A02}"/>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a:ln>
                  <a:noFill/>
                </a:ln>
                <a:solidFill>
                  <a:srgbClr val="36465A"/>
                </a:solidFill>
                <a:effectLst/>
                <a:uLnTx/>
                <a:uFillTx/>
                <a:latin typeface="Arial" panose="020B0604020202020204"/>
                <a:ea typeface="+mn-ea"/>
                <a:cs typeface="+mn-cs"/>
              </a:rPr>
              <a:t>Omkostningsdrivere</a:t>
            </a:r>
          </a:p>
        </p:txBody>
      </p:sp>
      <p:sp>
        <p:nvSpPr>
          <p:cNvPr id="176" name="Content Placeholder 5">
            <a:extLst>
              <a:ext uri="{FF2B5EF4-FFF2-40B4-BE49-F238E27FC236}">
                <a16:creationId xmlns:a16="http://schemas.microsoft.com/office/drawing/2014/main" id="{12E601E9-965C-E549-2C34-A1135133F9C6}"/>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marR="0" lvl="0" indent="-87313"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700" b="0" i="1" u="none" strike="noStrike" kern="1200" cap="none" spc="0" normalizeH="0" baseline="0" noProof="0">
                <a:ln>
                  <a:noFill/>
                </a:ln>
                <a:solidFill>
                  <a:srgbClr val="000000"/>
                </a:solidFill>
                <a:effectLst/>
                <a:uLnTx/>
                <a:uFillTx/>
                <a:latin typeface="Arial" panose="020B0604020202020204"/>
                <a:ea typeface="+mn-ea"/>
                <a:cs typeface="+mn-cs"/>
              </a:rPr>
              <a:t>Omkostningsniveauer er udtryk for en relativ vurdering på tværs af cases foretaget af PA.</a:t>
            </a:r>
          </a:p>
        </p:txBody>
      </p:sp>
      <p:grpSp>
        <p:nvGrpSpPr>
          <p:cNvPr id="113" name="Group 112" descr="Projektledelse er en mellem til stor midlertidig omkostningsdriver">
            <a:extLst>
              <a:ext uri="{FF2B5EF4-FFF2-40B4-BE49-F238E27FC236}">
                <a16:creationId xmlns:a16="http://schemas.microsoft.com/office/drawing/2014/main" id="{0093D7F3-E8DD-B797-1F98-87CC6CEA8F97}"/>
              </a:ext>
              <a:ext uri="{C183D7F6-B498-43B3-948B-1728B52AA6E4}">
                <adec:decorative xmlns:adec="http://schemas.microsoft.com/office/drawing/2017/decorative" val="0"/>
              </a:ext>
            </a:extLst>
          </p:cNvPr>
          <p:cNvGrpSpPr/>
          <p:nvPr/>
        </p:nvGrpSpPr>
        <p:grpSpPr>
          <a:xfrm>
            <a:off x="7290762" y="2788420"/>
            <a:ext cx="1577741" cy="265864"/>
            <a:chOff x="860772" y="4884291"/>
            <a:chExt cx="1487909" cy="250726"/>
          </a:xfrm>
        </p:grpSpPr>
        <p:grpSp>
          <p:nvGrpSpPr>
            <p:cNvPr id="114" name="Group 113">
              <a:extLst>
                <a:ext uri="{FF2B5EF4-FFF2-40B4-BE49-F238E27FC236}">
                  <a16:creationId xmlns:a16="http://schemas.microsoft.com/office/drawing/2014/main" id="{F3D1936E-8199-3D3D-0F71-CB46DD259877}"/>
                </a:ext>
              </a:extLst>
            </p:cNvPr>
            <p:cNvGrpSpPr/>
            <p:nvPr/>
          </p:nvGrpSpPr>
          <p:grpSpPr>
            <a:xfrm>
              <a:off x="860772" y="4884291"/>
              <a:ext cx="1487909" cy="212473"/>
              <a:chOff x="5354949" y="3009711"/>
              <a:chExt cx="1645739" cy="202758"/>
            </a:xfrm>
          </p:grpSpPr>
          <p:grpSp>
            <p:nvGrpSpPr>
              <p:cNvPr id="116" name="Group 115">
                <a:extLst>
                  <a:ext uri="{FF2B5EF4-FFF2-40B4-BE49-F238E27FC236}">
                    <a16:creationId xmlns:a16="http://schemas.microsoft.com/office/drawing/2014/main" id="{F40AAF03-3F74-EF12-874C-357D107AD218}"/>
                  </a:ext>
                </a:extLst>
              </p:cNvPr>
              <p:cNvGrpSpPr/>
              <p:nvPr/>
            </p:nvGrpSpPr>
            <p:grpSpPr>
              <a:xfrm>
                <a:off x="5458296" y="3153610"/>
                <a:ext cx="1445092" cy="45719"/>
                <a:chOff x="5458296" y="3153610"/>
                <a:chExt cx="1445092" cy="45719"/>
              </a:xfrm>
            </p:grpSpPr>
            <p:cxnSp>
              <p:nvCxnSpPr>
                <p:cNvPr id="120" name="Straight Connector 119">
                  <a:extLst>
                    <a:ext uri="{FF2B5EF4-FFF2-40B4-BE49-F238E27FC236}">
                      <a16:creationId xmlns:a16="http://schemas.microsoft.com/office/drawing/2014/main" id="{A2C04B54-31D3-D7E5-3D2E-ADF31EE50BD9}"/>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21" name="Oval 120">
                  <a:extLst>
                    <a:ext uri="{FF2B5EF4-FFF2-40B4-BE49-F238E27FC236}">
                      <a16:creationId xmlns:a16="http://schemas.microsoft.com/office/drawing/2014/main" id="{4AB93EA7-C248-B546-0BE7-B6557E7DD1F7}"/>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22" name="Oval 121">
                  <a:extLst>
                    <a:ext uri="{FF2B5EF4-FFF2-40B4-BE49-F238E27FC236}">
                      <a16:creationId xmlns:a16="http://schemas.microsoft.com/office/drawing/2014/main" id="{C65E88DD-C6B9-C66F-8857-4998AB15E267}"/>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17" name="Straight Connector 116">
                <a:extLst>
                  <a:ext uri="{FF2B5EF4-FFF2-40B4-BE49-F238E27FC236}">
                    <a16:creationId xmlns:a16="http://schemas.microsoft.com/office/drawing/2014/main" id="{A260817D-7575-51D0-E4EE-35ECDA954CAC}"/>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18" name="TextBox 117">
                <a:extLst>
                  <a:ext uri="{FF2B5EF4-FFF2-40B4-BE49-F238E27FC236}">
                    <a16:creationId xmlns:a16="http://schemas.microsoft.com/office/drawing/2014/main" id="{F7E056D0-47C6-45A7-E383-5A8CCC716140}"/>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19" name="TextBox 118">
                <a:extLst>
                  <a:ext uri="{FF2B5EF4-FFF2-40B4-BE49-F238E27FC236}">
                    <a16:creationId xmlns:a16="http://schemas.microsoft.com/office/drawing/2014/main" id="{8115EA7C-0044-21A3-D12F-0D140535DFB0}"/>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15" name="Oval 114">
              <a:extLst>
                <a:ext uri="{FF2B5EF4-FFF2-40B4-BE49-F238E27FC236}">
                  <a16:creationId xmlns:a16="http://schemas.microsoft.com/office/drawing/2014/main" id="{A15165C3-617D-2273-D51F-2F4D5A9C8C3D}"/>
                </a:ext>
              </a:extLst>
            </p:cNvPr>
            <p:cNvSpPr/>
            <p:nvPr/>
          </p:nvSpPr>
          <p:spPr>
            <a:xfrm>
              <a:off x="169998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grpSp>
        <p:nvGrpSpPr>
          <p:cNvPr id="126" name="Group 125" descr="Organisatorisk implementering er en lille til mellem midlertidig omkostningsdriver">
            <a:extLst>
              <a:ext uri="{FF2B5EF4-FFF2-40B4-BE49-F238E27FC236}">
                <a16:creationId xmlns:a16="http://schemas.microsoft.com/office/drawing/2014/main" id="{21BB5E3C-12AB-0E53-0320-CBB017825F6A}"/>
              </a:ext>
              <a:ext uri="{C183D7F6-B498-43B3-948B-1728B52AA6E4}">
                <adec:decorative xmlns:adec="http://schemas.microsoft.com/office/drawing/2017/decorative" val="0"/>
              </a:ext>
            </a:extLst>
          </p:cNvPr>
          <p:cNvGrpSpPr/>
          <p:nvPr/>
        </p:nvGrpSpPr>
        <p:grpSpPr>
          <a:xfrm>
            <a:off x="7290762" y="3344608"/>
            <a:ext cx="1577741" cy="265864"/>
            <a:chOff x="860772" y="4884291"/>
            <a:chExt cx="1487909" cy="250726"/>
          </a:xfrm>
        </p:grpSpPr>
        <p:grpSp>
          <p:nvGrpSpPr>
            <p:cNvPr id="127" name="Group 126">
              <a:extLst>
                <a:ext uri="{FF2B5EF4-FFF2-40B4-BE49-F238E27FC236}">
                  <a16:creationId xmlns:a16="http://schemas.microsoft.com/office/drawing/2014/main" id="{1700196E-28B3-733A-D164-5145C9B9B171}"/>
                </a:ext>
              </a:extLst>
            </p:cNvPr>
            <p:cNvGrpSpPr/>
            <p:nvPr/>
          </p:nvGrpSpPr>
          <p:grpSpPr>
            <a:xfrm>
              <a:off x="860772" y="4884291"/>
              <a:ext cx="1487909" cy="212473"/>
              <a:chOff x="5354949" y="3009711"/>
              <a:chExt cx="1645739" cy="202758"/>
            </a:xfrm>
          </p:grpSpPr>
          <p:grpSp>
            <p:nvGrpSpPr>
              <p:cNvPr id="129" name="Group 128">
                <a:extLst>
                  <a:ext uri="{FF2B5EF4-FFF2-40B4-BE49-F238E27FC236}">
                    <a16:creationId xmlns:a16="http://schemas.microsoft.com/office/drawing/2014/main" id="{BF4C9AA8-8BC2-C02C-FF15-19170C47FEAA}"/>
                  </a:ext>
                </a:extLst>
              </p:cNvPr>
              <p:cNvGrpSpPr/>
              <p:nvPr/>
            </p:nvGrpSpPr>
            <p:grpSpPr>
              <a:xfrm>
                <a:off x="5458296" y="3153610"/>
                <a:ext cx="1445092" cy="45719"/>
                <a:chOff x="5458296" y="3153610"/>
                <a:chExt cx="1445092" cy="45719"/>
              </a:xfrm>
            </p:grpSpPr>
            <p:cxnSp>
              <p:nvCxnSpPr>
                <p:cNvPr id="133" name="Straight Connector 132">
                  <a:extLst>
                    <a:ext uri="{FF2B5EF4-FFF2-40B4-BE49-F238E27FC236}">
                      <a16:creationId xmlns:a16="http://schemas.microsoft.com/office/drawing/2014/main" id="{AFC8975C-197A-0951-0B2B-710DCB8E90C3}"/>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34" name="Oval 133">
                  <a:extLst>
                    <a:ext uri="{FF2B5EF4-FFF2-40B4-BE49-F238E27FC236}">
                      <a16:creationId xmlns:a16="http://schemas.microsoft.com/office/drawing/2014/main" id="{58A9060F-3DBD-5F89-1449-28B75CFBC5C4}"/>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35" name="Oval 134">
                  <a:extLst>
                    <a:ext uri="{FF2B5EF4-FFF2-40B4-BE49-F238E27FC236}">
                      <a16:creationId xmlns:a16="http://schemas.microsoft.com/office/drawing/2014/main" id="{9F437E62-FFED-3CD4-9BC3-AB420F905EB9}"/>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30" name="Straight Connector 129">
                <a:extLst>
                  <a:ext uri="{FF2B5EF4-FFF2-40B4-BE49-F238E27FC236}">
                    <a16:creationId xmlns:a16="http://schemas.microsoft.com/office/drawing/2014/main" id="{42734A70-4FBA-F2D7-971D-D008D4A8994D}"/>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31" name="TextBox 130">
                <a:extLst>
                  <a:ext uri="{FF2B5EF4-FFF2-40B4-BE49-F238E27FC236}">
                    <a16:creationId xmlns:a16="http://schemas.microsoft.com/office/drawing/2014/main" id="{EFAFA5CF-EC0F-80F3-CBCD-F8F0B011E5CD}"/>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32" name="TextBox 131">
                <a:extLst>
                  <a:ext uri="{FF2B5EF4-FFF2-40B4-BE49-F238E27FC236}">
                    <a16:creationId xmlns:a16="http://schemas.microsoft.com/office/drawing/2014/main" id="{B5AF6F8A-6E60-E131-D1A9-536EF5F77C04}"/>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28" name="Oval 127">
              <a:extLst>
                <a:ext uri="{FF2B5EF4-FFF2-40B4-BE49-F238E27FC236}">
                  <a16:creationId xmlns:a16="http://schemas.microsoft.com/office/drawing/2014/main" id="{E9E60F40-FCC4-10A9-20E6-64D27A4C5673}"/>
                </a:ext>
              </a:extLst>
            </p:cNvPr>
            <p:cNvSpPr/>
            <p:nvPr/>
          </p:nvSpPr>
          <p:spPr>
            <a:xfrm>
              <a:off x="1272818"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grpSp>
        <p:nvGrpSpPr>
          <p:cNvPr id="166" name="Group 165" descr="Teknisk implementering er en mellem til stor midlertidig omkostningsdriver">
            <a:extLst>
              <a:ext uri="{FF2B5EF4-FFF2-40B4-BE49-F238E27FC236}">
                <a16:creationId xmlns:a16="http://schemas.microsoft.com/office/drawing/2014/main" id="{F10CB247-55AC-2111-7F49-1F697C41C56B}"/>
              </a:ext>
              <a:ext uri="{C183D7F6-B498-43B3-948B-1728B52AA6E4}">
                <adec:decorative xmlns:adec="http://schemas.microsoft.com/office/drawing/2017/decorative" val="0"/>
              </a:ext>
            </a:extLst>
          </p:cNvPr>
          <p:cNvGrpSpPr/>
          <p:nvPr/>
        </p:nvGrpSpPr>
        <p:grpSpPr>
          <a:xfrm>
            <a:off x="7290762" y="3922767"/>
            <a:ext cx="1577740" cy="265864"/>
            <a:chOff x="860772" y="4884291"/>
            <a:chExt cx="1487909" cy="250726"/>
          </a:xfrm>
        </p:grpSpPr>
        <p:grpSp>
          <p:nvGrpSpPr>
            <p:cNvPr id="167" name="Group 166">
              <a:extLst>
                <a:ext uri="{FF2B5EF4-FFF2-40B4-BE49-F238E27FC236}">
                  <a16:creationId xmlns:a16="http://schemas.microsoft.com/office/drawing/2014/main" id="{2EEDB3F0-06CE-7A75-B69E-D55B02B9D55B}"/>
                </a:ext>
              </a:extLst>
            </p:cNvPr>
            <p:cNvGrpSpPr/>
            <p:nvPr/>
          </p:nvGrpSpPr>
          <p:grpSpPr>
            <a:xfrm>
              <a:off x="860772" y="4884291"/>
              <a:ext cx="1487909" cy="212473"/>
              <a:chOff x="5354949" y="3009711"/>
              <a:chExt cx="1645739" cy="202758"/>
            </a:xfrm>
          </p:grpSpPr>
          <p:grpSp>
            <p:nvGrpSpPr>
              <p:cNvPr id="169" name="Group 168">
                <a:extLst>
                  <a:ext uri="{FF2B5EF4-FFF2-40B4-BE49-F238E27FC236}">
                    <a16:creationId xmlns:a16="http://schemas.microsoft.com/office/drawing/2014/main" id="{55CB7A1D-6F7F-C12F-756E-A2391B7C4C3A}"/>
                  </a:ext>
                </a:extLst>
              </p:cNvPr>
              <p:cNvGrpSpPr/>
              <p:nvPr/>
            </p:nvGrpSpPr>
            <p:grpSpPr>
              <a:xfrm>
                <a:off x="5458296" y="3153610"/>
                <a:ext cx="1445092" cy="45719"/>
                <a:chOff x="5458296" y="3153610"/>
                <a:chExt cx="1445092" cy="45719"/>
              </a:xfrm>
            </p:grpSpPr>
            <p:cxnSp>
              <p:nvCxnSpPr>
                <p:cNvPr id="173" name="Straight Connector 172">
                  <a:extLst>
                    <a:ext uri="{FF2B5EF4-FFF2-40B4-BE49-F238E27FC236}">
                      <a16:creationId xmlns:a16="http://schemas.microsoft.com/office/drawing/2014/main" id="{FA0C8C07-BA20-23F1-8FDF-691E6101A7DF}"/>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74" name="Oval 173">
                  <a:extLst>
                    <a:ext uri="{FF2B5EF4-FFF2-40B4-BE49-F238E27FC236}">
                      <a16:creationId xmlns:a16="http://schemas.microsoft.com/office/drawing/2014/main" id="{97D074CE-4E25-F032-5112-DD1ED3872348}"/>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75" name="Oval 174">
                  <a:extLst>
                    <a:ext uri="{FF2B5EF4-FFF2-40B4-BE49-F238E27FC236}">
                      <a16:creationId xmlns:a16="http://schemas.microsoft.com/office/drawing/2014/main" id="{47411039-42FF-3E87-05B5-45A7F95210E4}"/>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70" name="Straight Connector 169">
                <a:extLst>
                  <a:ext uri="{FF2B5EF4-FFF2-40B4-BE49-F238E27FC236}">
                    <a16:creationId xmlns:a16="http://schemas.microsoft.com/office/drawing/2014/main" id="{8AEEAFA9-82C3-A4B9-4573-7C59CC75576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1" name="TextBox 170">
                <a:extLst>
                  <a:ext uri="{FF2B5EF4-FFF2-40B4-BE49-F238E27FC236}">
                    <a16:creationId xmlns:a16="http://schemas.microsoft.com/office/drawing/2014/main" id="{67BE4DEA-0BBE-2054-0A79-60352F24D9E7}"/>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72" name="TextBox 171">
                <a:extLst>
                  <a:ext uri="{FF2B5EF4-FFF2-40B4-BE49-F238E27FC236}">
                    <a16:creationId xmlns:a16="http://schemas.microsoft.com/office/drawing/2014/main" id="{6700E469-3C62-D589-377C-BB55C3EB1E22}"/>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68" name="Oval 167">
              <a:extLst>
                <a:ext uri="{FF2B5EF4-FFF2-40B4-BE49-F238E27FC236}">
                  <a16:creationId xmlns:a16="http://schemas.microsoft.com/office/drawing/2014/main" id="{1D5B4EE0-847A-A91D-00E1-587274649A8E}"/>
                </a:ext>
              </a:extLst>
            </p:cNvPr>
            <p:cNvSpPr/>
            <p:nvPr/>
          </p:nvSpPr>
          <p:spPr>
            <a:xfrm>
              <a:off x="1672732"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grpSp>
        <p:nvGrpSpPr>
          <p:cNvPr id="136" name="Group 135" descr="Teknologi er en lille til mellem driftsomkostning">
            <a:extLst>
              <a:ext uri="{FF2B5EF4-FFF2-40B4-BE49-F238E27FC236}">
                <a16:creationId xmlns:a16="http://schemas.microsoft.com/office/drawing/2014/main" id="{7FD246AE-A2BC-0BE6-5CB2-5D202F488500}"/>
              </a:ext>
              <a:ext uri="{C183D7F6-B498-43B3-948B-1728B52AA6E4}">
                <adec:decorative xmlns:adec="http://schemas.microsoft.com/office/drawing/2017/decorative" val="0"/>
              </a:ext>
            </a:extLst>
          </p:cNvPr>
          <p:cNvGrpSpPr/>
          <p:nvPr/>
        </p:nvGrpSpPr>
        <p:grpSpPr>
          <a:xfrm>
            <a:off x="7290762" y="4818452"/>
            <a:ext cx="1577741" cy="265864"/>
            <a:chOff x="860772" y="4884291"/>
            <a:chExt cx="1487909" cy="250726"/>
          </a:xfrm>
        </p:grpSpPr>
        <p:grpSp>
          <p:nvGrpSpPr>
            <p:cNvPr id="137" name="Group 136">
              <a:extLst>
                <a:ext uri="{FF2B5EF4-FFF2-40B4-BE49-F238E27FC236}">
                  <a16:creationId xmlns:a16="http://schemas.microsoft.com/office/drawing/2014/main" id="{9220523C-89B9-130F-49D6-0CE23325995C}"/>
                </a:ext>
              </a:extLst>
            </p:cNvPr>
            <p:cNvGrpSpPr/>
            <p:nvPr/>
          </p:nvGrpSpPr>
          <p:grpSpPr>
            <a:xfrm>
              <a:off x="860772" y="4884291"/>
              <a:ext cx="1487909" cy="212473"/>
              <a:chOff x="5354949" y="3009711"/>
              <a:chExt cx="1645739" cy="202758"/>
            </a:xfrm>
          </p:grpSpPr>
          <p:grpSp>
            <p:nvGrpSpPr>
              <p:cNvPr id="139" name="Group 138">
                <a:extLst>
                  <a:ext uri="{FF2B5EF4-FFF2-40B4-BE49-F238E27FC236}">
                    <a16:creationId xmlns:a16="http://schemas.microsoft.com/office/drawing/2014/main" id="{5C8C2C2C-0848-2162-E166-3D6967DD93D1}"/>
                  </a:ext>
                </a:extLst>
              </p:cNvPr>
              <p:cNvGrpSpPr/>
              <p:nvPr/>
            </p:nvGrpSpPr>
            <p:grpSpPr>
              <a:xfrm>
                <a:off x="5458296" y="3153610"/>
                <a:ext cx="1445092" cy="45719"/>
                <a:chOff x="5458296" y="3153610"/>
                <a:chExt cx="1445092" cy="45719"/>
              </a:xfrm>
            </p:grpSpPr>
            <p:cxnSp>
              <p:nvCxnSpPr>
                <p:cNvPr id="143" name="Straight Connector 142">
                  <a:extLst>
                    <a:ext uri="{FF2B5EF4-FFF2-40B4-BE49-F238E27FC236}">
                      <a16:creationId xmlns:a16="http://schemas.microsoft.com/office/drawing/2014/main" id="{445A707A-5CAA-80F6-E044-1447F99A3281}"/>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44" name="Oval 143">
                  <a:extLst>
                    <a:ext uri="{FF2B5EF4-FFF2-40B4-BE49-F238E27FC236}">
                      <a16:creationId xmlns:a16="http://schemas.microsoft.com/office/drawing/2014/main" id="{5AE3823D-4304-771F-FDEA-7BC6B0906BB8}"/>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45" name="Oval 144">
                  <a:extLst>
                    <a:ext uri="{FF2B5EF4-FFF2-40B4-BE49-F238E27FC236}">
                      <a16:creationId xmlns:a16="http://schemas.microsoft.com/office/drawing/2014/main" id="{47237DA6-3DCA-8921-3FDE-DAF8F0F017B5}"/>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40" name="Straight Connector 139">
                <a:extLst>
                  <a:ext uri="{FF2B5EF4-FFF2-40B4-BE49-F238E27FC236}">
                    <a16:creationId xmlns:a16="http://schemas.microsoft.com/office/drawing/2014/main" id="{29DF610E-DCBB-4F78-5BB0-127CD49A82FE}"/>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41" name="TextBox 140">
                <a:extLst>
                  <a:ext uri="{FF2B5EF4-FFF2-40B4-BE49-F238E27FC236}">
                    <a16:creationId xmlns:a16="http://schemas.microsoft.com/office/drawing/2014/main" id="{C62C0B7E-5AD3-25FF-6824-3583BC7B28FD}"/>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42" name="TextBox 141">
                <a:extLst>
                  <a:ext uri="{FF2B5EF4-FFF2-40B4-BE49-F238E27FC236}">
                    <a16:creationId xmlns:a16="http://schemas.microsoft.com/office/drawing/2014/main" id="{F4FD2671-7E57-535A-EE34-8B9B788508E5}"/>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38" name="Oval 137">
              <a:extLst>
                <a:ext uri="{FF2B5EF4-FFF2-40B4-BE49-F238E27FC236}">
                  <a16:creationId xmlns:a16="http://schemas.microsoft.com/office/drawing/2014/main" id="{B4CCF38A-66E7-8A54-EE71-612B0F152945}"/>
                </a:ext>
              </a:extLst>
            </p:cNvPr>
            <p:cNvSpPr/>
            <p:nvPr/>
          </p:nvSpPr>
          <p:spPr>
            <a:xfrm>
              <a:off x="1286179"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grpSp>
        <p:nvGrpSpPr>
          <p:cNvPr id="146" name="Group 145" descr="Nye kompetencer er en lille til mellem driftsomkostning">
            <a:extLst>
              <a:ext uri="{FF2B5EF4-FFF2-40B4-BE49-F238E27FC236}">
                <a16:creationId xmlns:a16="http://schemas.microsoft.com/office/drawing/2014/main" id="{73FB9163-DC9C-42E1-A6AA-39C8E389098E}"/>
              </a:ext>
              <a:ext uri="{C183D7F6-B498-43B3-948B-1728B52AA6E4}">
                <adec:decorative xmlns:adec="http://schemas.microsoft.com/office/drawing/2017/decorative" val="0"/>
              </a:ext>
            </a:extLst>
          </p:cNvPr>
          <p:cNvGrpSpPr/>
          <p:nvPr/>
        </p:nvGrpSpPr>
        <p:grpSpPr>
          <a:xfrm>
            <a:off x="7290762" y="5350882"/>
            <a:ext cx="1577741" cy="265864"/>
            <a:chOff x="860772" y="4884291"/>
            <a:chExt cx="1487909" cy="250726"/>
          </a:xfrm>
        </p:grpSpPr>
        <p:grpSp>
          <p:nvGrpSpPr>
            <p:cNvPr id="147" name="Group 146">
              <a:extLst>
                <a:ext uri="{FF2B5EF4-FFF2-40B4-BE49-F238E27FC236}">
                  <a16:creationId xmlns:a16="http://schemas.microsoft.com/office/drawing/2014/main" id="{D7AC35AC-7499-58E2-0D70-490C5115F878}"/>
                </a:ext>
              </a:extLst>
            </p:cNvPr>
            <p:cNvGrpSpPr/>
            <p:nvPr/>
          </p:nvGrpSpPr>
          <p:grpSpPr>
            <a:xfrm>
              <a:off x="860772" y="4884291"/>
              <a:ext cx="1487909" cy="212473"/>
              <a:chOff x="5354949" y="3009711"/>
              <a:chExt cx="1645739" cy="202758"/>
            </a:xfrm>
          </p:grpSpPr>
          <p:grpSp>
            <p:nvGrpSpPr>
              <p:cNvPr id="149" name="Group 148">
                <a:extLst>
                  <a:ext uri="{FF2B5EF4-FFF2-40B4-BE49-F238E27FC236}">
                    <a16:creationId xmlns:a16="http://schemas.microsoft.com/office/drawing/2014/main" id="{3F517F34-5D21-70F1-CE26-851E7D880412}"/>
                  </a:ext>
                </a:extLst>
              </p:cNvPr>
              <p:cNvGrpSpPr/>
              <p:nvPr/>
            </p:nvGrpSpPr>
            <p:grpSpPr>
              <a:xfrm>
                <a:off x="5458296" y="3153610"/>
                <a:ext cx="1445092" cy="45719"/>
                <a:chOff x="5458296" y="3153610"/>
                <a:chExt cx="1445092" cy="45719"/>
              </a:xfrm>
            </p:grpSpPr>
            <p:cxnSp>
              <p:nvCxnSpPr>
                <p:cNvPr id="153" name="Straight Connector 152">
                  <a:extLst>
                    <a:ext uri="{FF2B5EF4-FFF2-40B4-BE49-F238E27FC236}">
                      <a16:creationId xmlns:a16="http://schemas.microsoft.com/office/drawing/2014/main" id="{15A8D50D-27F6-07EC-DE7A-9AC0C596686E}"/>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54" name="Oval 153">
                  <a:extLst>
                    <a:ext uri="{FF2B5EF4-FFF2-40B4-BE49-F238E27FC236}">
                      <a16:creationId xmlns:a16="http://schemas.microsoft.com/office/drawing/2014/main" id="{172106AD-870E-E1A5-E902-1AE1B26BF26D}"/>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55" name="Oval 154">
                  <a:extLst>
                    <a:ext uri="{FF2B5EF4-FFF2-40B4-BE49-F238E27FC236}">
                      <a16:creationId xmlns:a16="http://schemas.microsoft.com/office/drawing/2014/main" id="{D308F913-A566-C1D3-03A6-7D0F657D9FE7}"/>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50" name="Straight Connector 149">
                <a:extLst>
                  <a:ext uri="{FF2B5EF4-FFF2-40B4-BE49-F238E27FC236}">
                    <a16:creationId xmlns:a16="http://schemas.microsoft.com/office/drawing/2014/main" id="{C8F556FB-6B8D-E5A8-AFC7-803A937ADF8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51" name="TextBox 150">
                <a:extLst>
                  <a:ext uri="{FF2B5EF4-FFF2-40B4-BE49-F238E27FC236}">
                    <a16:creationId xmlns:a16="http://schemas.microsoft.com/office/drawing/2014/main" id="{278453B5-4430-1FD2-41B3-399FA66C5F2B}"/>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52" name="TextBox 151">
                <a:extLst>
                  <a:ext uri="{FF2B5EF4-FFF2-40B4-BE49-F238E27FC236}">
                    <a16:creationId xmlns:a16="http://schemas.microsoft.com/office/drawing/2014/main" id="{99370D3A-495A-5821-19E3-2BA50A4A5A9D}"/>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48" name="Oval 147">
              <a:extLst>
                <a:ext uri="{FF2B5EF4-FFF2-40B4-BE49-F238E27FC236}">
                  <a16:creationId xmlns:a16="http://schemas.microsoft.com/office/drawing/2014/main" id="{973DEAD1-D23A-A365-BAD8-7A3F29E0E327}"/>
                </a:ext>
              </a:extLst>
            </p:cNvPr>
            <p:cNvSpPr/>
            <p:nvPr/>
          </p:nvSpPr>
          <p:spPr>
            <a:xfrm>
              <a:off x="128760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grpSp>
        <p:nvGrpSpPr>
          <p:cNvPr id="156" name="Group 155" descr="Drift og support er en lille til mellem driftsomkostning">
            <a:extLst>
              <a:ext uri="{FF2B5EF4-FFF2-40B4-BE49-F238E27FC236}">
                <a16:creationId xmlns:a16="http://schemas.microsoft.com/office/drawing/2014/main" id="{695A0BF4-80C9-BE70-EC69-BDC2503CC551}"/>
              </a:ext>
              <a:ext uri="{C183D7F6-B498-43B3-948B-1728B52AA6E4}">
                <adec:decorative xmlns:adec="http://schemas.microsoft.com/office/drawing/2017/decorative" val="0"/>
              </a:ext>
            </a:extLst>
          </p:cNvPr>
          <p:cNvGrpSpPr/>
          <p:nvPr/>
        </p:nvGrpSpPr>
        <p:grpSpPr>
          <a:xfrm>
            <a:off x="7290762" y="5883313"/>
            <a:ext cx="1577741" cy="265864"/>
            <a:chOff x="860772" y="4884291"/>
            <a:chExt cx="1487909" cy="250726"/>
          </a:xfrm>
        </p:grpSpPr>
        <p:grpSp>
          <p:nvGrpSpPr>
            <p:cNvPr id="157" name="Group 156">
              <a:extLst>
                <a:ext uri="{FF2B5EF4-FFF2-40B4-BE49-F238E27FC236}">
                  <a16:creationId xmlns:a16="http://schemas.microsoft.com/office/drawing/2014/main" id="{28CA8017-F669-D1C0-374E-FE9CB90CAD0B}"/>
                </a:ext>
              </a:extLst>
            </p:cNvPr>
            <p:cNvGrpSpPr/>
            <p:nvPr/>
          </p:nvGrpSpPr>
          <p:grpSpPr>
            <a:xfrm>
              <a:off x="860772" y="4884291"/>
              <a:ext cx="1487909" cy="212473"/>
              <a:chOff x="5354949" y="3009711"/>
              <a:chExt cx="1645739" cy="202758"/>
            </a:xfrm>
          </p:grpSpPr>
          <p:grpSp>
            <p:nvGrpSpPr>
              <p:cNvPr id="159" name="Group 158">
                <a:extLst>
                  <a:ext uri="{FF2B5EF4-FFF2-40B4-BE49-F238E27FC236}">
                    <a16:creationId xmlns:a16="http://schemas.microsoft.com/office/drawing/2014/main" id="{48A11012-3C36-035D-5356-A55B4F6D921D}"/>
                  </a:ext>
                </a:extLst>
              </p:cNvPr>
              <p:cNvGrpSpPr/>
              <p:nvPr/>
            </p:nvGrpSpPr>
            <p:grpSpPr>
              <a:xfrm>
                <a:off x="5458296" y="3153610"/>
                <a:ext cx="1445092" cy="45719"/>
                <a:chOff x="5458296" y="3153610"/>
                <a:chExt cx="1445092" cy="45719"/>
              </a:xfrm>
            </p:grpSpPr>
            <p:cxnSp>
              <p:nvCxnSpPr>
                <p:cNvPr id="163" name="Straight Connector 162">
                  <a:extLst>
                    <a:ext uri="{FF2B5EF4-FFF2-40B4-BE49-F238E27FC236}">
                      <a16:creationId xmlns:a16="http://schemas.microsoft.com/office/drawing/2014/main" id="{7A09055F-D573-257B-F88B-9B5E429DD26F}"/>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64" name="Oval 163">
                  <a:extLst>
                    <a:ext uri="{FF2B5EF4-FFF2-40B4-BE49-F238E27FC236}">
                      <a16:creationId xmlns:a16="http://schemas.microsoft.com/office/drawing/2014/main" id="{4F135759-BEEA-29AE-5364-C47136ED725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65" name="Oval 164">
                  <a:extLst>
                    <a:ext uri="{FF2B5EF4-FFF2-40B4-BE49-F238E27FC236}">
                      <a16:creationId xmlns:a16="http://schemas.microsoft.com/office/drawing/2014/main" id="{01C677D5-6F45-6106-FCB9-78152F6CE66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60" name="Straight Connector 159">
                <a:extLst>
                  <a:ext uri="{FF2B5EF4-FFF2-40B4-BE49-F238E27FC236}">
                    <a16:creationId xmlns:a16="http://schemas.microsoft.com/office/drawing/2014/main" id="{EF2D6183-C410-3CA4-7171-F4498B15F290}"/>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1" name="TextBox 160">
                <a:extLst>
                  <a:ext uri="{FF2B5EF4-FFF2-40B4-BE49-F238E27FC236}">
                    <a16:creationId xmlns:a16="http://schemas.microsoft.com/office/drawing/2014/main" id="{C0743171-99F9-0CDD-2B7F-7A4E5AACA549}"/>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62" name="TextBox 161">
                <a:extLst>
                  <a:ext uri="{FF2B5EF4-FFF2-40B4-BE49-F238E27FC236}">
                    <a16:creationId xmlns:a16="http://schemas.microsoft.com/office/drawing/2014/main" id="{F2D5CF6B-AD1B-19A7-88D7-13D9E5432506}"/>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58" name="Oval 157">
              <a:extLst>
                <a:ext uri="{FF2B5EF4-FFF2-40B4-BE49-F238E27FC236}">
                  <a16:creationId xmlns:a16="http://schemas.microsoft.com/office/drawing/2014/main" id="{5CEB8984-792D-BA1C-C77A-6051035D69DE}"/>
                </a:ext>
              </a:extLst>
            </p:cNvPr>
            <p:cNvSpPr/>
            <p:nvPr/>
          </p:nvSpPr>
          <p:spPr>
            <a:xfrm>
              <a:off x="129120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sp>
        <p:nvSpPr>
          <p:cNvPr id="107" name="TextBox 106">
            <a:extLst>
              <a:ext uri="{FF2B5EF4-FFF2-40B4-BE49-F238E27FC236}">
                <a16:creationId xmlns:a16="http://schemas.microsoft.com/office/drawing/2014/main" id="{21BFE704-AACC-D4D0-1045-3491FFD1D13E}"/>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marL="0" marR="0" lvl="0" indent="0" algn="l" defTabSz="1039307" rtl="0" eaLnBrk="1" fontAlgn="auto" latinLnBrk="0" hangingPunct="1">
              <a:lnSpc>
                <a:spcPct val="150000"/>
              </a:lnSpc>
              <a:spcBef>
                <a:spcPts val="0"/>
              </a:spcBef>
              <a:spcAft>
                <a:spcPts val="0"/>
              </a:spcAft>
              <a:buClrTx/>
              <a:buSzTx/>
              <a:buFontTx/>
              <a:buNone/>
              <a:tabLst/>
              <a:defRPr/>
            </a:pPr>
            <a:r>
              <a:rPr kumimoji="0" lang="da-DK" sz="900" b="1" i="0" u="none" strike="noStrike" kern="1200" cap="none" spc="0" normalizeH="0" baseline="0" noProof="0">
                <a:ln>
                  <a:noFill/>
                </a:ln>
                <a:solidFill>
                  <a:srgbClr val="36465A"/>
                </a:solidFill>
                <a:effectLst/>
                <a:uLnTx/>
                <a:uFillTx/>
                <a:latin typeface="Arial" panose="020B0604020202020204"/>
                <a:ea typeface="+mn-ea"/>
                <a:cs typeface="+mn-cs"/>
              </a:rPr>
              <a:t>Midlertidige omkostninger</a:t>
            </a: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  Projektledelse </a:t>
            </a:r>
          </a:p>
          <a:p>
            <a:pPr marL="0" marR="0" lvl="0" indent="0" algn="l" defTabSz="1039307" rtl="0" eaLnBrk="1" fontAlgn="auto" latinLnBrk="0" hangingPunct="1">
              <a:lnSpc>
                <a:spcPct val="200000"/>
              </a:lnSpc>
              <a:spcBef>
                <a:spcPts val="0"/>
              </a:spcBef>
              <a:spcAft>
                <a:spcPts val="0"/>
              </a:spcAft>
              <a:buClrTx/>
              <a:buSzTx/>
              <a:buFontTx/>
              <a:buNone/>
              <a:tabLst/>
              <a:defRPr/>
            </a:pPr>
            <a:endParaRPr kumimoji="0" lang="da-DK" sz="900" b="0" i="0" u="none" strike="noStrike" kern="1200" cap="none" spc="0" normalizeH="0" baseline="0" noProof="0">
              <a:ln>
                <a:noFill/>
              </a:ln>
              <a:solidFill>
                <a:srgbClr val="000000"/>
              </a:solidFill>
              <a:effectLst/>
              <a:uLnTx/>
              <a:uFillTx/>
              <a:latin typeface="Arial" panose="020B0604020202020204"/>
              <a:ea typeface="+mn-ea"/>
              <a:cs typeface="+mn-cs"/>
            </a:endParaRP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  Organisatorisk implementering</a:t>
            </a: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 </a:t>
            </a: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  Teknisk implementering</a:t>
            </a:r>
          </a:p>
          <a:p>
            <a:pPr marL="0" marR="0" lvl="0" indent="0" algn="l" defTabSz="1039307" rtl="0" eaLnBrk="1" fontAlgn="auto" latinLnBrk="0" hangingPunct="1">
              <a:lnSpc>
                <a:spcPct val="150000"/>
              </a:lnSpc>
              <a:spcBef>
                <a:spcPts val="0"/>
              </a:spcBef>
              <a:spcAft>
                <a:spcPts val="0"/>
              </a:spcAft>
              <a:buClrTx/>
              <a:buSzTx/>
              <a:buFontTx/>
              <a:buNone/>
              <a:tabLst/>
              <a:defRPr/>
            </a:pPr>
            <a:endParaRPr kumimoji="0" lang="da-DK" sz="900" b="0" i="0" u="none" strike="noStrike" kern="1200" cap="none" spc="0" normalizeH="0" baseline="0" noProof="0">
              <a:ln>
                <a:noFill/>
              </a:ln>
              <a:solidFill>
                <a:srgbClr val="000000"/>
              </a:solidFill>
              <a:effectLst/>
              <a:uLnTx/>
              <a:uFillTx/>
              <a:latin typeface="Arial" panose="020B0604020202020204"/>
              <a:ea typeface="+mn-ea"/>
              <a:cs typeface="+mn-cs"/>
            </a:endParaRPr>
          </a:p>
          <a:p>
            <a:pPr marL="0" marR="0" lvl="0" indent="0" algn="l" defTabSz="1039307" rtl="0" eaLnBrk="1" fontAlgn="auto" latinLnBrk="0" hangingPunct="1">
              <a:lnSpc>
                <a:spcPct val="150000"/>
              </a:lnSpc>
              <a:spcBef>
                <a:spcPts val="0"/>
              </a:spcBef>
              <a:spcAft>
                <a:spcPts val="0"/>
              </a:spcAft>
              <a:buClrTx/>
              <a:buSzTx/>
              <a:buFontTx/>
              <a:buNone/>
              <a:tabLst/>
              <a:defRPr/>
            </a:pPr>
            <a:endParaRPr kumimoji="0" lang="da-DK" sz="900" b="1" i="0" u="none" strike="noStrike" kern="1200" cap="none" spc="0" normalizeH="0" baseline="0" noProof="0">
              <a:ln>
                <a:noFill/>
              </a:ln>
              <a:solidFill>
                <a:srgbClr val="36465A"/>
              </a:solidFill>
              <a:effectLst/>
              <a:uLnTx/>
              <a:uFillTx/>
              <a:latin typeface="Arial" panose="020B0604020202020204"/>
              <a:ea typeface="+mn-ea"/>
              <a:cs typeface="+mn-cs"/>
            </a:endParaRPr>
          </a:p>
          <a:p>
            <a:pPr marL="0" marR="0" lvl="0" indent="0" algn="l" defTabSz="1039307" rtl="0" eaLnBrk="1" fontAlgn="auto" latinLnBrk="0" hangingPunct="1">
              <a:lnSpc>
                <a:spcPct val="150000"/>
              </a:lnSpc>
              <a:spcBef>
                <a:spcPts val="0"/>
              </a:spcBef>
              <a:spcAft>
                <a:spcPts val="0"/>
              </a:spcAft>
              <a:buClrTx/>
              <a:buSzTx/>
              <a:buFontTx/>
              <a:buNone/>
              <a:tabLst/>
              <a:defRPr/>
            </a:pPr>
            <a:r>
              <a:rPr kumimoji="0" lang="da-DK" sz="900" b="1" i="0" u="none" strike="noStrike" kern="1200" cap="none" spc="0" normalizeH="0" baseline="0" noProof="0">
                <a:ln>
                  <a:noFill/>
                </a:ln>
                <a:solidFill>
                  <a:srgbClr val="36465A"/>
                </a:solidFill>
                <a:effectLst/>
                <a:uLnTx/>
                <a:uFillTx/>
                <a:latin typeface="Arial" panose="020B0604020202020204"/>
                <a:ea typeface="+mn-ea"/>
                <a:cs typeface="+mn-cs"/>
              </a:rPr>
              <a:t>Driftsomkostninger</a:t>
            </a: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a:ln>
                  <a:noFill/>
                </a:ln>
                <a:solidFill>
                  <a:srgbClr val="64778A">
                    <a:lumMod val="50000"/>
                  </a:srgbClr>
                </a:solidFill>
                <a:effectLst/>
                <a:uLnTx/>
                <a:uFillTx/>
                <a:latin typeface="Arial" panose="020B0604020202020204"/>
                <a:ea typeface="+mn-ea"/>
                <a:cs typeface="+mn-cs"/>
              </a:rPr>
              <a:t>  Teknologi</a:t>
            </a:r>
          </a:p>
          <a:p>
            <a:pPr marL="0" marR="0" lvl="0" indent="0" algn="l" defTabSz="1039307" rtl="0" eaLnBrk="1" fontAlgn="auto" latinLnBrk="0" hangingPunct="1">
              <a:lnSpc>
                <a:spcPct val="200000"/>
              </a:lnSpc>
              <a:spcBef>
                <a:spcPts val="0"/>
              </a:spcBef>
              <a:spcAft>
                <a:spcPts val="0"/>
              </a:spcAft>
              <a:buClrTx/>
              <a:buSzTx/>
              <a:buFontTx/>
              <a:buNone/>
              <a:tabLst/>
              <a:defRPr/>
            </a:pPr>
            <a:endParaRPr kumimoji="0" lang="da-DK" sz="900" b="0" i="0" u="none" strike="noStrike" kern="1200" cap="none" spc="0" normalizeH="0" baseline="0" noProof="0">
              <a:ln>
                <a:noFill/>
              </a:ln>
              <a:solidFill>
                <a:srgbClr val="64778A">
                  <a:lumMod val="50000"/>
                </a:srgbClr>
              </a:solidFill>
              <a:effectLst/>
              <a:uLnTx/>
              <a:uFillTx/>
              <a:latin typeface="Arial" panose="020B0604020202020204"/>
              <a:ea typeface="+mn-ea"/>
              <a:cs typeface="+mn-cs"/>
            </a:endParaRP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a:ln>
                  <a:noFill/>
                </a:ln>
                <a:solidFill>
                  <a:srgbClr val="64778A">
                    <a:lumMod val="50000"/>
                  </a:srgbClr>
                </a:solidFill>
                <a:effectLst/>
                <a:uLnTx/>
                <a:uFillTx/>
                <a:latin typeface="Arial" panose="020B0604020202020204"/>
                <a:ea typeface="+mn-ea"/>
                <a:cs typeface="+mn-cs"/>
              </a:rPr>
              <a:t>  Nye kompetencer </a:t>
            </a:r>
          </a:p>
          <a:p>
            <a:pPr marL="0" marR="0" lvl="0" indent="0" algn="l" defTabSz="1039307" rtl="0" eaLnBrk="1" fontAlgn="auto" latinLnBrk="0" hangingPunct="1">
              <a:lnSpc>
                <a:spcPct val="200000"/>
              </a:lnSpc>
              <a:spcBef>
                <a:spcPts val="0"/>
              </a:spcBef>
              <a:spcAft>
                <a:spcPts val="0"/>
              </a:spcAft>
              <a:buClrTx/>
              <a:buSzTx/>
              <a:buFontTx/>
              <a:buNone/>
              <a:tabLst/>
              <a:defRPr/>
            </a:pPr>
            <a:endParaRPr kumimoji="0" lang="da-DK" sz="900" b="0" i="0" u="none" strike="noStrike" kern="1200" cap="none" spc="0" normalizeH="0" baseline="0" noProof="0">
              <a:ln>
                <a:noFill/>
              </a:ln>
              <a:solidFill>
                <a:srgbClr val="64778A">
                  <a:lumMod val="50000"/>
                </a:srgbClr>
              </a:solidFill>
              <a:effectLst/>
              <a:uLnTx/>
              <a:uFillTx/>
              <a:latin typeface="Arial" panose="020B0604020202020204"/>
              <a:ea typeface="+mn-ea"/>
              <a:cs typeface="+mn-cs"/>
            </a:endParaRP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a:ln>
                  <a:noFill/>
                </a:ln>
                <a:solidFill>
                  <a:srgbClr val="64778A">
                    <a:lumMod val="50000"/>
                  </a:srgbClr>
                </a:solidFill>
                <a:effectLst/>
                <a:uLnTx/>
                <a:uFillTx/>
                <a:latin typeface="Arial" panose="020B0604020202020204"/>
                <a:ea typeface="+mn-ea"/>
                <a:cs typeface="+mn-cs"/>
              </a:rPr>
              <a:t>  Drift og support</a:t>
            </a:r>
          </a:p>
        </p:txBody>
      </p:sp>
      <p:grpSp>
        <p:nvGrpSpPr>
          <p:cNvPr id="110" name="Group 109">
            <a:extLst>
              <a:ext uri="{FF2B5EF4-FFF2-40B4-BE49-F238E27FC236}">
                <a16:creationId xmlns:a16="http://schemas.microsoft.com/office/drawing/2014/main" id="{967C4551-8FB4-140D-43C5-A6C637042AFE}"/>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111" name="Oval 110">
              <a:extLst>
                <a:ext uri="{FF2B5EF4-FFF2-40B4-BE49-F238E27FC236}">
                  <a16:creationId xmlns:a16="http://schemas.microsoft.com/office/drawing/2014/main" id="{96E290D6-E18C-6611-EC8C-EF234818CA72}"/>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2" name="Freeform 11">
              <a:extLst>
                <a:ext uri="{FF2B5EF4-FFF2-40B4-BE49-F238E27FC236}">
                  <a16:creationId xmlns:a16="http://schemas.microsoft.com/office/drawing/2014/main" id="{8085A1D4-01BD-51E6-45FA-7C1C1B3B7254}"/>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25" name="TextBox 24">
            <a:extLst>
              <a:ext uri="{FF2B5EF4-FFF2-40B4-BE49-F238E27FC236}">
                <a16:creationId xmlns:a16="http://schemas.microsoft.com/office/drawing/2014/main" id="{50EE8A83-75F2-AD55-8D33-DBD954871DDC}"/>
              </a:ext>
            </a:extLst>
          </p:cNvPr>
          <p:cNvSpPr txBox="1"/>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a:ln>
                  <a:noFill/>
                </a:ln>
                <a:solidFill>
                  <a:srgbClr val="36465A"/>
                </a:solidFill>
                <a:effectLst/>
                <a:uLnTx/>
                <a:uFillTx/>
                <a:latin typeface="Arial" panose="020B0604020202020204"/>
                <a:ea typeface="+mn-ea"/>
                <a:cs typeface="+mn-cs"/>
              </a:rPr>
              <a:t>Nøgletal</a:t>
            </a:r>
          </a:p>
        </p:txBody>
      </p:sp>
      <p:sp>
        <p:nvSpPr>
          <p:cNvPr id="26" name="TextBox 25">
            <a:extLst>
              <a:ext uri="{FF2B5EF4-FFF2-40B4-BE49-F238E27FC236}">
                <a16:creationId xmlns:a16="http://schemas.microsoft.com/office/drawing/2014/main" id="{77FFA63C-5049-FB94-45FB-61B8B9DB10CB}"/>
              </a:ext>
            </a:extLst>
          </p:cNvPr>
          <p:cNvSpPr txBox="1"/>
          <p:nvPr/>
        </p:nvSpPr>
        <p:spPr>
          <a:xfrm>
            <a:off x="10330125" y="2033118"/>
            <a:ext cx="1334894" cy="830997"/>
          </a:xfrm>
          <a:prstGeom prst="rect">
            <a:avLst/>
          </a:prstGeom>
          <a:noFill/>
        </p:spPr>
        <p:txBody>
          <a:bodyPr wrap="square">
            <a:spAutoFit/>
          </a:bodyPr>
          <a:lstStyle/>
          <a:p>
            <a:pPr lvl="0">
              <a:defRPr/>
            </a:pPr>
            <a:r>
              <a:rPr kumimoji="0" lang="da-DK" sz="1600" b="0" i="0" u="none" strike="noStrike" kern="1200" cap="none" spc="0" normalizeH="0" baseline="0" noProof="0">
                <a:ln>
                  <a:noFill/>
                </a:ln>
                <a:solidFill>
                  <a:srgbClr val="EE2F66"/>
                </a:solidFill>
                <a:effectLst/>
                <a:uLnTx/>
                <a:uFillTx/>
                <a:latin typeface="Arial" panose="020B0604020202020204"/>
                <a:ea typeface="+mn-ea"/>
                <a:cs typeface="+mn-cs"/>
              </a:rPr>
              <a:t>~400</a:t>
            </a:r>
            <a:r>
              <a:rPr kumimoji="0" lang="da-DK" sz="1000" b="0" i="0" u="none" strike="noStrike" kern="1200" cap="none" spc="0" normalizeH="0" baseline="0" noProof="0">
                <a:ln>
                  <a:noFill/>
                </a:ln>
                <a:solidFill>
                  <a:srgbClr val="2C8027"/>
                </a:solidFill>
                <a:effectLst/>
                <a:uLnTx/>
                <a:uFillTx/>
                <a:latin typeface="Arial" panose="020B0604020202020204"/>
                <a:ea typeface="+mn-ea"/>
                <a:cs typeface="+mn-cs"/>
              </a:rPr>
              <a:t> </a:t>
            </a:r>
          </a:p>
          <a:p>
            <a:pPr lvl="0">
              <a:defRPr/>
            </a:pPr>
            <a:r>
              <a:rPr lang="da-DK" sz="800" noProof="0"/>
              <a:t>Kommunale it-systemer er tilkoblet og anvender den fælleskommunale it-infrastruktur årligt.</a:t>
            </a:r>
            <a:endParaRPr kumimoji="0" lang="da-DK" sz="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TextBox 31">
            <a:extLst>
              <a:ext uri="{FF2B5EF4-FFF2-40B4-BE49-F238E27FC236}">
                <a16:creationId xmlns:a16="http://schemas.microsoft.com/office/drawing/2014/main" id="{FAB12740-291A-60FB-A382-F3096D40DE26}"/>
              </a:ext>
            </a:extLst>
          </p:cNvPr>
          <p:cNvSpPr txBox="1"/>
          <p:nvPr/>
        </p:nvSpPr>
        <p:spPr>
          <a:xfrm>
            <a:off x="10330125" y="2821304"/>
            <a:ext cx="1334894" cy="830997"/>
          </a:xfrm>
          <a:prstGeom prst="rect">
            <a:avLst/>
          </a:prstGeom>
          <a:noFill/>
        </p:spPr>
        <p:txBody>
          <a:bodyPr wrap="square">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600" noProof="0">
                <a:solidFill>
                  <a:srgbClr val="EE2F66"/>
                </a:solidFill>
                <a:latin typeface="Arial" panose="020B0604020202020204"/>
              </a:rPr>
              <a:t>230</a:t>
            </a:r>
            <a:r>
              <a:rPr kumimoji="0" lang="da-DK" sz="1600" b="0" i="0" u="none" strike="noStrike" kern="1200" cap="none" spc="0" normalizeH="0" baseline="0" noProof="0">
                <a:ln>
                  <a:noFill/>
                </a:ln>
                <a:solidFill>
                  <a:srgbClr val="EE2F66"/>
                </a:solidFill>
                <a:effectLst/>
                <a:uLnTx/>
                <a:uFillTx/>
                <a:latin typeface="Arial" panose="020B0604020202020204"/>
                <a:ea typeface="+mn-ea"/>
                <a:cs typeface="+mn-cs"/>
              </a:rPr>
              <a:t>+</a:t>
            </a:r>
            <a:endParaRPr kumimoji="0" lang="da-DK" sz="1600" b="0" i="0" u="none" strike="noStrike" kern="1200" cap="none" spc="0" normalizeH="0" baseline="0" noProof="0">
              <a:ln>
                <a:noFill/>
              </a:ln>
              <a:solidFill>
                <a:srgbClr val="2C8027"/>
              </a:solidFill>
              <a:effectLst/>
              <a:uLnTx/>
              <a:uFillTx/>
              <a:latin typeface="Arial" panose="020B0604020202020204"/>
              <a:ea typeface="+mn-ea"/>
              <a:cs typeface="+mn-cs"/>
            </a:endParaRPr>
          </a:p>
          <a:p>
            <a:pPr marL="0" marR="0" lvl="0" indent="0" algn="l" defTabSz="1039307" rtl="0" eaLnBrk="1" fontAlgn="auto" latinLnBrk="0" hangingPunct="1">
              <a:lnSpc>
                <a:spcPct val="100000"/>
              </a:lnSpc>
              <a:spcBef>
                <a:spcPts val="0"/>
              </a:spcBef>
              <a:spcAft>
                <a:spcPts val="0"/>
              </a:spcAft>
              <a:buClrTx/>
              <a:buSzTx/>
              <a:buFontTx/>
              <a:buNone/>
              <a:tabLst/>
              <a:defRPr/>
            </a:pPr>
            <a:r>
              <a:rPr lang="da-DK" sz="800" noProof="0"/>
              <a:t>Ansatte giver KOMBIT en stærk muskel til at understøtte den digitale udvikling i kommunerne.</a:t>
            </a:r>
          </a:p>
        </p:txBody>
      </p:sp>
      <p:sp>
        <p:nvSpPr>
          <p:cNvPr id="33" name="TextBox 32">
            <a:extLst>
              <a:ext uri="{FF2B5EF4-FFF2-40B4-BE49-F238E27FC236}">
                <a16:creationId xmlns:a16="http://schemas.microsoft.com/office/drawing/2014/main" id="{451BB89C-8E67-ED0C-9FEC-69EECFBA5AE4}"/>
              </a:ext>
            </a:extLst>
          </p:cNvPr>
          <p:cNvSpPr txBox="1"/>
          <p:nvPr/>
        </p:nvSpPr>
        <p:spPr>
          <a:xfrm>
            <a:off x="10330125" y="3612324"/>
            <a:ext cx="1334894" cy="707886"/>
          </a:xfrm>
          <a:prstGeom prst="rect">
            <a:avLst/>
          </a:prstGeom>
          <a:noFill/>
        </p:spPr>
        <p:txBody>
          <a:bodyPr wrap="square">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600" noProof="0">
                <a:solidFill>
                  <a:srgbClr val="EE2F66"/>
                </a:solidFill>
                <a:latin typeface="Arial" panose="020B0604020202020204"/>
              </a:rPr>
              <a:t>900.000</a:t>
            </a:r>
          </a:p>
          <a:p>
            <a:pPr lvl="0">
              <a:defRPr/>
            </a:pPr>
            <a:r>
              <a:rPr lang="da-DK" sz="800" noProof="0">
                <a:solidFill>
                  <a:srgbClr val="000000"/>
                </a:solidFill>
                <a:latin typeface="Arial" panose="020B0604020202020204"/>
              </a:rPr>
              <a:t>Brugere logger på Aula i løbet af en gennemsnitlig dag.</a:t>
            </a:r>
          </a:p>
        </p:txBody>
      </p:sp>
      <p:grpSp>
        <p:nvGrpSpPr>
          <p:cNvPr id="123" name="Group 122">
            <a:extLst>
              <a:ext uri="{FF2B5EF4-FFF2-40B4-BE49-F238E27FC236}">
                <a16:creationId xmlns:a16="http://schemas.microsoft.com/office/drawing/2014/main" id="{0D385726-37CA-61B0-090B-B38CFD1D206C}"/>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124" name="Oval 123">
              <a:extLst>
                <a:ext uri="{FF2B5EF4-FFF2-40B4-BE49-F238E27FC236}">
                  <a16:creationId xmlns:a16="http://schemas.microsoft.com/office/drawing/2014/main" id="{7493F28C-589F-4A41-C377-E9ADDD77C679}"/>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5" name="Freeform 19">
              <a:extLst>
                <a:ext uri="{FF2B5EF4-FFF2-40B4-BE49-F238E27FC236}">
                  <a16:creationId xmlns:a16="http://schemas.microsoft.com/office/drawing/2014/main" id="{A0F9484E-4FA3-92DB-7ABA-11F5DE7AEF96}"/>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pic>
        <p:nvPicPr>
          <p:cNvPr id="14" name="Picture 13">
            <a:extLst>
              <a:ext uri="{FF2B5EF4-FFF2-40B4-BE49-F238E27FC236}">
                <a16:creationId xmlns:a16="http://schemas.microsoft.com/office/drawing/2014/main" id="{0AECF445-7D86-D042-465A-2CC9DF4842CC}"/>
              </a:ext>
              <a:ext uri="{C183D7F6-B498-43B3-948B-1728B52AA6E4}">
                <adec:decorative xmlns:adec="http://schemas.microsoft.com/office/drawing/2017/decorative" val="1"/>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9606045" y="77119"/>
            <a:ext cx="2431464" cy="1087490"/>
          </a:xfrm>
          <a:prstGeom prst="rect">
            <a:avLst/>
          </a:prstGeom>
        </p:spPr>
      </p:pic>
      <p:pic>
        <p:nvPicPr>
          <p:cNvPr id="22" name="Graphic 21">
            <a:extLst>
              <a:ext uri="{FF2B5EF4-FFF2-40B4-BE49-F238E27FC236}">
                <a16:creationId xmlns:a16="http://schemas.microsoft.com/office/drawing/2014/main" id="{7B0CED20-D0F1-6D03-4E27-50BE3AD653F3}"/>
              </a:ext>
              <a:ext uri="{C183D7F6-B498-43B3-948B-1728B52AA6E4}">
                <adec:decorative xmlns:adec="http://schemas.microsoft.com/office/drawing/2017/decorative" val="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641685" y="3632498"/>
            <a:ext cx="403439" cy="403439"/>
          </a:xfrm>
          <a:prstGeom prst="rect">
            <a:avLst/>
          </a:prstGeom>
        </p:spPr>
      </p:pic>
      <p:sp>
        <p:nvSpPr>
          <p:cNvPr id="15" name="Freeform 31">
            <a:extLst>
              <a:ext uri="{FF2B5EF4-FFF2-40B4-BE49-F238E27FC236}">
                <a16:creationId xmlns:a16="http://schemas.microsoft.com/office/drawing/2014/main" id="{29D18C1B-3B9A-7D11-C5D8-E10C9D8C4011}"/>
              </a:ext>
              <a:ext uri="{C183D7F6-B498-43B3-948B-1728B52AA6E4}">
                <adec:decorative xmlns:adec="http://schemas.microsoft.com/office/drawing/2017/decorative" val="1"/>
              </a:ext>
            </a:extLst>
          </p:cNvPr>
          <p:cNvSpPr>
            <a:spLocks noEditPoints="1"/>
          </p:cNvSpPr>
          <p:nvPr/>
        </p:nvSpPr>
        <p:spPr bwMode="auto">
          <a:xfrm>
            <a:off x="9657429" y="2901362"/>
            <a:ext cx="376019" cy="350051"/>
          </a:xfrm>
          <a:custGeom>
            <a:avLst/>
            <a:gdLst>
              <a:gd name="T0" fmla="*/ 112 w 224"/>
              <a:gd name="T1" fmla="*/ 32 h 208"/>
              <a:gd name="T2" fmla="*/ 112 w 224"/>
              <a:gd name="T3" fmla="*/ 40 h 208"/>
              <a:gd name="T4" fmla="*/ 100 w 224"/>
              <a:gd name="T5" fmla="*/ 52 h 208"/>
              <a:gd name="T6" fmla="*/ 60 w 224"/>
              <a:gd name="T7" fmla="*/ 52 h 208"/>
              <a:gd name="T8" fmla="*/ 40 w 224"/>
              <a:gd name="T9" fmla="*/ 72 h 208"/>
              <a:gd name="T10" fmla="*/ 40 w 224"/>
              <a:gd name="T11" fmla="*/ 64 h 208"/>
              <a:gd name="T12" fmla="*/ 76 w 224"/>
              <a:gd name="T13" fmla="*/ 40 h 208"/>
              <a:gd name="T14" fmla="*/ 56 w 224"/>
              <a:gd name="T15" fmla="*/ 20 h 208"/>
              <a:gd name="T16" fmla="*/ 88 w 224"/>
              <a:gd name="T17" fmla="*/ 20 h 208"/>
              <a:gd name="T18" fmla="*/ 76 w 224"/>
              <a:gd name="T19" fmla="*/ 8 h 208"/>
              <a:gd name="T20" fmla="*/ 148 w 224"/>
              <a:gd name="T21" fmla="*/ 0 h 208"/>
              <a:gd name="T22" fmla="*/ 148 w 224"/>
              <a:gd name="T23" fmla="*/ 8 h 208"/>
              <a:gd name="T24" fmla="*/ 136 w 224"/>
              <a:gd name="T25" fmla="*/ 20 h 208"/>
              <a:gd name="T26" fmla="*/ 211 w 224"/>
              <a:gd name="T27" fmla="*/ 75 h 208"/>
              <a:gd name="T28" fmla="*/ 184 w 224"/>
              <a:gd name="T29" fmla="*/ 86 h 208"/>
              <a:gd name="T30" fmla="*/ 157 w 224"/>
              <a:gd name="T31" fmla="*/ 75 h 208"/>
              <a:gd name="T32" fmla="*/ 140 w 224"/>
              <a:gd name="T33" fmla="*/ 75 h 208"/>
              <a:gd name="T34" fmla="*/ 125 w 224"/>
              <a:gd name="T35" fmla="*/ 73 h 208"/>
              <a:gd name="T36" fmla="*/ 95 w 224"/>
              <a:gd name="T37" fmla="*/ 72 h 208"/>
              <a:gd name="T38" fmla="*/ 76 w 224"/>
              <a:gd name="T39" fmla="*/ 81 h 208"/>
              <a:gd name="T40" fmla="*/ 57 w 224"/>
              <a:gd name="T41" fmla="*/ 72 h 208"/>
              <a:gd name="T42" fmla="*/ 27 w 224"/>
              <a:gd name="T43" fmla="*/ 73 h 208"/>
              <a:gd name="T44" fmla="*/ 12 w 224"/>
              <a:gd name="T45" fmla="*/ 75 h 208"/>
              <a:gd name="T46" fmla="*/ 16 w 224"/>
              <a:gd name="T47" fmla="*/ 152 h 208"/>
              <a:gd name="T48" fmla="*/ 20 w 224"/>
              <a:gd name="T49" fmla="*/ 208 h 208"/>
              <a:gd name="T50" fmla="*/ 64 w 224"/>
              <a:gd name="T51" fmla="*/ 204 h 208"/>
              <a:gd name="T52" fmla="*/ 88 w 224"/>
              <a:gd name="T53" fmla="*/ 152 h 208"/>
              <a:gd name="T54" fmla="*/ 92 w 224"/>
              <a:gd name="T55" fmla="*/ 208 h 208"/>
              <a:gd name="T56" fmla="*/ 136 w 224"/>
              <a:gd name="T57" fmla="*/ 204 h 208"/>
              <a:gd name="T58" fmla="*/ 160 w 224"/>
              <a:gd name="T59" fmla="*/ 152 h 208"/>
              <a:gd name="T60" fmla="*/ 164 w 224"/>
              <a:gd name="T61" fmla="*/ 208 h 208"/>
              <a:gd name="T62" fmla="*/ 208 w 224"/>
              <a:gd name="T63" fmla="*/ 204 h 208"/>
              <a:gd name="T64" fmla="*/ 224 w 224"/>
              <a:gd name="T65" fmla="*/ 92 h 208"/>
              <a:gd name="T66" fmla="*/ 64 w 224"/>
              <a:gd name="T67" fmla="*/ 143 h 208"/>
              <a:gd name="T68" fmla="*/ 56 w 224"/>
              <a:gd name="T69" fmla="*/ 100 h 208"/>
              <a:gd name="T70" fmla="*/ 44 w 224"/>
              <a:gd name="T71" fmla="*/ 140 h 208"/>
              <a:gd name="T72" fmla="*/ 36 w 224"/>
              <a:gd name="T73" fmla="*/ 200 h 208"/>
              <a:gd name="T74" fmla="*/ 20 w 224"/>
              <a:gd name="T75" fmla="*/ 96 h 208"/>
              <a:gd name="T76" fmla="*/ 8 w 224"/>
              <a:gd name="T77" fmla="*/ 132 h 208"/>
              <a:gd name="T78" fmla="*/ 23 w 224"/>
              <a:gd name="T79" fmla="*/ 80 h 208"/>
              <a:gd name="T80" fmla="*/ 43 w 224"/>
              <a:gd name="T81" fmla="*/ 95 h 208"/>
              <a:gd name="T82" fmla="*/ 72 w 224"/>
              <a:gd name="T83" fmla="*/ 92 h 208"/>
              <a:gd name="T84" fmla="*/ 136 w 224"/>
              <a:gd name="T85" fmla="*/ 143 h 208"/>
              <a:gd name="T86" fmla="*/ 128 w 224"/>
              <a:gd name="T87" fmla="*/ 100 h 208"/>
              <a:gd name="T88" fmla="*/ 116 w 224"/>
              <a:gd name="T89" fmla="*/ 140 h 208"/>
              <a:gd name="T90" fmla="*/ 108 w 224"/>
              <a:gd name="T91" fmla="*/ 200 h 208"/>
              <a:gd name="T92" fmla="*/ 92 w 224"/>
              <a:gd name="T93" fmla="*/ 96 h 208"/>
              <a:gd name="T94" fmla="*/ 80 w 224"/>
              <a:gd name="T95" fmla="*/ 132 h 208"/>
              <a:gd name="T96" fmla="*/ 95 w 224"/>
              <a:gd name="T97" fmla="*/ 80 h 208"/>
              <a:gd name="T98" fmla="*/ 115 w 224"/>
              <a:gd name="T99" fmla="*/ 95 h 208"/>
              <a:gd name="T100" fmla="*/ 144 w 224"/>
              <a:gd name="T101" fmla="*/ 92 h 208"/>
              <a:gd name="T102" fmla="*/ 208 w 224"/>
              <a:gd name="T103" fmla="*/ 100 h 208"/>
              <a:gd name="T104" fmla="*/ 200 w 224"/>
              <a:gd name="T105" fmla="*/ 200 h 208"/>
              <a:gd name="T106" fmla="*/ 184 w 224"/>
              <a:gd name="T107" fmla="*/ 136 h 208"/>
              <a:gd name="T108" fmla="*/ 168 w 224"/>
              <a:gd name="T109" fmla="*/ 200 h 208"/>
              <a:gd name="T110" fmla="*/ 160 w 224"/>
              <a:gd name="T111" fmla="*/ 100 h 208"/>
              <a:gd name="T112" fmla="*/ 152 w 224"/>
              <a:gd name="T113" fmla="*/ 92 h 208"/>
              <a:gd name="T114" fmla="*/ 181 w 224"/>
              <a:gd name="T115" fmla="*/ 95 h 208"/>
              <a:gd name="T116" fmla="*/ 201 w 224"/>
              <a:gd name="T117" fmla="*/ 80 h 208"/>
              <a:gd name="T118" fmla="*/ 216 w 224"/>
              <a:gd name="T119" fmla="*/ 132 h 208"/>
              <a:gd name="T120" fmla="*/ 204 w 224"/>
              <a:gd name="T121" fmla="*/ 52 h 208"/>
              <a:gd name="T122" fmla="*/ 184 w 224"/>
              <a:gd name="T123" fmla="*/ 72 h 208"/>
              <a:gd name="T124" fmla="*/ 184 w 224"/>
              <a:gd name="T125" fmla="*/ 6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24" h="208">
                <a:moveTo>
                  <a:pt x="112" y="72"/>
                </a:moveTo>
                <a:cubicBezTo>
                  <a:pt x="123" y="72"/>
                  <a:pt x="132" y="63"/>
                  <a:pt x="132" y="52"/>
                </a:cubicBezTo>
                <a:cubicBezTo>
                  <a:pt x="132" y="41"/>
                  <a:pt x="123" y="32"/>
                  <a:pt x="112" y="32"/>
                </a:cubicBezTo>
                <a:cubicBezTo>
                  <a:pt x="101" y="32"/>
                  <a:pt x="92" y="41"/>
                  <a:pt x="92" y="52"/>
                </a:cubicBezTo>
                <a:cubicBezTo>
                  <a:pt x="92" y="63"/>
                  <a:pt x="101" y="72"/>
                  <a:pt x="112" y="72"/>
                </a:cubicBezTo>
                <a:close/>
                <a:moveTo>
                  <a:pt x="112" y="40"/>
                </a:moveTo>
                <a:cubicBezTo>
                  <a:pt x="119" y="40"/>
                  <a:pt x="124" y="45"/>
                  <a:pt x="124" y="52"/>
                </a:cubicBezTo>
                <a:cubicBezTo>
                  <a:pt x="124" y="59"/>
                  <a:pt x="119" y="64"/>
                  <a:pt x="112" y="64"/>
                </a:cubicBezTo>
                <a:cubicBezTo>
                  <a:pt x="105" y="64"/>
                  <a:pt x="100" y="59"/>
                  <a:pt x="100" y="52"/>
                </a:cubicBezTo>
                <a:cubicBezTo>
                  <a:pt x="100" y="45"/>
                  <a:pt x="105" y="40"/>
                  <a:pt x="112" y="40"/>
                </a:cubicBezTo>
                <a:close/>
                <a:moveTo>
                  <a:pt x="40" y="72"/>
                </a:moveTo>
                <a:cubicBezTo>
                  <a:pt x="51" y="72"/>
                  <a:pt x="60" y="63"/>
                  <a:pt x="60" y="52"/>
                </a:cubicBezTo>
                <a:cubicBezTo>
                  <a:pt x="60" y="41"/>
                  <a:pt x="51" y="32"/>
                  <a:pt x="40" y="32"/>
                </a:cubicBezTo>
                <a:cubicBezTo>
                  <a:pt x="29" y="32"/>
                  <a:pt x="20" y="41"/>
                  <a:pt x="20" y="52"/>
                </a:cubicBezTo>
                <a:cubicBezTo>
                  <a:pt x="20" y="63"/>
                  <a:pt x="29" y="72"/>
                  <a:pt x="40" y="72"/>
                </a:cubicBezTo>
                <a:close/>
                <a:moveTo>
                  <a:pt x="40" y="40"/>
                </a:moveTo>
                <a:cubicBezTo>
                  <a:pt x="47" y="40"/>
                  <a:pt x="52" y="45"/>
                  <a:pt x="52" y="52"/>
                </a:cubicBezTo>
                <a:cubicBezTo>
                  <a:pt x="52" y="59"/>
                  <a:pt x="47" y="64"/>
                  <a:pt x="40" y="64"/>
                </a:cubicBezTo>
                <a:cubicBezTo>
                  <a:pt x="33" y="64"/>
                  <a:pt x="28" y="59"/>
                  <a:pt x="28" y="52"/>
                </a:cubicBezTo>
                <a:cubicBezTo>
                  <a:pt x="28" y="45"/>
                  <a:pt x="33" y="40"/>
                  <a:pt x="40" y="40"/>
                </a:cubicBezTo>
                <a:close/>
                <a:moveTo>
                  <a:pt x="76" y="40"/>
                </a:moveTo>
                <a:cubicBezTo>
                  <a:pt x="87" y="40"/>
                  <a:pt x="96" y="31"/>
                  <a:pt x="96" y="20"/>
                </a:cubicBezTo>
                <a:cubicBezTo>
                  <a:pt x="96" y="9"/>
                  <a:pt x="87" y="0"/>
                  <a:pt x="76" y="0"/>
                </a:cubicBezTo>
                <a:cubicBezTo>
                  <a:pt x="65" y="0"/>
                  <a:pt x="56" y="9"/>
                  <a:pt x="56" y="20"/>
                </a:cubicBezTo>
                <a:cubicBezTo>
                  <a:pt x="56" y="31"/>
                  <a:pt x="65" y="40"/>
                  <a:pt x="76" y="40"/>
                </a:cubicBezTo>
                <a:close/>
                <a:moveTo>
                  <a:pt x="76" y="8"/>
                </a:moveTo>
                <a:cubicBezTo>
                  <a:pt x="83" y="8"/>
                  <a:pt x="88" y="13"/>
                  <a:pt x="88" y="20"/>
                </a:cubicBezTo>
                <a:cubicBezTo>
                  <a:pt x="88" y="27"/>
                  <a:pt x="83" y="32"/>
                  <a:pt x="76" y="32"/>
                </a:cubicBezTo>
                <a:cubicBezTo>
                  <a:pt x="69" y="32"/>
                  <a:pt x="64" y="27"/>
                  <a:pt x="64" y="20"/>
                </a:cubicBezTo>
                <a:cubicBezTo>
                  <a:pt x="64" y="13"/>
                  <a:pt x="69" y="8"/>
                  <a:pt x="76" y="8"/>
                </a:cubicBezTo>
                <a:close/>
                <a:moveTo>
                  <a:pt x="148" y="40"/>
                </a:moveTo>
                <a:cubicBezTo>
                  <a:pt x="159" y="40"/>
                  <a:pt x="168" y="31"/>
                  <a:pt x="168" y="20"/>
                </a:cubicBezTo>
                <a:cubicBezTo>
                  <a:pt x="168" y="9"/>
                  <a:pt x="159" y="0"/>
                  <a:pt x="148" y="0"/>
                </a:cubicBezTo>
                <a:cubicBezTo>
                  <a:pt x="137" y="0"/>
                  <a:pt x="128" y="9"/>
                  <a:pt x="128" y="20"/>
                </a:cubicBezTo>
                <a:cubicBezTo>
                  <a:pt x="128" y="31"/>
                  <a:pt x="137" y="40"/>
                  <a:pt x="148" y="40"/>
                </a:cubicBezTo>
                <a:close/>
                <a:moveTo>
                  <a:pt x="148" y="8"/>
                </a:moveTo>
                <a:cubicBezTo>
                  <a:pt x="155" y="8"/>
                  <a:pt x="160" y="13"/>
                  <a:pt x="160" y="20"/>
                </a:cubicBezTo>
                <a:cubicBezTo>
                  <a:pt x="160" y="27"/>
                  <a:pt x="155" y="32"/>
                  <a:pt x="148" y="32"/>
                </a:cubicBezTo>
                <a:cubicBezTo>
                  <a:pt x="141" y="32"/>
                  <a:pt x="136" y="27"/>
                  <a:pt x="136" y="20"/>
                </a:cubicBezTo>
                <a:cubicBezTo>
                  <a:pt x="136" y="13"/>
                  <a:pt x="141" y="8"/>
                  <a:pt x="148" y="8"/>
                </a:cubicBezTo>
                <a:close/>
                <a:moveTo>
                  <a:pt x="212" y="75"/>
                </a:moveTo>
                <a:cubicBezTo>
                  <a:pt x="211" y="75"/>
                  <a:pt x="211" y="75"/>
                  <a:pt x="211" y="75"/>
                </a:cubicBezTo>
                <a:cubicBezTo>
                  <a:pt x="201" y="72"/>
                  <a:pt x="201" y="72"/>
                  <a:pt x="201" y="72"/>
                </a:cubicBezTo>
                <a:cubicBezTo>
                  <a:pt x="200" y="72"/>
                  <a:pt x="198" y="72"/>
                  <a:pt x="197" y="73"/>
                </a:cubicBezTo>
                <a:cubicBezTo>
                  <a:pt x="184" y="86"/>
                  <a:pt x="184" y="86"/>
                  <a:pt x="184" y="86"/>
                </a:cubicBezTo>
                <a:cubicBezTo>
                  <a:pt x="171" y="73"/>
                  <a:pt x="171" y="73"/>
                  <a:pt x="171" y="73"/>
                </a:cubicBezTo>
                <a:cubicBezTo>
                  <a:pt x="170" y="72"/>
                  <a:pt x="168" y="72"/>
                  <a:pt x="167" y="72"/>
                </a:cubicBezTo>
                <a:cubicBezTo>
                  <a:pt x="157" y="75"/>
                  <a:pt x="157" y="75"/>
                  <a:pt x="157" y="75"/>
                </a:cubicBezTo>
                <a:cubicBezTo>
                  <a:pt x="156" y="75"/>
                  <a:pt x="156" y="75"/>
                  <a:pt x="156" y="75"/>
                </a:cubicBezTo>
                <a:cubicBezTo>
                  <a:pt x="153" y="76"/>
                  <a:pt x="150" y="78"/>
                  <a:pt x="148" y="81"/>
                </a:cubicBezTo>
                <a:cubicBezTo>
                  <a:pt x="146" y="78"/>
                  <a:pt x="143" y="76"/>
                  <a:pt x="140" y="75"/>
                </a:cubicBezTo>
                <a:cubicBezTo>
                  <a:pt x="139" y="75"/>
                  <a:pt x="139" y="75"/>
                  <a:pt x="139" y="75"/>
                </a:cubicBezTo>
                <a:cubicBezTo>
                  <a:pt x="129" y="72"/>
                  <a:pt x="129" y="72"/>
                  <a:pt x="129" y="72"/>
                </a:cubicBezTo>
                <a:cubicBezTo>
                  <a:pt x="128" y="72"/>
                  <a:pt x="126" y="72"/>
                  <a:pt x="125" y="73"/>
                </a:cubicBezTo>
                <a:cubicBezTo>
                  <a:pt x="112" y="86"/>
                  <a:pt x="112" y="86"/>
                  <a:pt x="112" y="86"/>
                </a:cubicBezTo>
                <a:cubicBezTo>
                  <a:pt x="99" y="73"/>
                  <a:pt x="99" y="73"/>
                  <a:pt x="99" y="73"/>
                </a:cubicBezTo>
                <a:cubicBezTo>
                  <a:pt x="98" y="72"/>
                  <a:pt x="96" y="72"/>
                  <a:pt x="95" y="72"/>
                </a:cubicBezTo>
                <a:cubicBezTo>
                  <a:pt x="85" y="75"/>
                  <a:pt x="85" y="75"/>
                  <a:pt x="85" y="75"/>
                </a:cubicBezTo>
                <a:cubicBezTo>
                  <a:pt x="84" y="75"/>
                  <a:pt x="84" y="75"/>
                  <a:pt x="84" y="75"/>
                </a:cubicBezTo>
                <a:cubicBezTo>
                  <a:pt x="81" y="76"/>
                  <a:pt x="78" y="78"/>
                  <a:pt x="76" y="81"/>
                </a:cubicBezTo>
                <a:cubicBezTo>
                  <a:pt x="74" y="78"/>
                  <a:pt x="71" y="76"/>
                  <a:pt x="68" y="75"/>
                </a:cubicBezTo>
                <a:cubicBezTo>
                  <a:pt x="67" y="75"/>
                  <a:pt x="67" y="75"/>
                  <a:pt x="67" y="75"/>
                </a:cubicBezTo>
                <a:cubicBezTo>
                  <a:pt x="57" y="72"/>
                  <a:pt x="57" y="72"/>
                  <a:pt x="57" y="72"/>
                </a:cubicBezTo>
                <a:cubicBezTo>
                  <a:pt x="56" y="72"/>
                  <a:pt x="54" y="72"/>
                  <a:pt x="53" y="73"/>
                </a:cubicBezTo>
                <a:cubicBezTo>
                  <a:pt x="40" y="86"/>
                  <a:pt x="40" y="86"/>
                  <a:pt x="40" y="86"/>
                </a:cubicBezTo>
                <a:cubicBezTo>
                  <a:pt x="27" y="73"/>
                  <a:pt x="27" y="73"/>
                  <a:pt x="27" y="73"/>
                </a:cubicBezTo>
                <a:cubicBezTo>
                  <a:pt x="26" y="72"/>
                  <a:pt x="24" y="72"/>
                  <a:pt x="23" y="72"/>
                </a:cubicBezTo>
                <a:cubicBezTo>
                  <a:pt x="13" y="75"/>
                  <a:pt x="13" y="75"/>
                  <a:pt x="13" y="75"/>
                </a:cubicBezTo>
                <a:cubicBezTo>
                  <a:pt x="12" y="75"/>
                  <a:pt x="12" y="75"/>
                  <a:pt x="12" y="75"/>
                </a:cubicBezTo>
                <a:cubicBezTo>
                  <a:pt x="5" y="77"/>
                  <a:pt x="0" y="84"/>
                  <a:pt x="0" y="92"/>
                </a:cubicBezTo>
                <a:cubicBezTo>
                  <a:pt x="0" y="132"/>
                  <a:pt x="0" y="132"/>
                  <a:pt x="0" y="132"/>
                </a:cubicBezTo>
                <a:cubicBezTo>
                  <a:pt x="0" y="142"/>
                  <a:pt x="7" y="150"/>
                  <a:pt x="16" y="152"/>
                </a:cubicBezTo>
                <a:cubicBezTo>
                  <a:pt x="16" y="204"/>
                  <a:pt x="16" y="204"/>
                  <a:pt x="16" y="204"/>
                </a:cubicBezTo>
                <a:cubicBezTo>
                  <a:pt x="16" y="205"/>
                  <a:pt x="16" y="206"/>
                  <a:pt x="17" y="207"/>
                </a:cubicBezTo>
                <a:cubicBezTo>
                  <a:pt x="18" y="208"/>
                  <a:pt x="19" y="208"/>
                  <a:pt x="20" y="208"/>
                </a:cubicBezTo>
                <a:cubicBezTo>
                  <a:pt x="60" y="208"/>
                  <a:pt x="60" y="208"/>
                  <a:pt x="60" y="208"/>
                </a:cubicBezTo>
                <a:cubicBezTo>
                  <a:pt x="61" y="208"/>
                  <a:pt x="62" y="208"/>
                  <a:pt x="63" y="207"/>
                </a:cubicBezTo>
                <a:cubicBezTo>
                  <a:pt x="64" y="206"/>
                  <a:pt x="64" y="205"/>
                  <a:pt x="64" y="204"/>
                </a:cubicBezTo>
                <a:cubicBezTo>
                  <a:pt x="64" y="152"/>
                  <a:pt x="64" y="152"/>
                  <a:pt x="64" y="152"/>
                </a:cubicBezTo>
                <a:cubicBezTo>
                  <a:pt x="69" y="151"/>
                  <a:pt x="73" y="148"/>
                  <a:pt x="76" y="144"/>
                </a:cubicBezTo>
                <a:cubicBezTo>
                  <a:pt x="79" y="148"/>
                  <a:pt x="83" y="151"/>
                  <a:pt x="88" y="152"/>
                </a:cubicBezTo>
                <a:cubicBezTo>
                  <a:pt x="88" y="204"/>
                  <a:pt x="88" y="204"/>
                  <a:pt x="88" y="204"/>
                </a:cubicBezTo>
                <a:cubicBezTo>
                  <a:pt x="88" y="205"/>
                  <a:pt x="88" y="206"/>
                  <a:pt x="89" y="207"/>
                </a:cubicBezTo>
                <a:cubicBezTo>
                  <a:pt x="90" y="208"/>
                  <a:pt x="91" y="208"/>
                  <a:pt x="92" y="208"/>
                </a:cubicBezTo>
                <a:cubicBezTo>
                  <a:pt x="132" y="208"/>
                  <a:pt x="132" y="208"/>
                  <a:pt x="132" y="208"/>
                </a:cubicBezTo>
                <a:cubicBezTo>
                  <a:pt x="133" y="208"/>
                  <a:pt x="134" y="208"/>
                  <a:pt x="135" y="207"/>
                </a:cubicBezTo>
                <a:cubicBezTo>
                  <a:pt x="136" y="206"/>
                  <a:pt x="136" y="205"/>
                  <a:pt x="136" y="204"/>
                </a:cubicBezTo>
                <a:cubicBezTo>
                  <a:pt x="136" y="152"/>
                  <a:pt x="136" y="152"/>
                  <a:pt x="136" y="152"/>
                </a:cubicBezTo>
                <a:cubicBezTo>
                  <a:pt x="141" y="151"/>
                  <a:pt x="145" y="148"/>
                  <a:pt x="148" y="144"/>
                </a:cubicBezTo>
                <a:cubicBezTo>
                  <a:pt x="151" y="148"/>
                  <a:pt x="155" y="151"/>
                  <a:pt x="160" y="152"/>
                </a:cubicBezTo>
                <a:cubicBezTo>
                  <a:pt x="160" y="204"/>
                  <a:pt x="160" y="204"/>
                  <a:pt x="160" y="204"/>
                </a:cubicBezTo>
                <a:cubicBezTo>
                  <a:pt x="160" y="205"/>
                  <a:pt x="160" y="206"/>
                  <a:pt x="161" y="207"/>
                </a:cubicBezTo>
                <a:cubicBezTo>
                  <a:pt x="162" y="208"/>
                  <a:pt x="163" y="208"/>
                  <a:pt x="164" y="208"/>
                </a:cubicBezTo>
                <a:cubicBezTo>
                  <a:pt x="204" y="208"/>
                  <a:pt x="204" y="208"/>
                  <a:pt x="204" y="208"/>
                </a:cubicBezTo>
                <a:cubicBezTo>
                  <a:pt x="205" y="208"/>
                  <a:pt x="206" y="208"/>
                  <a:pt x="207" y="207"/>
                </a:cubicBezTo>
                <a:cubicBezTo>
                  <a:pt x="208" y="206"/>
                  <a:pt x="208" y="205"/>
                  <a:pt x="208" y="204"/>
                </a:cubicBezTo>
                <a:cubicBezTo>
                  <a:pt x="208" y="152"/>
                  <a:pt x="208" y="152"/>
                  <a:pt x="208" y="152"/>
                </a:cubicBezTo>
                <a:cubicBezTo>
                  <a:pt x="217" y="150"/>
                  <a:pt x="224" y="142"/>
                  <a:pt x="224" y="132"/>
                </a:cubicBezTo>
                <a:cubicBezTo>
                  <a:pt x="224" y="92"/>
                  <a:pt x="224" y="92"/>
                  <a:pt x="224" y="92"/>
                </a:cubicBezTo>
                <a:cubicBezTo>
                  <a:pt x="224" y="84"/>
                  <a:pt x="219" y="77"/>
                  <a:pt x="212" y="75"/>
                </a:cubicBezTo>
                <a:close/>
                <a:moveTo>
                  <a:pt x="72" y="132"/>
                </a:moveTo>
                <a:cubicBezTo>
                  <a:pt x="72" y="137"/>
                  <a:pt x="69" y="142"/>
                  <a:pt x="64" y="143"/>
                </a:cubicBezTo>
                <a:cubicBezTo>
                  <a:pt x="64" y="100"/>
                  <a:pt x="64" y="100"/>
                  <a:pt x="64" y="100"/>
                </a:cubicBezTo>
                <a:cubicBezTo>
                  <a:pt x="64" y="98"/>
                  <a:pt x="62" y="96"/>
                  <a:pt x="60" y="96"/>
                </a:cubicBezTo>
                <a:cubicBezTo>
                  <a:pt x="58" y="96"/>
                  <a:pt x="56" y="98"/>
                  <a:pt x="56" y="100"/>
                </a:cubicBezTo>
                <a:cubicBezTo>
                  <a:pt x="56" y="200"/>
                  <a:pt x="56" y="200"/>
                  <a:pt x="56" y="200"/>
                </a:cubicBezTo>
                <a:cubicBezTo>
                  <a:pt x="44" y="200"/>
                  <a:pt x="44" y="200"/>
                  <a:pt x="44" y="200"/>
                </a:cubicBezTo>
                <a:cubicBezTo>
                  <a:pt x="44" y="140"/>
                  <a:pt x="44" y="140"/>
                  <a:pt x="44" y="140"/>
                </a:cubicBezTo>
                <a:cubicBezTo>
                  <a:pt x="44" y="138"/>
                  <a:pt x="42" y="136"/>
                  <a:pt x="40" y="136"/>
                </a:cubicBezTo>
                <a:cubicBezTo>
                  <a:pt x="38" y="136"/>
                  <a:pt x="36" y="138"/>
                  <a:pt x="36" y="140"/>
                </a:cubicBezTo>
                <a:cubicBezTo>
                  <a:pt x="36" y="200"/>
                  <a:pt x="36" y="200"/>
                  <a:pt x="36" y="200"/>
                </a:cubicBezTo>
                <a:cubicBezTo>
                  <a:pt x="24" y="200"/>
                  <a:pt x="24" y="200"/>
                  <a:pt x="24" y="200"/>
                </a:cubicBezTo>
                <a:cubicBezTo>
                  <a:pt x="24" y="100"/>
                  <a:pt x="24" y="100"/>
                  <a:pt x="24" y="100"/>
                </a:cubicBezTo>
                <a:cubicBezTo>
                  <a:pt x="24" y="98"/>
                  <a:pt x="22" y="96"/>
                  <a:pt x="20" y="96"/>
                </a:cubicBezTo>
                <a:cubicBezTo>
                  <a:pt x="18" y="96"/>
                  <a:pt x="16" y="98"/>
                  <a:pt x="16" y="100"/>
                </a:cubicBezTo>
                <a:cubicBezTo>
                  <a:pt x="16" y="143"/>
                  <a:pt x="16" y="143"/>
                  <a:pt x="16" y="143"/>
                </a:cubicBezTo>
                <a:cubicBezTo>
                  <a:pt x="11" y="142"/>
                  <a:pt x="8" y="137"/>
                  <a:pt x="8" y="132"/>
                </a:cubicBezTo>
                <a:cubicBezTo>
                  <a:pt x="8" y="92"/>
                  <a:pt x="8" y="92"/>
                  <a:pt x="8" y="92"/>
                </a:cubicBezTo>
                <a:cubicBezTo>
                  <a:pt x="8" y="88"/>
                  <a:pt x="11" y="84"/>
                  <a:pt x="15" y="82"/>
                </a:cubicBezTo>
                <a:cubicBezTo>
                  <a:pt x="23" y="80"/>
                  <a:pt x="23" y="80"/>
                  <a:pt x="23" y="80"/>
                </a:cubicBezTo>
                <a:cubicBezTo>
                  <a:pt x="37" y="95"/>
                  <a:pt x="37" y="95"/>
                  <a:pt x="37" y="95"/>
                </a:cubicBezTo>
                <a:cubicBezTo>
                  <a:pt x="38" y="96"/>
                  <a:pt x="39" y="96"/>
                  <a:pt x="40" y="96"/>
                </a:cubicBezTo>
                <a:cubicBezTo>
                  <a:pt x="41" y="96"/>
                  <a:pt x="42" y="96"/>
                  <a:pt x="43" y="95"/>
                </a:cubicBezTo>
                <a:cubicBezTo>
                  <a:pt x="57" y="80"/>
                  <a:pt x="57" y="80"/>
                  <a:pt x="57" y="80"/>
                </a:cubicBezTo>
                <a:cubicBezTo>
                  <a:pt x="65" y="82"/>
                  <a:pt x="65" y="82"/>
                  <a:pt x="65" y="82"/>
                </a:cubicBezTo>
                <a:cubicBezTo>
                  <a:pt x="69" y="84"/>
                  <a:pt x="72" y="88"/>
                  <a:pt x="72" y="92"/>
                </a:cubicBezTo>
                <a:lnTo>
                  <a:pt x="72" y="132"/>
                </a:lnTo>
                <a:close/>
                <a:moveTo>
                  <a:pt x="144" y="132"/>
                </a:moveTo>
                <a:cubicBezTo>
                  <a:pt x="144" y="137"/>
                  <a:pt x="141" y="142"/>
                  <a:pt x="136" y="143"/>
                </a:cubicBezTo>
                <a:cubicBezTo>
                  <a:pt x="136" y="100"/>
                  <a:pt x="136" y="100"/>
                  <a:pt x="136" y="100"/>
                </a:cubicBezTo>
                <a:cubicBezTo>
                  <a:pt x="136" y="98"/>
                  <a:pt x="134" y="96"/>
                  <a:pt x="132" y="96"/>
                </a:cubicBezTo>
                <a:cubicBezTo>
                  <a:pt x="130" y="96"/>
                  <a:pt x="128" y="98"/>
                  <a:pt x="128" y="100"/>
                </a:cubicBezTo>
                <a:cubicBezTo>
                  <a:pt x="128" y="200"/>
                  <a:pt x="128" y="200"/>
                  <a:pt x="128" y="200"/>
                </a:cubicBezTo>
                <a:cubicBezTo>
                  <a:pt x="116" y="200"/>
                  <a:pt x="116" y="200"/>
                  <a:pt x="116" y="200"/>
                </a:cubicBezTo>
                <a:cubicBezTo>
                  <a:pt x="116" y="140"/>
                  <a:pt x="116" y="140"/>
                  <a:pt x="116" y="140"/>
                </a:cubicBezTo>
                <a:cubicBezTo>
                  <a:pt x="116" y="138"/>
                  <a:pt x="114" y="136"/>
                  <a:pt x="112" y="136"/>
                </a:cubicBezTo>
                <a:cubicBezTo>
                  <a:pt x="110" y="136"/>
                  <a:pt x="108" y="138"/>
                  <a:pt x="108" y="140"/>
                </a:cubicBezTo>
                <a:cubicBezTo>
                  <a:pt x="108" y="200"/>
                  <a:pt x="108" y="200"/>
                  <a:pt x="108" y="200"/>
                </a:cubicBezTo>
                <a:cubicBezTo>
                  <a:pt x="96" y="200"/>
                  <a:pt x="96" y="200"/>
                  <a:pt x="96" y="200"/>
                </a:cubicBezTo>
                <a:cubicBezTo>
                  <a:pt x="96" y="100"/>
                  <a:pt x="96" y="100"/>
                  <a:pt x="96" y="100"/>
                </a:cubicBezTo>
                <a:cubicBezTo>
                  <a:pt x="96" y="98"/>
                  <a:pt x="94" y="96"/>
                  <a:pt x="92" y="96"/>
                </a:cubicBezTo>
                <a:cubicBezTo>
                  <a:pt x="90" y="96"/>
                  <a:pt x="88" y="98"/>
                  <a:pt x="88" y="100"/>
                </a:cubicBezTo>
                <a:cubicBezTo>
                  <a:pt x="88" y="143"/>
                  <a:pt x="88" y="143"/>
                  <a:pt x="88" y="143"/>
                </a:cubicBezTo>
                <a:cubicBezTo>
                  <a:pt x="83" y="142"/>
                  <a:pt x="80" y="137"/>
                  <a:pt x="80" y="132"/>
                </a:cubicBezTo>
                <a:cubicBezTo>
                  <a:pt x="80" y="92"/>
                  <a:pt x="80" y="92"/>
                  <a:pt x="80" y="92"/>
                </a:cubicBezTo>
                <a:cubicBezTo>
                  <a:pt x="80" y="88"/>
                  <a:pt x="83" y="84"/>
                  <a:pt x="87" y="82"/>
                </a:cubicBezTo>
                <a:cubicBezTo>
                  <a:pt x="95" y="80"/>
                  <a:pt x="95" y="80"/>
                  <a:pt x="95" y="80"/>
                </a:cubicBezTo>
                <a:cubicBezTo>
                  <a:pt x="109" y="95"/>
                  <a:pt x="109" y="95"/>
                  <a:pt x="109" y="95"/>
                </a:cubicBezTo>
                <a:cubicBezTo>
                  <a:pt x="110" y="96"/>
                  <a:pt x="111" y="96"/>
                  <a:pt x="112" y="96"/>
                </a:cubicBezTo>
                <a:cubicBezTo>
                  <a:pt x="113" y="96"/>
                  <a:pt x="114" y="96"/>
                  <a:pt x="115" y="95"/>
                </a:cubicBezTo>
                <a:cubicBezTo>
                  <a:pt x="129" y="80"/>
                  <a:pt x="129" y="80"/>
                  <a:pt x="129" y="80"/>
                </a:cubicBezTo>
                <a:cubicBezTo>
                  <a:pt x="137" y="82"/>
                  <a:pt x="137" y="82"/>
                  <a:pt x="137" y="82"/>
                </a:cubicBezTo>
                <a:cubicBezTo>
                  <a:pt x="141" y="84"/>
                  <a:pt x="144" y="88"/>
                  <a:pt x="144" y="92"/>
                </a:cubicBezTo>
                <a:lnTo>
                  <a:pt x="144" y="132"/>
                </a:lnTo>
                <a:close/>
                <a:moveTo>
                  <a:pt x="208" y="143"/>
                </a:moveTo>
                <a:cubicBezTo>
                  <a:pt x="208" y="100"/>
                  <a:pt x="208" y="100"/>
                  <a:pt x="208" y="100"/>
                </a:cubicBezTo>
                <a:cubicBezTo>
                  <a:pt x="208" y="98"/>
                  <a:pt x="206" y="96"/>
                  <a:pt x="204" y="96"/>
                </a:cubicBezTo>
                <a:cubicBezTo>
                  <a:pt x="202" y="96"/>
                  <a:pt x="200" y="98"/>
                  <a:pt x="200" y="100"/>
                </a:cubicBezTo>
                <a:cubicBezTo>
                  <a:pt x="200" y="200"/>
                  <a:pt x="200" y="200"/>
                  <a:pt x="200" y="200"/>
                </a:cubicBezTo>
                <a:cubicBezTo>
                  <a:pt x="188" y="200"/>
                  <a:pt x="188" y="200"/>
                  <a:pt x="188" y="200"/>
                </a:cubicBezTo>
                <a:cubicBezTo>
                  <a:pt x="188" y="140"/>
                  <a:pt x="188" y="140"/>
                  <a:pt x="188" y="140"/>
                </a:cubicBezTo>
                <a:cubicBezTo>
                  <a:pt x="188" y="138"/>
                  <a:pt x="186" y="136"/>
                  <a:pt x="184" y="136"/>
                </a:cubicBezTo>
                <a:cubicBezTo>
                  <a:pt x="182" y="136"/>
                  <a:pt x="180" y="138"/>
                  <a:pt x="180" y="140"/>
                </a:cubicBezTo>
                <a:cubicBezTo>
                  <a:pt x="180" y="200"/>
                  <a:pt x="180" y="200"/>
                  <a:pt x="180" y="200"/>
                </a:cubicBezTo>
                <a:cubicBezTo>
                  <a:pt x="168" y="200"/>
                  <a:pt x="168" y="200"/>
                  <a:pt x="168" y="200"/>
                </a:cubicBezTo>
                <a:cubicBezTo>
                  <a:pt x="168" y="100"/>
                  <a:pt x="168" y="100"/>
                  <a:pt x="168" y="100"/>
                </a:cubicBezTo>
                <a:cubicBezTo>
                  <a:pt x="168" y="98"/>
                  <a:pt x="166" y="96"/>
                  <a:pt x="164" y="96"/>
                </a:cubicBezTo>
                <a:cubicBezTo>
                  <a:pt x="162" y="96"/>
                  <a:pt x="160" y="98"/>
                  <a:pt x="160" y="100"/>
                </a:cubicBezTo>
                <a:cubicBezTo>
                  <a:pt x="160" y="143"/>
                  <a:pt x="160" y="143"/>
                  <a:pt x="160" y="143"/>
                </a:cubicBezTo>
                <a:cubicBezTo>
                  <a:pt x="155" y="142"/>
                  <a:pt x="152" y="137"/>
                  <a:pt x="152" y="132"/>
                </a:cubicBezTo>
                <a:cubicBezTo>
                  <a:pt x="152" y="92"/>
                  <a:pt x="152" y="92"/>
                  <a:pt x="152" y="92"/>
                </a:cubicBezTo>
                <a:cubicBezTo>
                  <a:pt x="152" y="88"/>
                  <a:pt x="155" y="84"/>
                  <a:pt x="159" y="82"/>
                </a:cubicBezTo>
                <a:cubicBezTo>
                  <a:pt x="167" y="80"/>
                  <a:pt x="167" y="80"/>
                  <a:pt x="167" y="80"/>
                </a:cubicBezTo>
                <a:cubicBezTo>
                  <a:pt x="181" y="95"/>
                  <a:pt x="181" y="95"/>
                  <a:pt x="181" y="95"/>
                </a:cubicBezTo>
                <a:cubicBezTo>
                  <a:pt x="182" y="96"/>
                  <a:pt x="183" y="96"/>
                  <a:pt x="184" y="96"/>
                </a:cubicBezTo>
                <a:cubicBezTo>
                  <a:pt x="185" y="96"/>
                  <a:pt x="186" y="96"/>
                  <a:pt x="187" y="95"/>
                </a:cubicBezTo>
                <a:cubicBezTo>
                  <a:pt x="201" y="80"/>
                  <a:pt x="201" y="80"/>
                  <a:pt x="201" y="80"/>
                </a:cubicBezTo>
                <a:cubicBezTo>
                  <a:pt x="209" y="82"/>
                  <a:pt x="209" y="82"/>
                  <a:pt x="209" y="82"/>
                </a:cubicBezTo>
                <a:cubicBezTo>
                  <a:pt x="213" y="84"/>
                  <a:pt x="216" y="88"/>
                  <a:pt x="216" y="92"/>
                </a:cubicBezTo>
                <a:cubicBezTo>
                  <a:pt x="216" y="132"/>
                  <a:pt x="216" y="132"/>
                  <a:pt x="216" y="132"/>
                </a:cubicBezTo>
                <a:cubicBezTo>
                  <a:pt x="216" y="137"/>
                  <a:pt x="213" y="142"/>
                  <a:pt x="208" y="143"/>
                </a:cubicBezTo>
                <a:close/>
                <a:moveTo>
                  <a:pt x="184" y="72"/>
                </a:moveTo>
                <a:cubicBezTo>
                  <a:pt x="195" y="72"/>
                  <a:pt x="204" y="63"/>
                  <a:pt x="204" y="52"/>
                </a:cubicBezTo>
                <a:cubicBezTo>
                  <a:pt x="204" y="41"/>
                  <a:pt x="195" y="32"/>
                  <a:pt x="184" y="32"/>
                </a:cubicBezTo>
                <a:cubicBezTo>
                  <a:pt x="173" y="32"/>
                  <a:pt x="164" y="41"/>
                  <a:pt x="164" y="52"/>
                </a:cubicBezTo>
                <a:cubicBezTo>
                  <a:pt x="164" y="63"/>
                  <a:pt x="173" y="72"/>
                  <a:pt x="184" y="72"/>
                </a:cubicBezTo>
                <a:close/>
                <a:moveTo>
                  <a:pt x="184" y="40"/>
                </a:moveTo>
                <a:cubicBezTo>
                  <a:pt x="191" y="40"/>
                  <a:pt x="196" y="45"/>
                  <a:pt x="196" y="52"/>
                </a:cubicBezTo>
                <a:cubicBezTo>
                  <a:pt x="196" y="59"/>
                  <a:pt x="191" y="64"/>
                  <a:pt x="184" y="64"/>
                </a:cubicBezTo>
                <a:cubicBezTo>
                  <a:pt x="177" y="64"/>
                  <a:pt x="172" y="59"/>
                  <a:pt x="172" y="52"/>
                </a:cubicBezTo>
                <a:cubicBezTo>
                  <a:pt x="172" y="45"/>
                  <a:pt x="177" y="40"/>
                  <a:pt x="184" y="40"/>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7" name="Freeform 17">
            <a:extLst>
              <a:ext uri="{FF2B5EF4-FFF2-40B4-BE49-F238E27FC236}">
                <a16:creationId xmlns:a16="http://schemas.microsoft.com/office/drawing/2014/main" id="{A1E60694-5772-678A-13D6-B6CB9E661E1C}"/>
              </a:ext>
              <a:ext uri="{C183D7F6-B498-43B3-948B-1728B52AA6E4}">
                <adec:decorative xmlns:adec="http://schemas.microsoft.com/office/drawing/2017/decorative" val="1"/>
              </a:ext>
            </a:extLst>
          </p:cNvPr>
          <p:cNvSpPr>
            <a:spLocks noEditPoints="1"/>
          </p:cNvSpPr>
          <p:nvPr/>
        </p:nvSpPr>
        <p:spPr bwMode="auto">
          <a:xfrm>
            <a:off x="9655598" y="2123264"/>
            <a:ext cx="382754" cy="382754"/>
          </a:xfrm>
          <a:custGeom>
            <a:avLst/>
            <a:gdLst>
              <a:gd name="T0" fmla="*/ 204 w 208"/>
              <a:gd name="T1" fmla="*/ 80 h 208"/>
              <a:gd name="T2" fmla="*/ 163 w 208"/>
              <a:gd name="T3" fmla="*/ 73 h 208"/>
              <a:gd name="T4" fmla="*/ 132 w 208"/>
              <a:gd name="T5" fmla="*/ 72 h 208"/>
              <a:gd name="T6" fmla="*/ 128 w 208"/>
              <a:gd name="T7" fmla="*/ 76 h 208"/>
              <a:gd name="T8" fmla="*/ 129 w 208"/>
              <a:gd name="T9" fmla="*/ 127 h 208"/>
              <a:gd name="T10" fmla="*/ 164 w 208"/>
              <a:gd name="T11" fmla="*/ 128 h 208"/>
              <a:gd name="T12" fmla="*/ 156 w 208"/>
              <a:gd name="T13" fmla="*/ 144 h 208"/>
              <a:gd name="T14" fmla="*/ 108 w 208"/>
              <a:gd name="T15" fmla="*/ 56 h 208"/>
              <a:gd name="T16" fmla="*/ 143 w 208"/>
              <a:gd name="T17" fmla="*/ 55 h 208"/>
              <a:gd name="T18" fmla="*/ 144 w 208"/>
              <a:gd name="T19" fmla="*/ 12 h 208"/>
              <a:gd name="T20" fmla="*/ 140 w 208"/>
              <a:gd name="T21" fmla="*/ 8 h 208"/>
              <a:gd name="T22" fmla="*/ 99 w 208"/>
              <a:gd name="T23" fmla="*/ 1 h 208"/>
              <a:gd name="T24" fmla="*/ 68 w 208"/>
              <a:gd name="T25" fmla="*/ 0 h 208"/>
              <a:gd name="T26" fmla="*/ 64 w 208"/>
              <a:gd name="T27" fmla="*/ 4 h 208"/>
              <a:gd name="T28" fmla="*/ 65 w 208"/>
              <a:gd name="T29" fmla="*/ 55 h 208"/>
              <a:gd name="T30" fmla="*/ 100 w 208"/>
              <a:gd name="T31" fmla="*/ 56 h 208"/>
              <a:gd name="T32" fmla="*/ 52 w 208"/>
              <a:gd name="T33" fmla="*/ 144 h 208"/>
              <a:gd name="T34" fmla="*/ 44 w 208"/>
              <a:gd name="T35" fmla="*/ 128 h 208"/>
              <a:gd name="T36" fmla="*/ 79 w 208"/>
              <a:gd name="T37" fmla="*/ 127 h 208"/>
              <a:gd name="T38" fmla="*/ 80 w 208"/>
              <a:gd name="T39" fmla="*/ 84 h 208"/>
              <a:gd name="T40" fmla="*/ 76 w 208"/>
              <a:gd name="T41" fmla="*/ 80 h 208"/>
              <a:gd name="T42" fmla="*/ 35 w 208"/>
              <a:gd name="T43" fmla="*/ 73 h 208"/>
              <a:gd name="T44" fmla="*/ 4 w 208"/>
              <a:gd name="T45" fmla="*/ 72 h 208"/>
              <a:gd name="T46" fmla="*/ 0 w 208"/>
              <a:gd name="T47" fmla="*/ 76 h 208"/>
              <a:gd name="T48" fmla="*/ 1 w 208"/>
              <a:gd name="T49" fmla="*/ 127 h 208"/>
              <a:gd name="T50" fmla="*/ 36 w 208"/>
              <a:gd name="T51" fmla="*/ 128 h 208"/>
              <a:gd name="T52" fmla="*/ 52 w 208"/>
              <a:gd name="T53" fmla="*/ 152 h 208"/>
              <a:gd name="T54" fmla="*/ 100 w 208"/>
              <a:gd name="T55" fmla="*/ 168 h 208"/>
              <a:gd name="T56" fmla="*/ 44 w 208"/>
              <a:gd name="T57" fmla="*/ 184 h 208"/>
              <a:gd name="T58" fmla="*/ 44 w 208"/>
              <a:gd name="T59" fmla="*/ 192 h 208"/>
              <a:gd name="T60" fmla="*/ 104 w 208"/>
              <a:gd name="T61" fmla="*/ 208 h 208"/>
              <a:gd name="T62" fmla="*/ 164 w 208"/>
              <a:gd name="T63" fmla="*/ 192 h 208"/>
              <a:gd name="T64" fmla="*/ 164 w 208"/>
              <a:gd name="T65" fmla="*/ 184 h 208"/>
              <a:gd name="T66" fmla="*/ 108 w 208"/>
              <a:gd name="T67" fmla="*/ 168 h 208"/>
              <a:gd name="T68" fmla="*/ 156 w 208"/>
              <a:gd name="T69" fmla="*/ 152 h 208"/>
              <a:gd name="T70" fmla="*/ 172 w 208"/>
              <a:gd name="T71" fmla="*/ 128 h 208"/>
              <a:gd name="T72" fmla="*/ 207 w 208"/>
              <a:gd name="T73" fmla="*/ 127 h 208"/>
              <a:gd name="T74" fmla="*/ 208 w 208"/>
              <a:gd name="T75" fmla="*/ 84 h 208"/>
              <a:gd name="T76" fmla="*/ 72 w 208"/>
              <a:gd name="T77" fmla="*/ 48 h 208"/>
              <a:gd name="T78" fmla="*/ 94 w 208"/>
              <a:gd name="T79" fmla="*/ 8 h 208"/>
              <a:gd name="T80" fmla="*/ 104 w 208"/>
              <a:gd name="T81" fmla="*/ 16 h 208"/>
              <a:gd name="T82" fmla="*/ 136 w 208"/>
              <a:gd name="T83" fmla="*/ 48 h 208"/>
              <a:gd name="T84" fmla="*/ 8 w 208"/>
              <a:gd name="T85" fmla="*/ 80 h 208"/>
              <a:gd name="T86" fmla="*/ 37 w 208"/>
              <a:gd name="T87" fmla="*/ 87 h 208"/>
              <a:gd name="T88" fmla="*/ 72 w 208"/>
              <a:gd name="T89" fmla="*/ 88 h 208"/>
              <a:gd name="T90" fmla="*/ 8 w 208"/>
              <a:gd name="T91" fmla="*/ 120 h 208"/>
              <a:gd name="T92" fmla="*/ 116 w 208"/>
              <a:gd name="T93" fmla="*/ 188 h 208"/>
              <a:gd name="T94" fmla="*/ 92 w 208"/>
              <a:gd name="T95" fmla="*/ 188 h 208"/>
              <a:gd name="T96" fmla="*/ 92 w 208"/>
              <a:gd name="T97" fmla="*/ 188 h 208"/>
              <a:gd name="T98" fmla="*/ 116 w 208"/>
              <a:gd name="T99" fmla="*/ 188 h 208"/>
              <a:gd name="T100" fmla="*/ 136 w 208"/>
              <a:gd name="T101" fmla="*/ 80 h 208"/>
              <a:gd name="T102" fmla="*/ 165 w 208"/>
              <a:gd name="T103" fmla="*/ 87 h 208"/>
              <a:gd name="T104" fmla="*/ 200 w 208"/>
              <a:gd name="T105" fmla="*/ 88 h 208"/>
              <a:gd name="T106" fmla="*/ 136 w 208"/>
              <a:gd name="T107" fmla="*/ 12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208" h="208">
                <a:moveTo>
                  <a:pt x="207" y="81"/>
                </a:moveTo>
                <a:cubicBezTo>
                  <a:pt x="206" y="80"/>
                  <a:pt x="205" y="80"/>
                  <a:pt x="204" y="80"/>
                </a:cubicBezTo>
                <a:cubicBezTo>
                  <a:pt x="170" y="80"/>
                  <a:pt x="170" y="80"/>
                  <a:pt x="170" y="80"/>
                </a:cubicBezTo>
                <a:cubicBezTo>
                  <a:pt x="163" y="73"/>
                  <a:pt x="163" y="73"/>
                  <a:pt x="163" y="73"/>
                </a:cubicBezTo>
                <a:cubicBezTo>
                  <a:pt x="162" y="72"/>
                  <a:pt x="161" y="72"/>
                  <a:pt x="160" y="72"/>
                </a:cubicBezTo>
                <a:cubicBezTo>
                  <a:pt x="132" y="72"/>
                  <a:pt x="132" y="72"/>
                  <a:pt x="132" y="72"/>
                </a:cubicBezTo>
                <a:cubicBezTo>
                  <a:pt x="131" y="72"/>
                  <a:pt x="130" y="72"/>
                  <a:pt x="129" y="73"/>
                </a:cubicBezTo>
                <a:cubicBezTo>
                  <a:pt x="128" y="74"/>
                  <a:pt x="128" y="75"/>
                  <a:pt x="128" y="76"/>
                </a:cubicBezTo>
                <a:cubicBezTo>
                  <a:pt x="128" y="124"/>
                  <a:pt x="128" y="124"/>
                  <a:pt x="128" y="124"/>
                </a:cubicBezTo>
                <a:cubicBezTo>
                  <a:pt x="128" y="125"/>
                  <a:pt x="128" y="126"/>
                  <a:pt x="129" y="127"/>
                </a:cubicBezTo>
                <a:cubicBezTo>
                  <a:pt x="130" y="128"/>
                  <a:pt x="131" y="128"/>
                  <a:pt x="132" y="128"/>
                </a:cubicBezTo>
                <a:cubicBezTo>
                  <a:pt x="164" y="128"/>
                  <a:pt x="164" y="128"/>
                  <a:pt x="164" y="128"/>
                </a:cubicBezTo>
                <a:cubicBezTo>
                  <a:pt x="164" y="136"/>
                  <a:pt x="164" y="136"/>
                  <a:pt x="164" y="136"/>
                </a:cubicBezTo>
                <a:cubicBezTo>
                  <a:pt x="164" y="140"/>
                  <a:pt x="160" y="144"/>
                  <a:pt x="156" y="144"/>
                </a:cubicBezTo>
                <a:cubicBezTo>
                  <a:pt x="108" y="144"/>
                  <a:pt x="108" y="144"/>
                  <a:pt x="108" y="144"/>
                </a:cubicBezTo>
                <a:cubicBezTo>
                  <a:pt x="108" y="56"/>
                  <a:pt x="108" y="56"/>
                  <a:pt x="108" y="56"/>
                </a:cubicBezTo>
                <a:cubicBezTo>
                  <a:pt x="140" y="56"/>
                  <a:pt x="140" y="56"/>
                  <a:pt x="140" y="56"/>
                </a:cubicBezTo>
                <a:cubicBezTo>
                  <a:pt x="141" y="56"/>
                  <a:pt x="142" y="56"/>
                  <a:pt x="143" y="55"/>
                </a:cubicBezTo>
                <a:cubicBezTo>
                  <a:pt x="144" y="54"/>
                  <a:pt x="144" y="53"/>
                  <a:pt x="144" y="52"/>
                </a:cubicBezTo>
                <a:cubicBezTo>
                  <a:pt x="144" y="12"/>
                  <a:pt x="144" y="12"/>
                  <a:pt x="144" y="12"/>
                </a:cubicBezTo>
                <a:cubicBezTo>
                  <a:pt x="144" y="11"/>
                  <a:pt x="144" y="10"/>
                  <a:pt x="143" y="9"/>
                </a:cubicBezTo>
                <a:cubicBezTo>
                  <a:pt x="142" y="8"/>
                  <a:pt x="141" y="8"/>
                  <a:pt x="140" y="8"/>
                </a:cubicBezTo>
                <a:cubicBezTo>
                  <a:pt x="106" y="8"/>
                  <a:pt x="106" y="8"/>
                  <a:pt x="106" y="8"/>
                </a:cubicBezTo>
                <a:cubicBezTo>
                  <a:pt x="99" y="1"/>
                  <a:pt x="99" y="1"/>
                  <a:pt x="99" y="1"/>
                </a:cubicBezTo>
                <a:cubicBezTo>
                  <a:pt x="98" y="0"/>
                  <a:pt x="97" y="0"/>
                  <a:pt x="96" y="0"/>
                </a:cubicBezTo>
                <a:cubicBezTo>
                  <a:pt x="68" y="0"/>
                  <a:pt x="68" y="0"/>
                  <a:pt x="68" y="0"/>
                </a:cubicBezTo>
                <a:cubicBezTo>
                  <a:pt x="67" y="0"/>
                  <a:pt x="66" y="0"/>
                  <a:pt x="65" y="1"/>
                </a:cubicBezTo>
                <a:cubicBezTo>
                  <a:pt x="64" y="2"/>
                  <a:pt x="64" y="3"/>
                  <a:pt x="64" y="4"/>
                </a:cubicBezTo>
                <a:cubicBezTo>
                  <a:pt x="64" y="52"/>
                  <a:pt x="64" y="52"/>
                  <a:pt x="64" y="52"/>
                </a:cubicBezTo>
                <a:cubicBezTo>
                  <a:pt x="64" y="53"/>
                  <a:pt x="64" y="54"/>
                  <a:pt x="65" y="55"/>
                </a:cubicBezTo>
                <a:cubicBezTo>
                  <a:pt x="66" y="56"/>
                  <a:pt x="67" y="56"/>
                  <a:pt x="68" y="56"/>
                </a:cubicBezTo>
                <a:cubicBezTo>
                  <a:pt x="100" y="56"/>
                  <a:pt x="100" y="56"/>
                  <a:pt x="100" y="56"/>
                </a:cubicBezTo>
                <a:cubicBezTo>
                  <a:pt x="100" y="144"/>
                  <a:pt x="100" y="144"/>
                  <a:pt x="100" y="144"/>
                </a:cubicBezTo>
                <a:cubicBezTo>
                  <a:pt x="52" y="144"/>
                  <a:pt x="52" y="144"/>
                  <a:pt x="52" y="144"/>
                </a:cubicBezTo>
                <a:cubicBezTo>
                  <a:pt x="48" y="144"/>
                  <a:pt x="44" y="140"/>
                  <a:pt x="44" y="136"/>
                </a:cubicBezTo>
                <a:cubicBezTo>
                  <a:pt x="44" y="128"/>
                  <a:pt x="44" y="128"/>
                  <a:pt x="44" y="128"/>
                </a:cubicBezTo>
                <a:cubicBezTo>
                  <a:pt x="76" y="128"/>
                  <a:pt x="76" y="128"/>
                  <a:pt x="76" y="128"/>
                </a:cubicBezTo>
                <a:cubicBezTo>
                  <a:pt x="77" y="128"/>
                  <a:pt x="78" y="128"/>
                  <a:pt x="79" y="127"/>
                </a:cubicBezTo>
                <a:cubicBezTo>
                  <a:pt x="80" y="126"/>
                  <a:pt x="80" y="125"/>
                  <a:pt x="80" y="124"/>
                </a:cubicBezTo>
                <a:cubicBezTo>
                  <a:pt x="80" y="84"/>
                  <a:pt x="80" y="84"/>
                  <a:pt x="80" y="84"/>
                </a:cubicBezTo>
                <a:cubicBezTo>
                  <a:pt x="80" y="83"/>
                  <a:pt x="80" y="82"/>
                  <a:pt x="79" y="81"/>
                </a:cubicBezTo>
                <a:cubicBezTo>
                  <a:pt x="78" y="80"/>
                  <a:pt x="77" y="80"/>
                  <a:pt x="76" y="80"/>
                </a:cubicBezTo>
                <a:cubicBezTo>
                  <a:pt x="42" y="80"/>
                  <a:pt x="42" y="80"/>
                  <a:pt x="42" y="80"/>
                </a:cubicBezTo>
                <a:cubicBezTo>
                  <a:pt x="35" y="73"/>
                  <a:pt x="35" y="73"/>
                  <a:pt x="35" y="73"/>
                </a:cubicBezTo>
                <a:cubicBezTo>
                  <a:pt x="34" y="72"/>
                  <a:pt x="33" y="72"/>
                  <a:pt x="32" y="72"/>
                </a:cubicBezTo>
                <a:cubicBezTo>
                  <a:pt x="4" y="72"/>
                  <a:pt x="4" y="72"/>
                  <a:pt x="4" y="72"/>
                </a:cubicBezTo>
                <a:cubicBezTo>
                  <a:pt x="3" y="72"/>
                  <a:pt x="2" y="72"/>
                  <a:pt x="1" y="73"/>
                </a:cubicBezTo>
                <a:cubicBezTo>
                  <a:pt x="0" y="74"/>
                  <a:pt x="0" y="75"/>
                  <a:pt x="0" y="76"/>
                </a:cubicBezTo>
                <a:cubicBezTo>
                  <a:pt x="0" y="124"/>
                  <a:pt x="0" y="124"/>
                  <a:pt x="0" y="124"/>
                </a:cubicBezTo>
                <a:cubicBezTo>
                  <a:pt x="0" y="125"/>
                  <a:pt x="0" y="126"/>
                  <a:pt x="1" y="127"/>
                </a:cubicBezTo>
                <a:cubicBezTo>
                  <a:pt x="2" y="128"/>
                  <a:pt x="3" y="128"/>
                  <a:pt x="4" y="128"/>
                </a:cubicBezTo>
                <a:cubicBezTo>
                  <a:pt x="36" y="128"/>
                  <a:pt x="36" y="128"/>
                  <a:pt x="36" y="128"/>
                </a:cubicBezTo>
                <a:cubicBezTo>
                  <a:pt x="36" y="136"/>
                  <a:pt x="36" y="136"/>
                  <a:pt x="36" y="136"/>
                </a:cubicBezTo>
                <a:cubicBezTo>
                  <a:pt x="36" y="145"/>
                  <a:pt x="43" y="152"/>
                  <a:pt x="52" y="152"/>
                </a:cubicBezTo>
                <a:cubicBezTo>
                  <a:pt x="100" y="152"/>
                  <a:pt x="100" y="152"/>
                  <a:pt x="100" y="152"/>
                </a:cubicBezTo>
                <a:cubicBezTo>
                  <a:pt x="100" y="168"/>
                  <a:pt x="100" y="168"/>
                  <a:pt x="100" y="168"/>
                </a:cubicBezTo>
                <a:cubicBezTo>
                  <a:pt x="92" y="170"/>
                  <a:pt x="86" y="176"/>
                  <a:pt x="84" y="184"/>
                </a:cubicBezTo>
                <a:cubicBezTo>
                  <a:pt x="44" y="184"/>
                  <a:pt x="44" y="184"/>
                  <a:pt x="44" y="184"/>
                </a:cubicBezTo>
                <a:cubicBezTo>
                  <a:pt x="42" y="184"/>
                  <a:pt x="40" y="186"/>
                  <a:pt x="40" y="188"/>
                </a:cubicBezTo>
                <a:cubicBezTo>
                  <a:pt x="40" y="190"/>
                  <a:pt x="42" y="192"/>
                  <a:pt x="44" y="192"/>
                </a:cubicBezTo>
                <a:cubicBezTo>
                  <a:pt x="84" y="192"/>
                  <a:pt x="84" y="192"/>
                  <a:pt x="84" y="192"/>
                </a:cubicBezTo>
                <a:cubicBezTo>
                  <a:pt x="86" y="201"/>
                  <a:pt x="94" y="208"/>
                  <a:pt x="104" y="208"/>
                </a:cubicBezTo>
                <a:cubicBezTo>
                  <a:pt x="114" y="208"/>
                  <a:pt x="122" y="201"/>
                  <a:pt x="124" y="192"/>
                </a:cubicBezTo>
                <a:cubicBezTo>
                  <a:pt x="164" y="192"/>
                  <a:pt x="164" y="192"/>
                  <a:pt x="164" y="192"/>
                </a:cubicBezTo>
                <a:cubicBezTo>
                  <a:pt x="166" y="192"/>
                  <a:pt x="168" y="190"/>
                  <a:pt x="168" y="188"/>
                </a:cubicBezTo>
                <a:cubicBezTo>
                  <a:pt x="168" y="186"/>
                  <a:pt x="166" y="184"/>
                  <a:pt x="164" y="184"/>
                </a:cubicBezTo>
                <a:cubicBezTo>
                  <a:pt x="124" y="184"/>
                  <a:pt x="124" y="184"/>
                  <a:pt x="124" y="184"/>
                </a:cubicBezTo>
                <a:cubicBezTo>
                  <a:pt x="122" y="176"/>
                  <a:pt x="116" y="170"/>
                  <a:pt x="108" y="168"/>
                </a:cubicBezTo>
                <a:cubicBezTo>
                  <a:pt x="108" y="152"/>
                  <a:pt x="108" y="152"/>
                  <a:pt x="108" y="152"/>
                </a:cubicBezTo>
                <a:cubicBezTo>
                  <a:pt x="156" y="152"/>
                  <a:pt x="156" y="152"/>
                  <a:pt x="156" y="152"/>
                </a:cubicBezTo>
                <a:cubicBezTo>
                  <a:pt x="165" y="152"/>
                  <a:pt x="172" y="145"/>
                  <a:pt x="172" y="136"/>
                </a:cubicBezTo>
                <a:cubicBezTo>
                  <a:pt x="172" y="128"/>
                  <a:pt x="172" y="128"/>
                  <a:pt x="172" y="128"/>
                </a:cubicBezTo>
                <a:cubicBezTo>
                  <a:pt x="204" y="128"/>
                  <a:pt x="204" y="128"/>
                  <a:pt x="204" y="128"/>
                </a:cubicBezTo>
                <a:cubicBezTo>
                  <a:pt x="205" y="128"/>
                  <a:pt x="206" y="128"/>
                  <a:pt x="207" y="127"/>
                </a:cubicBezTo>
                <a:cubicBezTo>
                  <a:pt x="208" y="126"/>
                  <a:pt x="208" y="125"/>
                  <a:pt x="208" y="124"/>
                </a:cubicBezTo>
                <a:cubicBezTo>
                  <a:pt x="208" y="84"/>
                  <a:pt x="208" y="84"/>
                  <a:pt x="208" y="84"/>
                </a:cubicBezTo>
                <a:cubicBezTo>
                  <a:pt x="208" y="83"/>
                  <a:pt x="208" y="82"/>
                  <a:pt x="207" y="81"/>
                </a:cubicBezTo>
                <a:close/>
                <a:moveTo>
                  <a:pt x="72" y="48"/>
                </a:moveTo>
                <a:cubicBezTo>
                  <a:pt x="72" y="8"/>
                  <a:pt x="72" y="8"/>
                  <a:pt x="72" y="8"/>
                </a:cubicBezTo>
                <a:cubicBezTo>
                  <a:pt x="94" y="8"/>
                  <a:pt x="94" y="8"/>
                  <a:pt x="94" y="8"/>
                </a:cubicBezTo>
                <a:cubicBezTo>
                  <a:pt x="101" y="15"/>
                  <a:pt x="101" y="15"/>
                  <a:pt x="101" y="15"/>
                </a:cubicBezTo>
                <a:cubicBezTo>
                  <a:pt x="102" y="16"/>
                  <a:pt x="103" y="16"/>
                  <a:pt x="104" y="16"/>
                </a:cubicBezTo>
                <a:cubicBezTo>
                  <a:pt x="136" y="16"/>
                  <a:pt x="136" y="16"/>
                  <a:pt x="136" y="16"/>
                </a:cubicBezTo>
                <a:cubicBezTo>
                  <a:pt x="136" y="48"/>
                  <a:pt x="136" y="48"/>
                  <a:pt x="136" y="48"/>
                </a:cubicBezTo>
                <a:lnTo>
                  <a:pt x="72" y="48"/>
                </a:lnTo>
                <a:close/>
                <a:moveTo>
                  <a:pt x="8" y="80"/>
                </a:moveTo>
                <a:cubicBezTo>
                  <a:pt x="30" y="80"/>
                  <a:pt x="30" y="80"/>
                  <a:pt x="30" y="80"/>
                </a:cubicBezTo>
                <a:cubicBezTo>
                  <a:pt x="37" y="87"/>
                  <a:pt x="37" y="87"/>
                  <a:pt x="37" y="87"/>
                </a:cubicBezTo>
                <a:cubicBezTo>
                  <a:pt x="38" y="88"/>
                  <a:pt x="39" y="88"/>
                  <a:pt x="40" y="88"/>
                </a:cubicBezTo>
                <a:cubicBezTo>
                  <a:pt x="72" y="88"/>
                  <a:pt x="72" y="88"/>
                  <a:pt x="72" y="88"/>
                </a:cubicBezTo>
                <a:cubicBezTo>
                  <a:pt x="72" y="120"/>
                  <a:pt x="72" y="120"/>
                  <a:pt x="72" y="120"/>
                </a:cubicBezTo>
                <a:cubicBezTo>
                  <a:pt x="8" y="120"/>
                  <a:pt x="8" y="120"/>
                  <a:pt x="8" y="120"/>
                </a:cubicBezTo>
                <a:lnTo>
                  <a:pt x="8" y="80"/>
                </a:lnTo>
                <a:close/>
                <a:moveTo>
                  <a:pt x="116" y="188"/>
                </a:moveTo>
                <a:cubicBezTo>
                  <a:pt x="116" y="195"/>
                  <a:pt x="111" y="200"/>
                  <a:pt x="104" y="200"/>
                </a:cubicBezTo>
                <a:cubicBezTo>
                  <a:pt x="97" y="200"/>
                  <a:pt x="92" y="195"/>
                  <a:pt x="92" y="188"/>
                </a:cubicBezTo>
                <a:cubicBezTo>
                  <a:pt x="92" y="188"/>
                  <a:pt x="92" y="188"/>
                  <a:pt x="92" y="188"/>
                </a:cubicBezTo>
                <a:cubicBezTo>
                  <a:pt x="92" y="188"/>
                  <a:pt x="92" y="188"/>
                  <a:pt x="92" y="188"/>
                </a:cubicBezTo>
                <a:cubicBezTo>
                  <a:pt x="92" y="181"/>
                  <a:pt x="97" y="176"/>
                  <a:pt x="104" y="176"/>
                </a:cubicBezTo>
                <a:cubicBezTo>
                  <a:pt x="111" y="176"/>
                  <a:pt x="116" y="181"/>
                  <a:pt x="116" y="188"/>
                </a:cubicBezTo>
                <a:close/>
                <a:moveTo>
                  <a:pt x="136" y="120"/>
                </a:moveTo>
                <a:cubicBezTo>
                  <a:pt x="136" y="80"/>
                  <a:pt x="136" y="80"/>
                  <a:pt x="136" y="80"/>
                </a:cubicBezTo>
                <a:cubicBezTo>
                  <a:pt x="158" y="80"/>
                  <a:pt x="158" y="80"/>
                  <a:pt x="158" y="80"/>
                </a:cubicBezTo>
                <a:cubicBezTo>
                  <a:pt x="165" y="87"/>
                  <a:pt x="165" y="87"/>
                  <a:pt x="165" y="87"/>
                </a:cubicBezTo>
                <a:cubicBezTo>
                  <a:pt x="166" y="88"/>
                  <a:pt x="167" y="88"/>
                  <a:pt x="168" y="88"/>
                </a:cubicBezTo>
                <a:cubicBezTo>
                  <a:pt x="200" y="88"/>
                  <a:pt x="200" y="88"/>
                  <a:pt x="200" y="88"/>
                </a:cubicBezTo>
                <a:cubicBezTo>
                  <a:pt x="200" y="120"/>
                  <a:pt x="200" y="120"/>
                  <a:pt x="200" y="120"/>
                </a:cubicBezTo>
                <a:lnTo>
                  <a:pt x="136" y="120"/>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8" name="TextBox 17">
            <a:extLst>
              <a:ext uri="{FF2B5EF4-FFF2-40B4-BE49-F238E27FC236}">
                <a16:creationId xmlns:a16="http://schemas.microsoft.com/office/drawing/2014/main" id="{7D316CB6-9203-E72A-3B12-3C8A88187958}"/>
              </a:ext>
            </a:extLst>
          </p:cNvPr>
          <p:cNvSpPr txBox="1"/>
          <p:nvPr/>
        </p:nvSpPr>
        <p:spPr>
          <a:xfrm>
            <a:off x="9393681" y="4559254"/>
            <a:ext cx="2567063" cy="1656864"/>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mn-ea"/>
                <a:cs typeface="Times New Roman" panose="02020603050405020304" pitchFamily="18" charset="0"/>
              </a:rPr>
              <a:t>KOMBIT vil i stigende grad anvende et flerleverandør-</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mn-ea"/>
                <a:cs typeface="Times New Roman" panose="02020603050405020304" pitchFamily="18" charset="0"/>
              </a:rPr>
              <a:t>setup</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mn-ea"/>
                <a:cs typeface="Times New Roman" panose="02020603050405020304" pitchFamily="18" charset="0"/>
              </a:rPr>
              <a:t>, hvor KOMBIT påtager sig en endnu mere aktiv rolle som indkøber og aktivt skaber sammenhæng mellem forskellige leverandører, som leverer dele af it-løsningerne.”</a:t>
            </a:r>
          </a:p>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KOMBIT</a:t>
            </a:r>
            <a:b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b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Strategi for Kommunal Digital Bevægelse</a:t>
            </a:r>
            <a:endParaRPr lang="da-DK" dirty="0"/>
          </a:p>
        </p:txBody>
      </p:sp>
    </p:spTree>
    <p:extLst>
      <p:ext uri="{BB962C8B-B14F-4D97-AF65-F5344CB8AC3E}">
        <p14:creationId xmlns:p14="http://schemas.microsoft.com/office/powerpoint/2010/main" val="2616796994"/>
      </p:ext>
    </p:extLst>
  </p:cSld>
  <p:clrMapOvr>
    <a:masterClrMapping/>
  </p:clrMapOvr>
  <p:transition>
    <p:fade/>
  </p:transition>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DC6F85E-8A9B-7E8B-8463-FCF2FD07F05F}"/>
            </a:ext>
          </a:extLst>
        </p:cNvPr>
        <p:cNvGrpSpPr/>
        <p:nvPr/>
      </p:nvGrpSpPr>
      <p:grpSpPr>
        <a:xfrm>
          <a:off x="0" y="0"/>
          <a:ext cx="0" cy="0"/>
          <a:chOff x="0" y="0"/>
          <a:chExt cx="0" cy="0"/>
        </a:xfrm>
      </p:grpSpPr>
      <p:sp>
        <p:nvSpPr>
          <p:cNvPr id="93" name="Rectangle: Rounded Corners 92">
            <a:extLst>
              <a:ext uri="{FF2B5EF4-FFF2-40B4-BE49-F238E27FC236}">
                <a16:creationId xmlns:a16="http://schemas.microsoft.com/office/drawing/2014/main" id="{BB7C3CDB-930B-2C55-697E-5B0ACD3EBDA7}"/>
              </a:ext>
            </a:extLst>
          </p:cNvPr>
          <p:cNvSpPr/>
          <p:nvPr/>
        </p:nvSpPr>
        <p:spPr>
          <a:xfrm>
            <a:off x="169304" y="11734"/>
            <a:ext cx="5928283"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0 | Digital handlefrihed i Aarhus Kommune</a:t>
            </a:r>
          </a:p>
        </p:txBody>
      </p:sp>
      <p:pic>
        <p:nvPicPr>
          <p:cNvPr id="98" name="Picture 2">
            <a:extLst>
              <a:ext uri="{FF2B5EF4-FFF2-40B4-BE49-F238E27FC236}">
                <a16:creationId xmlns:a16="http://schemas.microsoft.com/office/drawing/2014/main" id="{19026B6E-0773-8C72-B1C7-BA5676DF95F2}"/>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007612" y="219635"/>
            <a:ext cx="2016000" cy="1028730"/>
          </a:xfrm>
          <a:prstGeom prst="rect">
            <a:avLst/>
          </a:prstGeom>
          <a:noFill/>
          <a:extLst>
            <a:ext uri="{909E8E84-426E-40DD-AFC4-6F175D3DCCD1}">
              <a14:hiddenFill xmlns:a14="http://schemas.microsoft.com/office/drawing/2010/main">
                <a:solidFill>
                  <a:srgbClr val="FFFFFF"/>
                </a:solidFill>
              </a14:hiddenFill>
            </a:ext>
          </a:extLst>
        </p:spPr>
      </p:pic>
      <p:sp>
        <p:nvSpPr>
          <p:cNvPr id="4" name="Rectangle: Rounded Corners 3">
            <a:extLst>
              <a:ext uri="{FF2B5EF4-FFF2-40B4-BE49-F238E27FC236}">
                <a16:creationId xmlns:a16="http://schemas.microsoft.com/office/drawing/2014/main" id="{6964F5E5-B38B-AA33-C5EB-9C7D9FBFF70B}"/>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3" name="Rectangle: Rounded Corners 52">
            <a:extLst>
              <a:ext uri="{FF2B5EF4-FFF2-40B4-BE49-F238E27FC236}">
                <a16:creationId xmlns:a16="http://schemas.microsoft.com/office/drawing/2014/main" id="{3AB546B8-DF13-5C72-2FDC-CD7C01E19D8D}"/>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 name="Title 1">
            <a:extLst>
              <a:ext uri="{FF2B5EF4-FFF2-40B4-BE49-F238E27FC236}">
                <a16:creationId xmlns:a16="http://schemas.microsoft.com/office/drawing/2014/main" id="{50DD0715-BABA-B33C-09BC-CC1976F89973}"/>
              </a:ext>
            </a:extLst>
          </p:cNvPr>
          <p:cNvSpPr>
            <a:spLocks noGrp="1"/>
          </p:cNvSpPr>
          <p:nvPr>
            <p:ph type="title"/>
          </p:nvPr>
        </p:nvSpPr>
        <p:spPr/>
        <p:txBody>
          <a:bodyPr/>
          <a:lstStyle/>
          <a:p>
            <a:r>
              <a:rPr lang="da-DK" sz="2200" noProof="0" dirty="0"/>
              <a:t>Side 1/3 | </a:t>
            </a:r>
            <a:r>
              <a:rPr lang="da-DK" sz="2200" b="1" noProof="0" dirty="0"/>
              <a:t>Sammenfatning af casen</a:t>
            </a:r>
          </a:p>
        </p:txBody>
      </p:sp>
      <p:sp>
        <p:nvSpPr>
          <p:cNvPr id="13" name="Content Placeholder 5">
            <a:extLst>
              <a:ext uri="{FF2B5EF4-FFF2-40B4-BE49-F238E27FC236}">
                <a16:creationId xmlns:a16="http://schemas.microsoft.com/office/drawing/2014/main" id="{7333EF4A-8268-BB0A-0052-68F09F2F2464}"/>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9" name="Rectangle: Rounded Corners 8">
            <a:extLst>
              <a:ext uri="{FF2B5EF4-FFF2-40B4-BE49-F238E27FC236}">
                <a16:creationId xmlns:a16="http://schemas.microsoft.com/office/drawing/2014/main" id="{8E2B5CC4-D91B-5DFA-F58F-83E054DAF611}"/>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1" name="Rectangle 10">
            <a:extLst>
              <a:ext uri="{FF2B5EF4-FFF2-40B4-BE49-F238E27FC236}">
                <a16:creationId xmlns:a16="http://schemas.microsoft.com/office/drawing/2014/main" id="{218DAFE0-EDCC-EC84-9D89-3E6907D8A6FD}"/>
              </a:ext>
            </a:extLst>
          </p:cNvPr>
          <p:cNvSpPr/>
          <p:nvPr/>
        </p:nvSpPr>
        <p:spPr>
          <a:xfrm>
            <a:off x="552449" y="2139037"/>
            <a:ext cx="2757177"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50"/>
              </a:spcAft>
            </a:pPr>
            <a:r>
              <a:rPr lang="da-DK" sz="900" noProof="0" dirty="0">
                <a:solidFill>
                  <a:schemeClr val="tx1"/>
                </a:solidFill>
              </a:rPr>
              <a:t>Aarhus Kommune har med et politisk mandat fra Aarhus Byråd besluttet at arbejde målrettet imod at sikre øget digital handlefrihed som en central del af sin digitaliseringsstrategi. </a:t>
            </a:r>
          </a:p>
          <a:p>
            <a:pPr>
              <a:spcAft>
                <a:spcPts val="350"/>
              </a:spcAft>
            </a:pPr>
            <a:r>
              <a:rPr lang="da-DK" sz="900" noProof="0" dirty="0">
                <a:solidFill>
                  <a:schemeClr val="tx1"/>
                </a:solidFill>
              </a:rPr>
              <a:t>Den samlede indsats vil både indeholde strategiske og operationelle tiltag i form af nye tilgange til indkøb, </a:t>
            </a:r>
            <a:r>
              <a:rPr lang="da-DK" sz="900" noProof="0" dirty="0" err="1">
                <a:solidFill>
                  <a:schemeClr val="tx1"/>
                </a:solidFill>
              </a:rPr>
              <a:t>kravstillelse</a:t>
            </a:r>
            <a:r>
              <a:rPr lang="da-DK" sz="900" noProof="0" dirty="0">
                <a:solidFill>
                  <a:schemeClr val="tx1"/>
                </a:solidFill>
              </a:rPr>
              <a:t>, arkitektur og risikobaseret styring. Indsatsen vil ligeledes indebære konkrete udskiftninger i teknologistakken, både i systemlaget og i den del af infrastrukturlaget, som vedrører cloud-services og datacenterinfrastruktur. </a:t>
            </a:r>
          </a:p>
        </p:txBody>
      </p:sp>
      <p:grpSp>
        <p:nvGrpSpPr>
          <p:cNvPr id="12" name="Group 11" descr="Oversigt over teknologistakken og hvor casen rammer. Denne case rammer AI og Digitale services, Koncern og fagsystemer,, Digital arbejdsplads, Sikkerhedsløsninger, Datadeling og basis software og cloud services">
            <a:extLst>
              <a:ext uri="{FF2B5EF4-FFF2-40B4-BE49-F238E27FC236}">
                <a16:creationId xmlns:a16="http://schemas.microsoft.com/office/drawing/2014/main" id="{56211EF0-3B39-BCFF-C6B7-50CB1AF12668}"/>
              </a:ext>
            </a:extLst>
          </p:cNvPr>
          <p:cNvGrpSpPr/>
          <p:nvPr/>
        </p:nvGrpSpPr>
        <p:grpSpPr>
          <a:xfrm>
            <a:off x="713385" y="4086154"/>
            <a:ext cx="2374891" cy="2238581"/>
            <a:chOff x="713385" y="4086154"/>
            <a:chExt cx="2374891" cy="2238581"/>
          </a:xfrm>
        </p:grpSpPr>
        <p:sp>
          <p:nvSpPr>
            <p:cNvPr id="5" name="Rectangle: Rounded Corners 4">
              <a:extLst>
                <a:ext uri="{FF2B5EF4-FFF2-40B4-BE49-F238E27FC236}">
                  <a16:creationId xmlns:a16="http://schemas.microsoft.com/office/drawing/2014/main" id="{18FEF6A5-38A8-9B53-70DE-D3E5CDC786A0}"/>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Digital løsninger</a:t>
              </a:r>
            </a:p>
          </p:txBody>
        </p:sp>
        <p:sp>
          <p:nvSpPr>
            <p:cNvPr id="7" name="Rectangle: Rounded Corners 6">
              <a:extLst>
                <a:ext uri="{FF2B5EF4-FFF2-40B4-BE49-F238E27FC236}">
                  <a16:creationId xmlns:a16="http://schemas.microsoft.com/office/drawing/2014/main" id="{32547BEA-5892-974B-A528-5C42BE4BC37F}"/>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It-infrastruktur</a:t>
              </a:r>
            </a:p>
          </p:txBody>
        </p:sp>
        <p:sp>
          <p:nvSpPr>
            <p:cNvPr id="8" name="Rectangle 36">
              <a:extLst>
                <a:ext uri="{FF2B5EF4-FFF2-40B4-BE49-F238E27FC236}">
                  <a16:creationId xmlns:a16="http://schemas.microsoft.com/office/drawing/2014/main" id="{6DD07359-BF9B-B44C-0B37-A6BABE55D567}"/>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AI og digitale services</a:t>
              </a:r>
            </a:p>
          </p:txBody>
        </p:sp>
        <p:sp>
          <p:nvSpPr>
            <p:cNvPr id="10" name="Rectangle 43">
              <a:extLst>
                <a:ext uri="{FF2B5EF4-FFF2-40B4-BE49-F238E27FC236}">
                  <a16:creationId xmlns:a16="http://schemas.microsoft.com/office/drawing/2014/main" id="{24881FCC-D4E4-EB2C-B469-EE9F6F0D1205}"/>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dirty="0">
                  <a:solidFill>
                    <a:schemeClr val="bg1"/>
                  </a:solidFill>
                </a:rPr>
                <a:t>Teknologistak</a:t>
              </a:r>
            </a:p>
          </p:txBody>
        </p:sp>
        <p:sp>
          <p:nvSpPr>
            <p:cNvPr id="15" name="Rectangle 36">
              <a:extLst>
                <a:ext uri="{FF2B5EF4-FFF2-40B4-BE49-F238E27FC236}">
                  <a16:creationId xmlns:a16="http://schemas.microsoft.com/office/drawing/2014/main" id="{2A438A0A-4BC6-7510-15C4-9D5B8E41F936}"/>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Koncern- og fagsystemer</a:t>
              </a:r>
            </a:p>
          </p:txBody>
        </p:sp>
        <p:sp>
          <p:nvSpPr>
            <p:cNvPr id="16" name="Rectangle 36">
              <a:extLst>
                <a:ext uri="{FF2B5EF4-FFF2-40B4-BE49-F238E27FC236}">
                  <a16:creationId xmlns:a16="http://schemas.microsoft.com/office/drawing/2014/main" id="{EEB46FBB-EAEC-A046-0CF2-4606111378F5}"/>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igital arbejdsplads</a:t>
              </a:r>
            </a:p>
          </p:txBody>
        </p:sp>
        <p:sp>
          <p:nvSpPr>
            <p:cNvPr id="17" name="Rectangle 36">
              <a:extLst>
                <a:ext uri="{FF2B5EF4-FFF2-40B4-BE49-F238E27FC236}">
                  <a16:creationId xmlns:a16="http://schemas.microsoft.com/office/drawing/2014/main" id="{E3286FDD-C7D1-4543-5C34-6E6671431B73}"/>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ikkerhedsløsninger</a:t>
              </a:r>
            </a:p>
          </p:txBody>
        </p:sp>
        <p:sp>
          <p:nvSpPr>
            <p:cNvPr id="18" name="Rectangle 36">
              <a:extLst>
                <a:ext uri="{FF2B5EF4-FFF2-40B4-BE49-F238E27FC236}">
                  <a16:creationId xmlns:a16="http://schemas.microsoft.com/office/drawing/2014/main" id="{1E5ACAF6-0AEB-CCF4-BFFC-6EA679CE4038}"/>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deling og basis-software</a:t>
              </a:r>
            </a:p>
          </p:txBody>
        </p:sp>
        <p:sp>
          <p:nvSpPr>
            <p:cNvPr id="19" name="Rectangle 36">
              <a:extLst>
                <a:ext uri="{FF2B5EF4-FFF2-40B4-BE49-F238E27FC236}">
                  <a16:creationId xmlns:a16="http://schemas.microsoft.com/office/drawing/2014/main" id="{5D9B6B35-0EDC-B907-543A-1A4CD3996772}"/>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Cloud services</a:t>
              </a:r>
            </a:p>
          </p:txBody>
        </p:sp>
        <p:sp>
          <p:nvSpPr>
            <p:cNvPr id="20" name="Rectangle 36">
              <a:extLst>
                <a:ext uri="{FF2B5EF4-FFF2-40B4-BE49-F238E27FC236}">
                  <a16:creationId xmlns:a16="http://schemas.microsoft.com/office/drawing/2014/main" id="{0B10D909-E431-EA8D-BDF7-702455186274}"/>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evices og slutbrugerudstyr</a:t>
              </a:r>
            </a:p>
          </p:txBody>
        </p:sp>
        <p:sp>
          <p:nvSpPr>
            <p:cNvPr id="21" name="Rectangle 36">
              <a:extLst>
                <a:ext uri="{FF2B5EF4-FFF2-40B4-BE49-F238E27FC236}">
                  <a16:creationId xmlns:a16="http://schemas.microsoft.com/office/drawing/2014/main" id="{C96999B1-6228-A9BA-BBF8-FD14B5734E5B}"/>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centerinfrastruktur</a:t>
              </a:r>
            </a:p>
          </p:txBody>
        </p:sp>
        <p:sp>
          <p:nvSpPr>
            <p:cNvPr id="24" name="Rectangle 36">
              <a:extLst>
                <a:ext uri="{FF2B5EF4-FFF2-40B4-BE49-F238E27FC236}">
                  <a16:creationId xmlns:a16="http://schemas.microsoft.com/office/drawing/2014/main" id="{382D32EA-3753-8AFA-80C1-DD3833E7962D}"/>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Netværksinfrastruktur</a:t>
              </a:r>
            </a:p>
          </p:txBody>
        </p:sp>
        <p:sp>
          <p:nvSpPr>
            <p:cNvPr id="28" name="Rectangle 27">
              <a:extLst>
                <a:ext uri="{FF2B5EF4-FFF2-40B4-BE49-F238E27FC236}">
                  <a16:creationId xmlns:a16="http://schemas.microsoft.com/office/drawing/2014/main" id="{2CFB61FA-597A-ADD1-5188-14DD50249A48}"/>
                </a:ext>
                <a:ext uri="{C183D7F6-B498-43B3-948B-1728B52AA6E4}">
                  <adec:decorative xmlns:adec="http://schemas.microsoft.com/office/drawing/2017/decorative" val="1"/>
                </a:ext>
              </a:extLst>
            </p:cNvPr>
            <p:cNvSpPr>
              <a:spLocks/>
            </p:cNvSpPr>
            <p:nvPr/>
          </p:nvSpPr>
          <p:spPr>
            <a:xfrm>
              <a:off x="1073338" y="5439022"/>
              <a:ext cx="2014938" cy="191405"/>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46" name="Rectangle 45">
              <a:extLst>
                <a:ext uri="{FF2B5EF4-FFF2-40B4-BE49-F238E27FC236}">
                  <a16:creationId xmlns:a16="http://schemas.microsoft.com/office/drawing/2014/main" id="{AA784E6C-FC95-DCC7-0969-A307C5AB8D57}"/>
                </a:ext>
                <a:ext uri="{C183D7F6-B498-43B3-948B-1728B52AA6E4}">
                  <adec:decorative xmlns:adec="http://schemas.microsoft.com/office/drawing/2017/decorative" val="1"/>
                </a:ext>
              </a:extLst>
            </p:cNvPr>
            <p:cNvSpPr>
              <a:spLocks/>
            </p:cNvSpPr>
            <p:nvPr/>
          </p:nvSpPr>
          <p:spPr>
            <a:xfrm>
              <a:off x="1066726" y="5896561"/>
              <a:ext cx="1992230" cy="428174"/>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grpSp>
      <p:sp>
        <p:nvSpPr>
          <p:cNvPr id="3" name="Content Placeholder 5">
            <a:extLst>
              <a:ext uri="{FF2B5EF4-FFF2-40B4-BE49-F238E27FC236}">
                <a16:creationId xmlns:a16="http://schemas.microsoft.com/office/drawing/2014/main" id="{A8B9E78F-6A7F-E60C-5F58-89D446C01278}"/>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Karakteristika, gevinster og barrierer</a:t>
            </a:r>
          </a:p>
        </p:txBody>
      </p:sp>
      <p:grpSp>
        <p:nvGrpSpPr>
          <p:cNvPr id="94" name="Group 93" descr="Casen er tæt på projektfasen">
            <a:extLst>
              <a:ext uri="{FF2B5EF4-FFF2-40B4-BE49-F238E27FC236}">
                <a16:creationId xmlns:a16="http://schemas.microsoft.com/office/drawing/2014/main" id="{A73B6ED4-8318-1018-D3F1-68D61651A53C}"/>
              </a:ext>
              <a:ext uri="{C183D7F6-B498-43B3-948B-1728B52AA6E4}">
                <adec:decorative xmlns:adec="http://schemas.microsoft.com/office/drawing/2017/decorative" val="0"/>
              </a:ext>
            </a:extLst>
          </p:cNvPr>
          <p:cNvGrpSpPr/>
          <p:nvPr/>
        </p:nvGrpSpPr>
        <p:grpSpPr>
          <a:xfrm>
            <a:off x="6937091" y="1945363"/>
            <a:ext cx="2371002" cy="260416"/>
            <a:chOff x="6937091" y="1945363"/>
            <a:chExt cx="2371002" cy="260416"/>
          </a:xfrm>
        </p:grpSpPr>
        <p:grpSp>
          <p:nvGrpSpPr>
            <p:cNvPr id="81" name="Group 80">
              <a:extLst>
                <a:ext uri="{FF2B5EF4-FFF2-40B4-BE49-F238E27FC236}">
                  <a16:creationId xmlns:a16="http://schemas.microsoft.com/office/drawing/2014/main" id="{2D69EEB2-8408-BF5C-BD4B-6D8F2D39B078}"/>
                </a:ext>
              </a:extLst>
            </p:cNvPr>
            <p:cNvGrpSpPr/>
            <p:nvPr/>
          </p:nvGrpSpPr>
          <p:grpSpPr>
            <a:xfrm>
              <a:off x="6937091" y="1945363"/>
              <a:ext cx="2371002" cy="233209"/>
              <a:chOff x="579065" y="3721174"/>
              <a:chExt cx="2371002" cy="233209"/>
            </a:xfrm>
          </p:grpSpPr>
          <p:cxnSp>
            <p:nvCxnSpPr>
              <p:cNvPr id="82" name="Straight Connector 81">
                <a:extLst>
                  <a:ext uri="{FF2B5EF4-FFF2-40B4-BE49-F238E27FC236}">
                    <a16:creationId xmlns:a16="http://schemas.microsoft.com/office/drawing/2014/main" id="{1BB3079E-2FE4-DEF1-2F1C-DCC22ADB6B68}"/>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83" name="Straight Connector 82">
                <a:extLst>
                  <a:ext uri="{FF2B5EF4-FFF2-40B4-BE49-F238E27FC236}">
                    <a16:creationId xmlns:a16="http://schemas.microsoft.com/office/drawing/2014/main" id="{8F608A1C-A4F6-12F7-6B26-9EB7512DB7A1}"/>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4" name="TextBox 83">
                <a:extLst>
                  <a:ext uri="{FF2B5EF4-FFF2-40B4-BE49-F238E27FC236}">
                    <a16:creationId xmlns:a16="http://schemas.microsoft.com/office/drawing/2014/main" id="{2FFD4D1F-B2C1-E938-8EE5-BB54477F6C7B}"/>
                  </a:ext>
                </a:extLst>
              </p:cNvPr>
              <p:cNvSpPr txBox="1"/>
              <p:nvPr/>
            </p:nvSpPr>
            <p:spPr>
              <a:xfrm>
                <a:off x="579065" y="3723935"/>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dé</a:t>
                </a:r>
              </a:p>
            </p:txBody>
          </p:sp>
          <p:sp>
            <p:nvSpPr>
              <p:cNvPr id="85" name="TextBox 84">
                <a:extLst>
                  <a:ext uri="{FF2B5EF4-FFF2-40B4-BE49-F238E27FC236}">
                    <a16:creationId xmlns:a16="http://schemas.microsoft.com/office/drawing/2014/main" id="{F74F66DA-9A23-5E6D-B380-6E484F69084B}"/>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Projekt</a:t>
                </a:r>
              </a:p>
            </p:txBody>
          </p:sp>
          <p:sp>
            <p:nvSpPr>
              <p:cNvPr id="86" name="TextBox 85">
                <a:extLst>
                  <a:ext uri="{FF2B5EF4-FFF2-40B4-BE49-F238E27FC236}">
                    <a16:creationId xmlns:a16="http://schemas.microsoft.com/office/drawing/2014/main" id="{87CFD1A2-30B0-1BF1-8EEC-3DD6E78307C6}"/>
                  </a:ext>
                </a:extLst>
              </p:cNvPr>
              <p:cNvSpPr txBox="1"/>
              <p:nvPr/>
            </p:nvSpPr>
            <p:spPr>
              <a:xfrm>
                <a:off x="1681056" y="3722668"/>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mplementering</a:t>
                </a:r>
              </a:p>
            </p:txBody>
          </p:sp>
          <p:sp>
            <p:nvSpPr>
              <p:cNvPr id="87" name="TextBox 86">
                <a:extLst>
                  <a:ext uri="{FF2B5EF4-FFF2-40B4-BE49-F238E27FC236}">
                    <a16:creationId xmlns:a16="http://schemas.microsoft.com/office/drawing/2014/main" id="{B139C610-5CE3-7059-0B6E-9F25B20AFCD3}"/>
                  </a:ext>
                </a:extLst>
              </p:cNvPr>
              <p:cNvSpPr txBox="1"/>
              <p:nvPr/>
            </p:nvSpPr>
            <p:spPr>
              <a:xfrm>
                <a:off x="2299837" y="3723935"/>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Drift</a:t>
                </a:r>
              </a:p>
            </p:txBody>
          </p:sp>
          <p:cxnSp>
            <p:nvCxnSpPr>
              <p:cNvPr id="88" name="Straight Connector 87">
                <a:extLst>
                  <a:ext uri="{FF2B5EF4-FFF2-40B4-BE49-F238E27FC236}">
                    <a16:creationId xmlns:a16="http://schemas.microsoft.com/office/drawing/2014/main" id="{56CB12CC-699D-7211-BFD6-BD69CA6D3A42}"/>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90" name="Straight Connector 89">
                <a:extLst>
                  <a:ext uri="{FF2B5EF4-FFF2-40B4-BE49-F238E27FC236}">
                    <a16:creationId xmlns:a16="http://schemas.microsoft.com/office/drawing/2014/main" id="{44618650-5BDE-6B3C-CBC9-F13DE9227BCE}"/>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91" name="Straight Connector 90">
                <a:extLst>
                  <a:ext uri="{FF2B5EF4-FFF2-40B4-BE49-F238E27FC236}">
                    <a16:creationId xmlns:a16="http://schemas.microsoft.com/office/drawing/2014/main" id="{203D4F08-F1F0-98B5-85D7-E02F0DB39DEA}"/>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92" name="Oval 91">
              <a:extLst>
                <a:ext uri="{FF2B5EF4-FFF2-40B4-BE49-F238E27FC236}">
                  <a16:creationId xmlns:a16="http://schemas.microsoft.com/office/drawing/2014/main" id="{9C275D1E-11D5-5952-2FAA-94D6602FEE9F}"/>
                </a:ext>
              </a:extLst>
            </p:cNvPr>
            <p:cNvSpPr/>
            <p:nvPr/>
          </p:nvSpPr>
          <p:spPr>
            <a:xfrm>
              <a:off x="7546645"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4" name="Rectangle 13">
            <a:extLst>
              <a:ext uri="{FF2B5EF4-FFF2-40B4-BE49-F238E27FC236}">
                <a16:creationId xmlns:a16="http://schemas.microsoft.com/office/drawing/2014/main" id="{A4528AFE-FC88-BBA0-06D1-3813221F272D}"/>
              </a:ext>
            </a:extLst>
          </p:cNvPr>
          <p:cNvSpPr/>
          <p:nvPr/>
        </p:nvSpPr>
        <p:spPr>
          <a:xfrm>
            <a:off x="3408013" y="2139036"/>
            <a:ext cx="5681357"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900" b="1" noProof="0" dirty="0">
                <a:solidFill>
                  <a:srgbClr val="36465A"/>
                </a:solidFill>
              </a:rPr>
              <a:t>Generelle karakteristika</a:t>
            </a:r>
          </a:p>
          <a:p>
            <a:pPr marL="171450" indent="-171450">
              <a:buFont typeface="Wingdings" panose="05000000000000000000" pitchFamily="2" charset="2"/>
              <a:buChar char="Ø"/>
            </a:pPr>
            <a:r>
              <a:rPr lang="da-DK" sz="900" b="1" noProof="0" dirty="0">
                <a:solidFill>
                  <a:schemeClr val="tx1"/>
                </a:solidFill>
              </a:rPr>
              <a:t>Status på projekt: </a:t>
            </a:r>
            <a:r>
              <a:rPr lang="da-DK" sz="900" noProof="0" dirty="0">
                <a:solidFill>
                  <a:schemeClr val="tx1"/>
                </a:solidFill>
              </a:rPr>
              <a:t>Indsatser vil indgå i et samlet transformativt program, som etableres og planlægges i fjerde kvartal af 2025 med henblik på igangsættelse fra begyndelsen af 2026.</a:t>
            </a:r>
          </a:p>
          <a:p>
            <a:pPr marL="171450" indent="-171450">
              <a:buFont typeface="Wingdings" panose="05000000000000000000" pitchFamily="2" charset="2"/>
              <a:buChar char="Ø"/>
            </a:pPr>
            <a:r>
              <a:rPr lang="da-DK" sz="900" b="1" noProof="0" dirty="0">
                <a:solidFill>
                  <a:schemeClr val="tx1"/>
                </a:solidFill>
              </a:rPr>
              <a:t>Antal myndigheder/organisationer: </a:t>
            </a:r>
            <a:r>
              <a:rPr lang="da-DK" sz="900" noProof="0" dirty="0">
                <a:solidFill>
                  <a:schemeClr val="tx1"/>
                </a:solidFill>
              </a:rPr>
              <a:t>Primært Aarhus Kommune, men i tæt samarbejde med OS2 (se case 8). Herudover planlægges samarbejde med internationale partnere fx sammenlignelige, større kommuner i Holland og Frankrig med tilsvarende digitaliseringsgrad.</a:t>
            </a:r>
          </a:p>
          <a:p>
            <a:pPr marL="171450" indent="-171450">
              <a:buFont typeface="Wingdings" panose="05000000000000000000" pitchFamily="2" charset="2"/>
              <a:buChar char="Ø"/>
            </a:pPr>
            <a:r>
              <a:rPr lang="da-DK" sz="900" b="1" noProof="0" dirty="0">
                <a:solidFill>
                  <a:schemeClr val="tx1"/>
                </a:solidFill>
              </a:rPr>
              <a:t>Geografisk omfang: </a:t>
            </a:r>
            <a:r>
              <a:rPr lang="da-DK" sz="900" noProof="0" dirty="0">
                <a:solidFill>
                  <a:schemeClr val="tx1"/>
                </a:solidFill>
              </a:rPr>
              <a:t>Primært Aarhus Kommune med ca. 33.000 ansatte og ca. 375.000 indbyggere. Indsatser i OS2-regi vil desuden have effekt på et bredere udsnit af offentlige myndigheder. </a:t>
            </a:r>
          </a:p>
          <a:p>
            <a:pPr marL="171450" indent="-171450">
              <a:buFont typeface="Wingdings" panose="05000000000000000000" pitchFamily="2" charset="2"/>
              <a:buChar char="Ø"/>
            </a:pPr>
            <a:r>
              <a:rPr lang="da-DK" sz="900" b="1" noProof="0" dirty="0">
                <a:solidFill>
                  <a:schemeClr val="tx1"/>
                </a:solidFill>
              </a:rPr>
              <a:t>Antal brugere omfattet: </a:t>
            </a:r>
            <a:r>
              <a:rPr lang="da-DK" sz="900" noProof="0" dirty="0">
                <a:solidFill>
                  <a:schemeClr val="tx1"/>
                </a:solidFill>
              </a:rPr>
              <a:t>Kommunens ca. 33.000 medarbejdere.</a:t>
            </a:r>
          </a:p>
          <a:p>
            <a:pPr marL="171450" indent="-171450">
              <a:buFont typeface="Wingdings" panose="05000000000000000000" pitchFamily="2" charset="2"/>
              <a:buChar char="Ø"/>
            </a:pPr>
            <a:r>
              <a:rPr lang="da-DK" sz="900" b="1" noProof="0" dirty="0">
                <a:solidFill>
                  <a:schemeClr val="tx1"/>
                </a:solidFill>
              </a:rPr>
              <a:t>Antal systemer berørt: </a:t>
            </a:r>
            <a:r>
              <a:rPr lang="da-DK" sz="900" noProof="0" dirty="0">
                <a:solidFill>
                  <a:schemeClr val="tx1"/>
                </a:solidFill>
              </a:rPr>
              <a:t>Indsatsen berører en bred portefølje af kommunens systemer, herunder kontorpakker, cloud-infrastruktur og OS2-produkter, som både vedrører AI, fagsystemer, styresystemer, sikkerhedsløsninger og komponenter i til datadeling mv. </a:t>
            </a:r>
          </a:p>
        </p:txBody>
      </p:sp>
      <p:sp>
        <p:nvSpPr>
          <p:cNvPr id="49" name="Isosceles Triangle 48">
            <a:extLst>
              <a:ext uri="{FF2B5EF4-FFF2-40B4-BE49-F238E27FC236}">
                <a16:creationId xmlns:a16="http://schemas.microsoft.com/office/drawing/2014/main" id="{8B4A7F7E-2E2F-F150-17A6-B67433A550FE}"/>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6" name="Straight Connector 5">
            <a:extLst>
              <a:ext uri="{FF2B5EF4-FFF2-40B4-BE49-F238E27FC236}">
                <a16:creationId xmlns:a16="http://schemas.microsoft.com/office/drawing/2014/main" id="{F7791B9B-49DA-4367-E7B6-4363F974EEFC}"/>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581D3E25-6CB5-70AF-4F91-E0E05901644C}"/>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Gevinster </a:t>
            </a:r>
          </a:p>
        </p:txBody>
      </p:sp>
      <p:sp>
        <p:nvSpPr>
          <p:cNvPr id="59" name="Content Placeholder 5">
            <a:extLst>
              <a:ext uri="{FF2B5EF4-FFF2-40B4-BE49-F238E27FC236}">
                <a16:creationId xmlns:a16="http://schemas.microsoft.com/office/drawing/2014/main" id="{3BA79C88-6AE0-AFAF-7746-25148FC7D5DE}"/>
              </a:ext>
            </a:extLst>
          </p:cNvPr>
          <p:cNvSpPr txBox="1">
            <a:spLocks/>
          </p:cNvSpPr>
          <p:nvPr/>
        </p:nvSpPr>
        <p:spPr>
          <a:xfrm>
            <a:off x="3484616" y="4509324"/>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dirty="0">
                <a:solidFill>
                  <a:schemeClr val="tx1"/>
                </a:solidFill>
              </a:rPr>
              <a:t>Øget digital handlefrihed: </a:t>
            </a:r>
            <a:r>
              <a:rPr lang="da-DK" sz="900" b="0" noProof="0" dirty="0">
                <a:solidFill>
                  <a:schemeClr val="tx1"/>
                </a:solidFill>
              </a:rPr>
              <a:t>Via open source og åbne standarder, diversificering af leverandører og etablering af uafhængige alternativer.</a:t>
            </a:r>
          </a:p>
          <a:p>
            <a:pPr marL="171450" indent="-171450">
              <a:buFont typeface="Wingdings" panose="05000000000000000000" pitchFamily="2" charset="2"/>
              <a:buChar char="Ø"/>
            </a:pPr>
            <a:r>
              <a:rPr lang="da-DK" sz="900" noProof="0" dirty="0">
                <a:solidFill>
                  <a:schemeClr val="tx1"/>
                </a:solidFill>
              </a:rPr>
              <a:t>Øget robusthed: </a:t>
            </a:r>
            <a:r>
              <a:rPr lang="da-DK" sz="900" b="0" noProof="0" dirty="0">
                <a:solidFill>
                  <a:schemeClr val="tx1"/>
                </a:solidFill>
              </a:rPr>
              <a:t>Som følge af, at data i højere grad er under ”egen” kontrol. </a:t>
            </a:r>
          </a:p>
          <a:p>
            <a:pPr marL="171450" indent="-171450">
              <a:buFont typeface="Wingdings" panose="05000000000000000000" pitchFamily="2" charset="2"/>
              <a:buChar char="Ø"/>
            </a:pPr>
            <a:r>
              <a:rPr lang="da-DK" sz="900" noProof="0" dirty="0">
                <a:solidFill>
                  <a:schemeClr val="tx1"/>
                </a:solidFill>
              </a:rPr>
              <a:t>Forventede økonomiske besparelser: </a:t>
            </a:r>
            <a:r>
              <a:rPr lang="da-DK" sz="900" b="0" noProof="0" dirty="0">
                <a:solidFill>
                  <a:schemeClr val="tx1"/>
                </a:solidFill>
              </a:rPr>
              <a:t>Ud fra en politisk målsætning om gevinster på 5 mio. kr. i 2028 stigende til 7 mio. kr. årligt fra 2029 og frem. </a:t>
            </a:r>
          </a:p>
          <a:p>
            <a:pPr marL="171450" indent="-171450">
              <a:buFont typeface="Wingdings" panose="05000000000000000000" pitchFamily="2" charset="2"/>
              <a:buChar char="Ø"/>
            </a:pPr>
            <a:endParaRPr lang="da-DK" sz="900" b="0" noProof="0" dirty="0">
              <a:solidFill>
                <a:schemeClr val="tx1"/>
              </a:solidFill>
            </a:endParaRPr>
          </a:p>
          <a:p>
            <a:endParaRPr lang="da-DK" sz="900" noProof="0" dirty="0"/>
          </a:p>
        </p:txBody>
      </p:sp>
      <p:sp>
        <p:nvSpPr>
          <p:cNvPr id="23" name="Content Placeholder 5">
            <a:extLst>
              <a:ext uri="{FF2B5EF4-FFF2-40B4-BE49-F238E27FC236}">
                <a16:creationId xmlns:a16="http://schemas.microsoft.com/office/drawing/2014/main" id="{615F9E75-3BD9-51F1-8ED5-714FE050BEA3}"/>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Barrierer</a:t>
            </a:r>
          </a:p>
        </p:txBody>
      </p:sp>
      <p:sp>
        <p:nvSpPr>
          <p:cNvPr id="89" name="Content Placeholder 5">
            <a:extLst>
              <a:ext uri="{FF2B5EF4-FFF2-40B4-BE49-F238E27FC236}">
                <a16:creationId xmlns:a16="http://schemas.microsoft.com/office/drawing/2014/main" id="{4A8F1C21-E22F-3C02-D466-05E2BAD582D4}"/>
              </a:ext>
            </a:extLst>
          </p:cNvPr>
          <p:cNvSpPr txBox="1">
            <a:spLocks/>
          </p:cNvSpPr>
          <p:nvPr/>
        </p:nvSpPr>
        <p:spPr>
          <a:xfrm>
            <a:off x="6329923" y="4509324"/>
            <a:ext cx="2978170" cy="175613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a:solidFill>
                  <a:schemeClr val="tx1"/>
                </a:solidFill>
              </a:rPr>
              <a:t>Usikkerhed om investeringsgrundlag: </a:t>
            </a:r>
            <a:r>
              <a:rPr lang="da-DK" sz="900" b="0" noProof="0">
                <a:solidFill>
                  <a:schemeClr val="tx1"/>
                </a:solidFill>
              </a:rPr>
              <a:t>Med en samlet investering på i alt 9 mio. kr. over en treårig periode kan der være begrænsninger for, hvor langt Aarhus Kommune kan komme, da erfaringer fra andre lande viser, at </a:t>
            </a:r>
            <a:r>
              <a:rPr lang="da-DK" sz="900" b="0" noProof="0" dirty="0">
                <a:solidFill>
                  <a:schemeClr val="tx1"/>
                </a:solidFill>
              </a:rPr>
              <a:t>OSS</a:t>
            </a:r>
            <a:r>
              <a:rPr lang="da-DK" sz="900" b="0" noProof="0">
                <a:solidFill>
                  <a:schemeClr val="tx1"/>
                </a:solidFill>
              </a:rPr>
              <a:t>-transformationer kræver omstilling og medfører varige omkostninger til nye opgaver.</a:t>
            </a:r>
          </a:p>
          <a:p>
            <a:pPr marL="171450" indent="-171450">
              <a:buFont typeface="Wingdings" panose="05000000000000000000" pitchFamily="2" charset="2"/>
              <a:buChar char="Ø"/>
            </a:pPr>
            <a:r>
              <a:rPr lang="da-DK" sz="900" noProof="0">
                <a:solidFill>
                  <a:schemeClr val="tx1"/>
                </a:solidFill>
              </a:rPr>
              <a:t>Stor teknisk kompleksitet i at skifte styresystemer: </a:t>
            </a:r>
            <a:r>
              <a:rPr lang="da-DK" sz="900" b="0" noProof="0">
                <a:solidFill>
                  <a:srgbClr val="000000"/>
                </a:solidFill>
              </a:rPr>
              <a:t>Det kan blive en kompleks opgave mht. integrationer, datamigrering og tekniske tilpasninger at gå fra MS-produkter til OS. </a:t>
            </a:r>
            <a:endParaRPr lang="da-DK" sz="900" noProof="0"/>
          </a:p>
        </p:txBody>
      </p:sp>
      <p:cxnSp>
        <p:nvCxnSpPr>
          <p:cNvPr id="25" name="Straight Connector 24">
            <a:extLst>
              <a:ext uri="{FF2B5EF4-FFF2-40B4-BE49-F238E27FC236}">
                <a16:creationId xmlns:a16="http://schemas.microsoft.com/office/drawing/2014/main" id="{B192D0DE-5498-D490-F178-FC9C72324083}"/>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ED4F13DA-3DD1-D357-2065-10F85831E7B4}"/>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cxnSp>
        <p:nvCxnSpPr>
          <p:cNvPr id="57" name="Straight Connector 56">
            <a:extLst>
              <a:ext uri="{FF2B5EF4-FFF2-40B4-BE49-F238E27FC236}">
                <a16:creationId xmlns:a16="http://schemas.microsoft.com/office/drawing/2014/main" id="{683514B9-A242-BC5D-8596-CA506B5ED8D9}"/>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40B891FD-B48C-E892-40C8-172A91ECAEEA}"/>
              </a:ext>
              <a:ext uri="{C183D7F6-B498-43B3-948B-1728B52AA6E4}">
                <adec:decorative xmlns:adec="http://schemas.microsoft.com/office/drawing/2017/decorative" val="1"/>
              </a:ext>
            </a:extLst>
          </p:cNvPr>
          <p:cNvCxnSpPr>
            <a:cxnSpLocks/>
          </p:cNvCxnSpPr>
          <p:nvPr/>
        </p:nvCxnSpPr>
        <p:spPr>
          <a:xfrm>
            <a:off x="6585098"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5" name="Rectangle 114">
            <a:extLst>
              <a:ext uri="{FF2B5EF4-FFF2-40B4-BE49-F238E27FC236}">
                <a16:creationId xmlns:a16="http://schemas.microsoft.com/office/drawing/2014/main" id="{6E5E6D4D-1E6B-BE62-1DFA-4F318C5EF8A2}"/>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endParaRPr lang="da-DK" sz="900" b="1" noProof="0">
              <a:solidFill>
                <a:schemeClr val="tx1"/>
              </a:solidFill>
            </a:endParaRPr>
          </a:p>
        </p:txBody>
      </p:sp>
      <p:cxnSp>
        <p:nvCxnSpPr>
          <p:cNvPr id="30" name="Straight Connector 29">
            <a:extLst>
              <a:ext uri="{FF2B5EF4-FFF2-40B4-BE49-F238E27FC236}">
                <a16:creationId xmlns:a16="http://schemas.microsoft.com/office/drawing/2014/main" id="{9AB28442-5C7D-E9F6-8986-7FBACE4EF1FF}"/>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3942C75C-E65B-847B-F982-51527090C36B}"/>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cxnSp>
        <p:nvCxnSpPr>
          <p:cNvPr id="80" name="Straight Connector 79">
            <a:extLst>
              <a:ext uri="{FF2B5EF4-FFF2-40B4-BE49-F238E27FC236}">
                <a16:creationId xmlns:a16="http://schemas.microsoft.com/office/drawing/2014/main" id="{9A0210B3-24C8-96E5-70A9-E5DC0F992C06}"/>
              </a:ext>
              <a:ext uri="{C183D7F6-B498-43B3-948B-1728B52AA6E4}">
                <adec:decorative xmlns:adec="http://schemas.microsoft.com/office/drawing/2017/decorative" val="1"/>
              </a:ext>
            </a:extLst>
          </p:cNvPr>
          <p:cNvCxnSpPr>
            <a:cxnSpLocks/>
          </p:cNvCxnSpPr>
          <p:nvPr/>
        </p:nvCxnSpPr>
        <p:spPr>
          <a:xfrm>
            <a:off x="3408176" y="2122972"/>
            <a:ext cx="3493285" cy="16064"/>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95" name="Group 94">
            <a:extLst>
              <a:ext uri="{FF2B5EF4-FFF2-40B4-BE49-F238E27FC236}">
                <a16:creationId xmlns:a16="http://schemas.microsoft.com/office/drawing/2014/main" id="{50C98ECA-8421-B34B-E55E-050034B39EA4}"/>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96" name="Rectangle 95">
              <a:extLst>
                <a:ext uri="{FF2B5EF4-FFF2-40B4-BE49-F238E27FC236}">
                  <a16:creationId xmlns:a16="http://schemas.microsoft.com/office/drawing/2014/main" id="{6350EBD9-CB0B-E716-19A2-3C1547E2D040}"/>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97" name="Rectangle 96">
              <a:extLst>
                <a:ext uri="{FF2B5EF4-FFF2-40B4-BE49-F238E27FC236}">
                  <a16:creationId xmlns:a16="http://schemas.microsoft.com/office/drawing/2014/main" id="{30ED600F-3C9D-FAA6-47D5-FB527526328B}"/>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grpSp>
        <p:nvGrpSpPr>
          <p:cNvPr id="54" name="Group 53" descr="Casen addresserer virkemidlerne Strategi og organisation">
            <a:extLst>
              <a:ext uri="{FF2B5EF4-FFF2-40B4-BE49-F238E27FC236}">
                <a16:creationId xmlns:a16="http://schemas.microsoft.com/office/drawing/2014/main" id="{4786008F-11AC-27EF-95DC-D51F14737426}"/>
              </a:ext>
            </a:extLst>
          </p:cNvPr>
          <p:cNvGrpSpPr/>
          <p:nvPr/>
        </p:nvGrpSpPr>
        <p:grpSpPr>
          <a:xfrm>
            <a:off x="9603525" y="1810298"/>
            <a:ext cx="2399666" cy="2088724"/>
            <a:chOff x="6170312" y="1801370"/>
            <a:chExt cx="2399666" cy="2088724"/>
          </a:xfrm>
        </p:grpSpPr>
        <p:sp>
          <p:nvSpPr>
            <p:cNvPr id="55" name="Content Placeholder 5">
              <a:extLst>
                <a:ext uri="{FF2B5EF4-FFF2-40B4-BE49-F238E27FC236}">
                  <a16:creationId xmlns:a16="http://schemas.microsoft.com/office/drawing/2014/main" id="{5E34ED34-83B6-615F-442C-9B5236AD8FC7}"/>
                </a:ext>
              </a:extLst>
            </p:cNvPr>
            <p:cNvSpPr txBox="1">
              <a:spLocks/>
            </p:cNvSpPr>
            <p:nvPr/>
          </p:nvSpPr>
          <p:spPr>
            <a:xfrm>
              <a:off x="6292650" y="1860060"/>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Virkemidler</a:t>
              </a:r>
            </a:p>
          </p:txBody>
        </p:sp>
        <p:sp>
          <p:nvSpPr>
            <p:cNvPr id="60" name="Rectangle: Rounded Corners 59">
              <a:extLst>
                <a:ext uri="{FF2B5EF4-FFF2-40B4-BE49-F238E27FC236}">
                  <a16:creationId xmlns:a16="http://schemas.microsoft.com/office/drawing/2014/main" id="{A5A974BB-3940-B82E-0C8D-426BB9FE73D3}"/>
                </a:ext>
              </a:extLst>
            </p:cNvPr>
            <p:cNvSpPr/>
            <p:nvPr/>
          </p:nvSpPr>
          <p:spPr>
            <a:xfrm>
              <a:off x="6170312" y="1801370"/>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solidFill>
                  <a:srgbClr val="A2B3C9"/>
                </a:solidFill>
              </a:endParaRPr>
            </a:p>
          </p:txBody>
        </p:sp>
        <p:cxnSp>
          <p:nvCxnSpPr>
            <p:cNvPr id="61" name="Straight Connector 60">
              <a:extLst>
                <a:ext uri="{FF2B5EF4-FFF2-40B4-BE49-F238E27FC236}">
                  <a16:creationId xmlns:a16="http://schemas.microsoft.com/office/drawing/2014/main" id="{EBFCCB92-563B-72E6-E8AE-EEAAA02C5CFB}"/>
                </a:ext>
              </a:extLst>
            </p:cNvPr>
            <p:cNvCxnSpPr>
              <a:cxnSpLocks/>
            </p:cNvCxnSpPr>
            <p:nvPr/>
          </p:nvCxnSpPr>
          <p:spPr>
            <a:xfrm>
              <a:off x="6281165" y="2112275"/>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8" name="Rektangel: afrundede hjørner 10">
              <a:extLst>
                <a:ext uri="{FF2B5EF4-FFF2-40B4-BE49-F238E27FC236}">
                  <a16:creationId xmlns:a16="http://schemas.microsoft.com/office/drawing/2014/main" id="{6627C3B7-BB49-473D-0010-3F5BB5F296AA}"/>
                </a:ext>
              </a:extLst>
            </p:cNvPr>
            <p:cNvSpPr>
              <a:spLocks/>
            </p:cNvSpPr>
            <p:nvPr/>
          </p:nvSpPr>
          <p:spPr>
            <a:xfrm>
              <a:off x="6281355" y="2161059"/>
              <a:ext cx="2190658" cy="252000"/>
            </a:xfrm>
            <a:prstGeom prst="roundRect">
              <a:avLst>
                <a:gd name="adj" fmla="val 5714"/>
              </a:avLst>
            </a:prstGeom>
            <a:solidFill>
              <a:srgbClr val="B7E5EE"/>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69" name="TextBox 4">
              <a:extLst>
                <a:ext uri="{FF2B5EF4-FFF2-40B4-BE49-F238E27FC236}">
                  <a16:creationId xmlns:a16="http://schemas.microsoft.com/office/drawing/2014/main" id="{D0784B07-2249-92CC-9C91-6FEF5E9954B7}"/>
                </a:ext>
              </a:extLst>
            </p:cNvPr>
            <p:cNvSpPr txBox="1">
              <a:spLocks/>
            </p:cNvSpPr>
            <p:nvPr/>
          </p:nvSpPr>
          <p:spPr>
            <a:xfrm>
              <a:off x="6579387" y="2172005"/>
              <a:ext cx="1955475" cy="230108"/>
            </a:xfrm>
            <a:prstGeom prst="rect">
              <a:avLst/>
            </a:prstGeom>
            <a:noFill/>
          </p:spPr>
          <p:txBody>
            <a:bodyPr wrap="square" lIns="0" rtlCol="0" anchor="ctr">
              <a:noAutofit/>
            </a:bodyPr>
            <a:lstStyle/>
            <a:p>
              <a:r>
                <a:rPr lang="da-DK" sz="700" b="1" noProof="0" dirty="0">
                  <a:solidFill>
                    <a:srgbClr val="024D78"/>
                  </a:solidFill>
                </a:rPr>
                <a:t>01 | Strategi og organisation</a:t>
              </a:r>
            </a:p>
          </p:txBody>
        </p:sp>
        <p:sp>
          <p:nvSpPr>
            <p:cNvPr id="71" name="Rektangel: afrundede hjørner 5">
              <a:extLst>
                <a:ext uri="{FF2B5EF4-FFF2-40B4-BE49-F238E27FC236}">
                  <a16:creationId xmlns:a16="http://schemas.microsoft.com/office/drawing/2014/main" id="{D279EBB3-7F74-87EB-7ADB-3F2FF44EBB90}"/>
                </a:ext>
              </a:extLst>
            </p:cNvPr>
            <p:cNvSpPr>
              <a:spLocks/>
            </p:cNvSpPr>
            <p:nvPr/>
          </p:nvSpPr>
          <p:spPr>
            <a:xfrm>
              <a:off x="6280700" y="3209658"/>
              <a:ext cx="2190658" cy="252000"/>
            </a:xfrm>
            <a:prstGeom prst="roundRect">
              <a:avLst>
                <a:gd name="adj" fmla="val 5714"/>
              </a:avLst>
            </a:prstGeom>
            <a:solidFill>
              <a:srgbClr val="B7E5EE">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3" name="Rektangel: afrundede hjørner 9">
              <a:extLst>
                <a:ext uri="{FF2B5EF4-FFF2-40B4-BE49-F238E27FC236}">
                  <a16:creationId xmlns:a16="http://schemas.microsoft.com/office/drawing/2014/main" id="{8B0A7E7A-EFFB-1875-C5DF-21A26AFE677A}"/>
                </a:ext>
              </a:extLst>
            </p:cNvPr>
            <p:cNvSpPr>
              <a:spLocks/>
            </p:cNvSpPr>
            <p:nvPr/>
          </p:nvSpPr>
          <p:spPr>
            <a:xfrm>
              <a:off x="6281618" y="2861617"/>
              <a:ext cx="2190193" cy="252000"/>
            </a:xfrm>
            <a:prstGeom prst="roundRect">
              <a:avLst>
                <a:gd name="adj" fmla="val 5714"/>
              </a:avLst>
            </a:prstGeom>
            <a:solidFill>
              <a:srgbClr val="B7E5EE">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4" name="Rektangel: afrundede hjørner 39">
              <a:extLst>
                <a:ext uri="{FF2B5EF4-FFF2-40B4-BE49-F238E27FC236}">
                  <a16:creationId xmlns:a16="http://schemas.microsoft.com/office/drawing/2014/main" id="{24D884C8-662A-B9EC-FDE0-19AFFCFAD1E4}"/>
                </a:ext>
              </a:extLst>
            </p:cNvPr>
            <p:cNvSpPr>
              <a:spLocks/>
            </p:cNvSpPr>
            <p:nvPr/>
          </p:nvSpPr>
          <p:spPr>
            <a:xfrm>
              <a:off x="6280700" y="2490331"/>
              <a:ext cx="2190193" cy="252000"/>
            </a:xfrm>
            <a:prstGeom prst="roundRect">
              <a:avLst>
                <a:gd name="adj" fmla="val 5714"/>
              </a:avLst>
            </a:prstGeom>
            <a:solidFill>
              <a:srgbClr val="B7E5EE">
                <a:alpha val="7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5" name="Rektangel: afrundede hjørner 39">
              <a:extLst>
                <a:ext uri="{FF2B5EF4-FFF2-40B4-BE49-F238E27FC236}">
                  <a16:creationId xmlns:a16="http://schemas.microsoft.com/office/drawing/2014/main" id="{CDBF9FCB-9BB8-0189-0387-95071A081FE2}"/>
                </a:ext>
              </a:extLst>
            </p:cNvPr>
            <p:cNvSpPr>
              <a:spLocks/>
            </p:cNvSpPr>
            <p:nvPr/>
          </p:nvSpPr>
          <p:spPr>
            <a:xfrm>
              <a:off x="6281165" y="3562176"/>
              <a:ext cx="2190193" cy="252000"/>
            </a:xfrm>
            <a:prstGeom prst="roundRect">
              <a:avLst>
                <a:gd name="adj" fmla="val 5714"/>
              </a:avLst>
            </a:prstGeom>
            <a:solidFill>
              <a:srgbClr val="B7E5EE">
                <a:alpha val="1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6" name="TextBox 4">
              <a:extLst>
                <a:ext uri="{FF2B5EF4-FFF2-40B4-BE49-F238E27FC236}">
                  <a16:creationId xmlns:a16="http://schemas.microsoft.com/office/drawing/2014/main" id="{8F542670-48D1-A30A-2BEC-F87CAF5415C0}"/>
                </a:ext>
              </a:extLst>
            </p:cNvPr>
            <p:cNvSpPr txBox="1">
              <a:spLocks/>
            </p:cNvSpPr>
            <p:nvPr/>
          </p:nvSpPr>
          <p:spPr>
            <a:xfrm>
              <a:off x="6578922" y="3220604"/>
              <a:ext cx="1955475" cy="230108"/>
            </a:xfrm>
            <a:prstGeom prst="rect">
              <a:avLst/>
            </a:prstGeom>
            <a:noFill/>
          </p:spPr>
          <p:txBody>
            <a:bodyPr wrap="square" lIns="0" rtlCol="0" anchor="ctr">
              <a:noAutofit/>
            </a:bodyPr>
            <a:lstStyle/>
            <a:p>
              <a:r>
                <a:rPr lang="da-DK" sz="700" noProof="0" dirty="0">
                  <a:solidFill>
                    <a:srgbClr val="024D78"/>
                  </a:solidFill>
                </a:rPr>
                <a:t>04 | Indkøb, krav og leverandørsamarbejde</a:t>
              </a:r>
            </a:p>
          </p:txBody>
        </p:sp>
        <p:sp>
          <p:nvSpPr>
            <p:cNvPr id="77" name="TextBox 4">
              <a:extLst>
                <a:ext uri="{FF2B5EF4-FFF2-40B4-BE49-F238E27FC236}">
                  <a16:creationId xmlns:a16="http://schemas.microsoft.com/office/drawing/2014/main" id="{1DE1DE3B-91C0-5DD6-895E-96033241EAFD}"/>
                </a:ext>
              </a:extLst>
            </p:cNvPr>
            <p:cNvSpPr txBox="1">
              <a:spLocks/>
            </p:cNvSpPr>
            <p:nvPr/>
          </p:nvSpPr>
          <p:spPr>
            <a:xfrm>
              <a:off x="6579387" y="2872563"/>
              <a:ext cx="1955475" cy="230108"/>
            </a:xfrm>
            <a:prstGeom prst="rect">
              <a:avLst/>
            </a:prstGeom>
            <a:noFill/>
          </p:spPr>
          <p:txBody>
            <a:bodyPr wrap="square" lIns="0" rtlCol="0" anchor="ctr">
              <a:noAutofit/>
            </a:bodyPr>
            <a:lstStyle/>
            <a:p>
              <a:r>
                <a:rPr lang="da-DK" sz="700" noProof="0" dirty="0">
                  <a:solidFill>
                    <a:srgbClr val="024D78"/>
                  </a:solidFill>
                </a:rPr>
                <a:t>03 | Arkitektur og åbne standarder</a:t>
              </a:r>
            </a:p>
          </p:txBody>
        </p:sp>
        <p:sp>
          <p:nvSpPr>
            <p:cNvPr id="99" name="TextBox 4">
              <a:extLst>
                <a:ext uri="{FF2B5EF4-FFF2-40B4-BE49-F238E27FC236}">
                  <a16:creationId xmlns:a16="http://schemas.microsoft.com/office/drawing/2014/main" id="{E83F62C0-7502-D765-E53B-69F67E0357AD}"/>
                </a:ext>
              </a:extLst>
            </p:cNvPr>
            <p:cNvSpPr txBox="1">
              <a:spLocks/>
            </p:cNvSpPr>
            <p:nvPr/>
          </p:nvSpPr>
          <p:spPr>
            <a:xfrm>
              <a:off x="6578469" y="2501277"/>
              <a:ext cx="1955475" cy="230108"/>
            </a:xfrm>
            <a:prstGeom prst="rect">
              <a:avLst/>
            </a:prstGeom>
            <a:noFill/>
          </p:spPr>
          <p:txBody>
            <a:bodyPr wrap="square" lIns="0" rtlCol="0" anchor="ctr">
              <a:noAutofit/>
            </a:bodyPr>
            <a:lstStyle/>
            <a:p>
              <a:r>
                <a:rPr lang="da-DK" sz="700" noProof="0" dirty="0">
                  <a:solidFill>
                    <a:srgbClr val="024D78"/>
                  </a:solidFill>
                </a:rPr>
                <a:t>02 | Risikobaseret styring af afhængigheder</a:t>
              </a:r>
            </a:p>
          </p:txBody>
        </p:sp>
        <p:sp>
          <p:nvSpPr>
            <p:cNvPr id="100" name="TextBox 4">
              <a:extLst>
                <a:ext uri="{FF2B5EF4-FFF2-40B4-BE49-F238E27FC236}">
                  <a16:creationId xmlns:a16="http://schemas.microsoft.com/office/drawing/2014/main" id="{6B64F6CE-9A8B-4481-2A35-5F9C7C6F1FD1}"/>
                </a:ext>
              </a:extLst>
            </p:cNvPr>
            <p:cNvSpPr txBox="1">
              <a:spLocks/>
            </p:cNvSpPr>
            <p:nvPr/>
          </p:nvSpPr>
          <p:spPr>
            <a:xfrm>
              <a:off x="6579387" y="3573122"/>
              <a:ext cx="1955475" cy="230108"/>
            </a:xfrm>
            <a:prstGeom prst="rect">
              <a:avLst/>
            </a:prstGeom>
            <a:noFill/>
          </p:spPr>
          <p:txBody>
            <a:bodyPr wrap="square" lIns="0" rtlCol="0" anchor="ctr">
              <a:noAutofit/>
            </a:bodyPr>
            <a:lstStyle/>
            <a:p>
              <a:r>
                <a:rPr lang="da-DK" sz="700" noProof="0" dirty="0">
                  <a:solidFill>
                    <a:srgbClr val="024D78"/>
                  </a:solidFill>
                </a:rPr>
                <a:t>05 | Alternative løsninger</a:t>
              </a:r>
            </a:p>
          </p:txBody>
        </p:sp>
        <p:sp>
          <p:nvSpPr>
            <p:cNvPr id="101" name="Freeform 7">
              <a:extLst>
                <a:ext uri="{FF2B5EF4-FFF2-40B4-BE49-F238E27FC236}">
                  <a16:creationId xmlns:a16="http://schemas.microsoft.com/office/drawing/2014/main" id="{36BC160D-8A72-3277-6FAD-EF5AC09E5BB4}"/>
                </a:ext>
              </a:extLst>
            </p:cNvPr>
            <p:cNvSpPr>
              <a:spLocks noEditPoints="1"/>
            </p:cNvSpPr>
            <p:nvPr/>
          </p:nvSpPr>
          <p:spPr bwMode="auto">
            <a:xfrm>
              <a:off x="6353426" y="3250371"/>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102" name="Group 101">
              <a:extLst>
                <a:ext uri="{FF2B5EF4-FFF2-40B4-BE49-F238E27FC236}">
                  <a16:creationId xmlns:a16="http://schemas.microsoft.com/office/drawing/2014/main" id="{E29C41A7-5BB7-7A52-1CB5-A9F7DD475DFA}"/>
                </a:ext>
              </a:extLst>
            </p:cNvPr>
            <p:cNvGrpSpPr/>
            <p:nvPr/>
          </p:nvGrpSpPr>
          <p:grpSpPr>
            <a:xfrm>
              <a:off x="6345364" y="2912838"/>
              <a:ext cx="193946" cy="152578"/>
              <a:chOff x="8675444" y="2927353"/>
              <a:chExt cx="573087" cy="450850"/>
            </a:xfrm>
            <a:solidFill>
              <a:srgbClr val="024D78"/>
            </a:solidFill>
          </p:grpSpPr>
          <p:sp>
            <p:nvSpPr>
              <p:cNvPr id="109" name="Freeform 257">
                <a:extLst>
                  <a:ext uri="{FF2B5EF4-FFF2-40B4-BE49-F238E27FC236}">
                    <a16:creationId xmlns:a16="http://schemas.microsoft.com/office/drawing/2014/main" id="{A29FE125-30F5-6E64-F173-500EE333F593}"/>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10" name="Freeform 258">
                <a:extLst>
                  <a:ext uri="{FF2B5EF4-FFF2-40B4-BE49-F238E27FC236}">
                    <a16:creationId xmlns:a16="http://schemas.microsoft.com/office/drawing/2014/main" id="{8D8FFDED-636B-2425-864D-96E77EF70861}"/>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11" name="Freeform 259">
                <a:extLst>
                  <a:ext uri="{FF2B5EF4-FFF2-40B4-BE49-F238E27FC236}">
                    <a16:creationId xmlns:a16="http://schemas.microsoft.com/office/drawing/2014/main" id="{87F1102E-3B7F-B576-579D-37D88605322F}"/>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103" name="Group 102">
              <a:extLst>
                <a:ext uri="{FF2B5EF4-FFF2-40B4-BE49-F238E27FC236}">
                  <a16:creationId xmlns:a16="http://schemas.microsoft.com/office/drawing/2014/main" id="{952E2727-1C69-80DE-D8B6-96DD09DB0B31}"/>
                </a:ext>
              </a:extLst>
            </p:cNvPr>
            <p:cNvGrpSpPr/>
            <p:nvPr/>
          </p:nvGrpSpPr>
          <p:grpSpPr>
            <a:xfrm>
              <a:off x="6352025" y="2519193"/>
              <a:ext cx="178788" cy="179199"/>
              <a:chOff x="8695953" y="3768979"/>
              <a:chExt cx="531804" cy="533027"/>
            </a:xfrm>
            <a:solidFill>
              <a:srgbClr val="024D78"/>
            </a:solidFill>
          </p:grpSpPr>
          <p:sp>
            <p:nvSpPr>
              <p:cNvPr id="106" name="Freeform 291">
                <a:extLst>
                  <a:ext uri="{FF2B5EF4-FFF2-40B4-BE49-F238E27FC236}">
                    <a16:creationId xmlns:a16="http://schemas.microsoft.com/office/drawing/2014/main" id="{5DD76B71-36C6-A495-85B2-455D61F52B1B}"/>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07" name="Freeform 292">
                <a:extLst>
                  <a:ext uri="{FF2B5EF4-FFF2-40B4-BE49-F238E27FC236}">
                    <a16:creationId xmlns:a16="http://schemas.microsoft.com/office/drawing/2014/main" id="{5E78A526-E7E1-A3E6-6622-CD4BB81A93EE}"/>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08" name="Freeform 293">
                <a:extLst>
                  <a:ext uri="{FF2B5EF4-FFF2-40B4-BE49-F238E27FC236}">
                    <a16:creationId xmlns:a16="http://schemas.microsoft.com/office/drawing/2014/main" id="{45D672D5-14E5-E82B-DA62-B2C1211AA16E}"/>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104" name="Freeform 25">
              <a:extLst>
                <a:ext uri="{FF2B5EF4-FFF2-40B4-BE49-F238E27FC236}">
                  <a16:creationId xmlns:a16="http://schemas.microsoft.com/office/drawing/2014/main" id="{10401DDD-4A02-676C-1C2F-3819505B2085}"/>
                </a:ext>
              </a:extLst>
            </p:cNvPr>
            <p:cNvSpPr>
              <a:spLocks noEditPoints="1"/>
            </p:cNvSpPr>
            <p:nvPr/>
          </p:nvSpPr>
          <p:spPr bwMode="auto">
            <a:xfrm>
              <a:off x="6336953" y="3594116"/>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105" name="Freeform 17">
              <a:extLst>
                <a:ext uri="{FF2B5EF4-FFF2-40B4-BE49-F238E27FC236}">
                  <a16:creationId xmlns:a16="http://schemas.microsoft.com/office/drawing/2014/main" id="{5C94AD9B-C8E3-D6FA-AB33-46C7246D3E22}"/>
                </a:ext>
              </a:extLst>
            </p:cNvPr>
            <p:cNvSpPr>
              <a:spLocks noEditPoints="1"/>
            </p:cNvSpPr>
            <p:nvPr/>
          </p:nvSpPr>
          <p:spPr bwMode="auto">
            <a:xfrm>
              <a:off x="6352866" y="2197783"/>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grpSp>
      <p:sp>
        <p:nvSpPr>
          <p:cNvPr id="29" name="Content Placeholder 5">
            <a:extLst>
              <a:ext uri="{FF2B5EF4-FFF2-40B4-BE49-F238E27FC236}">
                <a16:creationId xmlns:a16="http://schemas.microsoft.com/office/drawing/2014/main" id="{94EAE6AE-48DB-2381-10EA-5697B83D008D}"/>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Nøgleerfaringer og </a:t>
            </a:r>
            <a:r>
              <a:rPr lang="da-DK" sz="1100" noProof="0" dirty="0" err="1">
                <a:solidFill>
                  <a:srgbClr val="36465A"/>
                </a:solidFill>
              </a:rPr>
              <a:t>læringer</a:t>
            </a:r>
            <a:endParaRPr lang="da-DK" sz="1100" noProof="0" dirty="0">
              <a:solidFill>
                <a:srgbClr val="36465A"/>
              </a:solidFill>
            </a:endParaRPr>
          </a:p>
        </p:txBody>
      </p:sp>
      <p:sp>
        <p:nvSpPr>
          <p:cNvPr id="32" name="Content Placeholder 5">
            <a:extLst>
              <a:ext uri="{FF2B5EF4-FFF2-40B4-BE49-F238E27FC236}">
                <a16:creationId xmlns:a16="http://schemas.microsoft.com/office/drawing/2014/main" id="{BB189CB9-97B9-05C3-FC9C-C27DF445B9D5}"/>
              </a:ext>
            </a:extLst>
          </p:cNvPr>
          <p:cNvSpPr txBox="1">
            <a:spLocks/>
          </p:cNvSpPr>
          <p:nvPr/>
        </p:nvSpPr>
        <p:spPr>
          <a:xfrm>
            <a:off x="9656566" y="4346558"/>
            <a:ext cx="2310591" cy="2014212"/>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ct val="0"/>
              </a:spcAft>
              <a:buFont typeface="Wingdings" panose="05000000000000000000" pitchFamily="2" charset="2"/>
              <a:buChar char="ü"/>
            </a:pPr>
            <a:r>
              <a:rPr lang="da-DK" sz="900" noProof="0">
                <a:solidFill>
                  <a:schemeClr val="tx1"/>
                </a:solidFill>
              </a:rPr>
              <a:t>Politiske mål sætter retning og skaber samlet handling                               </a:t>
            </a:r>
            <a:r>
              <a:rPr lang="da-DK" sz="900" b="0" noProof="0"/>
              <a:t>Central politisk beslutning, finansiering og gevinstmål rammesætter transformation.</a:t>
            </a:r>
            <a:endParaRPr lang="da-DK" sz="900" noProof="0">
              <a:solidFill>
                <a:schemeClr val="tx1"/>
              </a:solidFill>
            </a:endParaRPr>
          </a:p>
          <a:p>
            <a:pPr marL="171450" indent="-171450" defTabSz="914400" eaLnBrk="0" fontAlgn="base" hangingPunct="0">
              <a:spcBef>
                <a:spcPct val="0"/>
              </a:spcBef>
              <a:spcAft>
                <a:spcPct val="0"/>
              </a:spcAft>
              <a:buFont typeface="Wingdings" panose="05000000000000000000" pitchFamily="2" charset="2"/>
              <a:buChar char="ü"/>
            </a:pPr>
            <a:r>
              <a:rPr lang="da-DK" sz="900" noProof="0">
                <a:solidFill>
                  <a:schemeClr val="tx1"/>
                </a:solidFill>
              </a:rPr>
              <a:t>Et samlet program binder forskellige typer af indsatser sammen</a:t>
            </a:r>
            <a:br>
              <a:rPr lang="da-DK" sz="900" noProof="0">
                <a:solidFill>
                  <a:schemeClr val="tx1"/>
                </a:solidFill>
              </a:rPr>
            </a:br>
            <a:r>
              <a:rPr lang="da-DK" sz="900" b="0" noProof="0">
                <a:solidFill>
                  <a:schemeClr val="tx1"/>
                </a:solidFill>
              </a:rPr>
              <a:t>Skab organisatorisk mening og sammenhæng ved at skabe en samlet fortælling og en styring, der sikrer synergi mellem kommunens magistratsafdelinger.  </a:t>
            </a:r>
          </a:p>
          <a:p>
            <a:pPr marL="171450" indent="-171450" defTabSz="914400" eaLnBrk="0" fontAlgn="base" hangingPunct="0">
              <a:spcBef>
                <a:spcPct val="0"/>
              </a:spcBef>
              <a:spcAft>
                <a:spcPct val="0"/>
              </a:spcAft>
              <a:buFont typeface="Wingdings" panose="05000000000000000000" pitchFamily="2" charset="2"/>
              <a:buChar char="ü"/>
            </a:pPr>
            <a:r>
              <a:rPr lang="da-DK" sz="900" noProof="0">
                <a:solidFill>
                  <a:schemeClr val="tx1"/>
                </a:solidFill>
              </a:rPr>
              <a:t>Tænk i partnerskaber</a:t>
            </a:r>
            <a:br>
              <a:rPr lang="da-DK" sz="900" noProof="0">
                <a:solidFill>
                  <a:schemeClr val="tx1"/>
                </a:solidFill>
              </a:rPr>
            </a:br>
            <a:r>
              <a:rPr lang="da-DK" sz="900" b="0" noProof="0">
                <a:solidFill>
                  <a:schemeClr val="tx1"/>
                </a:solidFill>
              </a:rPr>
              <a:t>Skab forandringer med eksisterende og nye partnere, og tænk internationalt, fx samarbejde med europæiske aktører.</a:t>
            </a:r>
            <a:endParaRPr lang="da-DK" sz="900" b="0" noProof="0">
              <a:solidFill>
                <a:srgbClr val="36465A"/>
              </a:solidFill>
            </a:endParaRPr>
          </a:p>
        </p:txBody>
      </p:sp>
      <p:sp>
        <p:nvSpPr>
          <p:cNvPr id="114" name="Rectangle 113">
            <a:extLst>
              <a:ext uri="{FF2B5EF4-FFF2-40B4-BE49-F238E27FC236}">
                <a16:creationId xmlns:a16="http://schemas.microsoft.com/office/drawing/2014/main" id="{481DFC09-EF6B-4DE5-1734-B8F887A67C7C}"/>
              </a:ext>
              <a:ext uri="{C183D7F6-B498-43B3-948B-1728B52AA6E4}">
                <adec:decorative xmlns:adec="http://schemas.microsoft.com/office/drawing/2017/decorative" val="1"/>
              </a:ext>
            </a:extLst>
          </p:cNvPr>
          <p:cNvSpPr>
            <a:spLocks/>
          </p:cNvSpPr>
          <p:nvPr/>
        </p:nvSpPr>
        <p:spPr>
          <a:xfrm>
            <a:off x="9692609" y="2465890"/>
            <a:ext cx="2243628" cy="1384629"/>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Tree>
    <p:extLst>
      <p:ext uri="{BB962C8B-B14F-4D97-AF65-F5344CB8AC3E}">
        <p14:creationId xmlns:p14="http://schemas.microsoft.com/office/powerpoint/2010/main" val="1002969212"/>
      </p:ext>
    </p:extLst>
  </p:cSld>
  <p:clrMapOvr>
    <a:masterClrMapping/>
  </p:clrMapOvr>
  <p:transition>
    <p:fade/>
  </p:transition>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FF0973B-2D1A-54D1-2BD0-B624669B065E}"/>
            </a:ext>
          </a:extLst>
        </p:cNvPr>
        <p:cNvGrpSpPr/>
        <p:nvPr/>
      </p:nvGrpSpPr>
      <p:grpSpPr>
        <a:xfrm>
          <a:off x="0" y="0"/>
          <a:ext cx="0" cy="0"/>
          <a:chOff x="0" y="0"/>
          <a:chExt cx="0" cy="0"/>
        </a:xfrm>
      </p:grpSpPr>
      <p:sp>
        <p:nvSpPr>
          <p:cNvPr id="40" name="Rectangle: Rounded Corners 39">
            <a:extLst>
              <a:ext uri="{FF2B5EF4-FFF2-40B4-BE49-F238E27FC236}">
                <a16:creationId xmlns:a16="http://schemas.microsoft.com/office/drawing/2014/main" id="{B654E543-BD39-110F-BB55-A06D0C4A73A8}"/>
              </a:ext>
            </a:extLst>
          </p:cNvPr>
          <p:cNvSpPr/>
          <p:nvPr/>
        </p:nvSpPr>
        <p:spPr>
          <a:xfrm>
            <a:off x="169304" y="11734"/>
            <a:ext cx="5928283"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0 | Digital handlefrihed i Aarhus Kommune</a:t>
            </a:r>
          </a:p>
        </p:txBody>
      </p:sp>
      <p:pic>
        <p:nvPicPr>
          <p:cNvPr id="17410" name="Picture 2">
            <a:extLst>
              <a:ext uri="{FF2B5EF4-FFF2-40B4-BE49-F238E27FC236}">
                <a16:creationId xmlns:a16="http://schemas.microsoft.com/office/drawing/2014/main" id="{7C01BD67-9683-F81D-E15A-5C7FAA80904F}"/>
              </a:ext>
              <a:ext uri="{C183D7F6-B498-43B3-948B-1728B52AA6E4}">
                <adec:decorative xmlns:adec="http://schemas.microsoft.com/office/drawing/2017/decorative" val="1"/>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0007612" y="219635"/>
            <a:ext cx="2016000" cy="1028730"/>
          </a:xfrm>
          <a:prstGeom prst="rect">
            <a:avLst/>
          </a:prstGeom>
          <a:noFill/>
          <a:extLst>
            <a:ext uri="{909E8E84-426E-40DD-AFC4-6F175D3DCCD1}">
              <a14:hiddenFill xmlns:a14="http://schemas.microsoft.com/office/drawing/2010/main">
                <a:solidFill>
                  <a:srgbClr val="FFFFFF"/>
                </a:solidFill>
              </a14:hiddenFill>
            </a:ext>
          </a:extLst>
        </p:spPr>
      </p:pic>
      <p:sp>
        <p:nvSpPr>
          <p:cNvPr id="14" name="Rectangle: Rounded Corners 13">
            <a:extLst>
              <a:ext uri="{FF2B5EF4-FFF2-40B4-BE49-F238E27FC236}">
                <a16:creationId xmlns:a16="http://schemas.microsoft.com/office/drawing/2014/main" id="{5D4F4771-EA9B-D0C2-BF25-3CADC11F5977}"/>
              </a:ext>
              <a:ext uri="{C183D7F6-B498-43B3-948B-1728B52AA6E4}">
                <adec:decorative xmlns:adec="http://schemas.microsoft.com/office/drawing/2017/decorative" val="1"/>
              </a:ext>
            </a:extLst>
          </p:cNvPr>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 name="Title 1">
            <a:extLst>
              <a:ext uri="{FF2B5EF4-FFF2-40B4-BE49-F238E27FC236}">
                <a16:creationId xmlns:a16="http://schemas.microsoft.com/office/drawing/2014/main" id="{2837BA16-4812-41C2-93BB-5614C4741100}"/>
              </a:ext>
            </a:extLst>
          </p:cNvPr>
          <p:cNvSpPr>
            <a:spLocks noGrp="1"/>
          </p:cNvSpPr>
          <p:nvPr>
            <p:ph type="title"/>
          </p:nvPr>
        </p:nvSpPr>
        <p:spPr/>
        <p:txBody>
          <a:bodyPr/>
          <a:lstStyle/>
          <a:p>
            <a:r>
              <a:rPr lang="da-DK" sz="2200" noProof="0" dirty="0"/>
              <a:t>Side 2/3 | </a:t>
            </a:r>
            <a:r>
              <a:rPr lang="da-DK" sz="2200" b="1" noProof="0" dirty="0"/>
              <a:t>Formål, baggrund og kontekst</a:t>
            </a:r>
          </a:p>
        </p:txBody>
      </p:sp>
      <p:sp>
        <p:nvSpPr>
          <p:cNvPr id="10" name="Rectangle: Rounded Corners 9">
            <a:extLst>
              <a:ext uri="{FF2B5EF4-FFF2-40B4-BE49-F238E27FC236}">
                <a16:creationId xmlns:a16="http://schemas.microsoft.com/office/drawing/2014/main" id="{FED8D115-B2F2-C4F4-5652-135586C4CAFB}"/>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Formål og strategi</a:t>
            </a:r>
          </a:p>
        </p:txBody>
      </p:sp>
      <p:sp>
        <p:nvSpPr>
          <p:cNvPr id="3" name="Rectangle 2">
            <a:extLst>
              <a:ext uri="{FF2B5EF4-FFF2-40B4-BE49-F238E27FC236}">
                <a16:creationId xmlns:a16="http://schemas.microsoft.com/office/drawing/2014/main" id="{D31ECABD-C77F-AF80-1B66-C8CBF12A3398}"/>
              </a:ext>
            </a:extLst>
          </p:cNvPr>
          <p:cNvSpPr/>
          <p:nvPr/>
        </p:nvSpPr>
        <p:spPr>
          <a:xfrm>
            <a:off x="560498" y="2040450"/>
            <a:ext cx="2969454" cy="42422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rIns="0"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Formål</a:t>
            </a:r>
          </a:p>
          <a:p>
            <a:r>
              <a:rPr lang="da-DK" sz="900" noProof="0">
                <a:solidFill>
                  <a:schemeClr val="tx1"/>
                </a:solidFill>
                <a:sym typeface="Wingdings" panose="05000000000000000000" pitchFamily="2" charset="2"/>
              </a:rPr>
              <a:t>Formålet med indsatsen er at sikre økonomisk og teknologisk handlefrihed. Kommunen ønsker at kunne træffe beslutninger om teknologi baseret på værdi og behov frem for leverandørbindinger.</a:t>
            </a:r>
          </a:p>
          <a:p>
            <a:endParaRPr lang="da-DK" sz="900" noProof="0">
              <a:solidFill>
                <a:schemeClr val="tx1"/>
              </a:solidFill>
              <a:sym typeface="Wingdings" panose="05000000000000000000" pitchFamily="2" charset="2"/>
            </a:endParaRPr>
          </a:p>
          <a:p>
            <a:r>
              <a:rPr lang="da-DK" sz="900" noProof="0">
                <a:solidFill>
                  <a:schemeClr val="tx1"/>
                </a:solidFill>
              </a:rPr>
              <a:t>Ambitionen er at opbygge en modulær it-arkitektur, hvor data og systemer kan udskiftes og integreres fleksibelt. Det indebærer en bevægelse mod:</a:t>
            </a:r>
          </a:p>
          <a:p>
            <a:pPr marL="171450" indent="-171450">
              <a:buFont typeface="Arial" panose="020B0604020202020204" pitchFamily="34" charset="0"/>
              <a:buChar char="•"/>
            </a:pPr>
            <a:r>
              <a:rPr lang="da-DK" sz="900" noProof="0">
                <a:solidFill>
                  <a:schemeClr val="tx1"/>
                </a:solidFill>
              </a:rPr>
              <a:t>Open source-software (OSS)</a:t>
            </a:r>
          </a:p>
          <a:p>
            <a:pPr marL="171450" indent="-171450">
              <a:buFont typeface="Arial" panose="020B0604020202020204" pitchFamily="34" charset="0"/>
              <a:buChar char="•"/>
            </a:pPr>
            <a:r>
              <a:rPr lang="da-DK" sz="900" noProof="0">
                <a:solidFill>
                  <a:schemeClr val="tx1"/>
                </a:solidFill>
              </a:rPr>
              <a:t>Europæiske cloud-leverandører og hybridmiljøer med flere alternativer</a:t>
            </a:r>
          </a:p>
          <a:p>
            <a:pPr marL="171450" indent="-171450">
              <a:buFont typeface="Arial" panose="020B0604020202020204" pitchFamily="34" charset="0"/>
              <a:buChar char="•"/>
            </a:pPr>
            <a:r>
              <a:rPr lang="da-DK" sz="900" noProof="0">
                <a:solidFill>
                  <a:schemeClr val="tx1"/>
                </a:solidFill>
              </a:rPr>
              <a:t>En </a:t>
            </a:r>
            <a:r>
              <a:rPr lang="da-DK" sz="900" noProof="0" err="1">
                <a:solidFill>
                  <a:schemeClr val="tx1"/>
                </a:solidFill>
              </a:rPr>
              <a:t>governance</a:t>
            </a:r>
            <a:r>
              <a:rPr lang="da-DK" sz="900" noProof="0">
                <a:solidFill>
                  <a:schemeClr val="tx1"/>
                </a:solidFill>
              </a:rPr>
              <a:t>-model, der sikrer gennemsigtighed og exit-planer ved indkøb af software</a:t>
            </a:r>
          </a:p>
          <a:p>
            <a:pPr indent="-171450">
              <a:buFont typeface="Arial" panose="020B0604020202020204" pitchFamily="34" charset="0"/>
              <a:buChar char="•"/>
            </a:pPr>
            <a:r>
              <a:rPr lang="da-DK" sz="900" noProof="0">
                <a:solidFill>
                  <a:schemeClr val="tx1"/>
                </a:solidFill>
              </a:rPr>
              <a:t>Tilpasning af udbudskrav og leverandørsamarbejde.</a:t>
            </a:r>
          </a:p>
          <a:p>
            <a:endParaRPr lang="da-DK" sz="900" noProof="0">
              <a:solidFill>
                <a:schemeClr val="tx1"/>
              </a:solidFill>
            </a:endParaRPr>
          </a:p>
          <a:p>
            <a:pPr lvl="0">
              <a:spcAft>
                <a:spcPts val="350"/>
              </a:spcAft>
              <a:defRPr/>
            </a:pPr>
            <a:r>
              <a:rPr lang="da-DK" sz="900" noProof="0">
                <a:solidFill>
                  <a:schemeClr val="tx1"/>
                </a:solidFill>
              </a:rPr>
              <a:t>Det samlede program for digital handlefrihed er organiseret i fire spor, jf. den illustrative oversigt til højre. </a:t>
            </a:r>
            <a:endParaRPr lang="da-DK" sz="900" noProof="0">
              <a:solidFill>
                <a:schemeClr val="tx1"/>
              </a:solidFill>
              <a:sym typeface="Wingdings" panose="05000000000000000000" pitchFamily="2" charset="2"/>
            </a:endParaRPr>
          </a:p>
          <a:p>
            <a:r>
              <a:rPr lang="da-DK" sz="900" b="1" noProof="0">
                <a:solidFill>
                  <a:srgbClr val="36465A"/>
                </a:solidFill>
                <a:sym typeface="Wingdings" panose="05000000000000000000" pitchFamily="2" charset="2"/>
              </a:rPr>
              <a:t>Strategisk ophæng</a:t>
            </a:r>
          </a:p>
          <a:p>
            <a:r>
              <a:rPr lang="da-DK" sz="900" noProof="0" dirty="0">
                <a:solidFill>
                  <a:schemeClr val="tx1"/>
                </a:solidFill>
                <a:sym typeface="Wingdings" panose="05000000000000000000" pitchFamily="2" charset="2"/>
              </a:rPr>
              <a:t>Visionen er forankret i en aftale i Aarhus Byråd, hvoraf det fremgår, at kommunen </a:t>
            </a:r>
            <a:r>
              <a:rPr lang="da-DK" sz="900" noProof="0" dirty="0">
                <a:solidFill>
                  <a:schemeClr val="tx1"/>
                </a:solidFill>
              </a:rPr>
              <a:t>afsætter 3 mio. kr. årligt i 2026-2029 til at nedbringe udgifterne til it-licenser på kontorpakkeløsninger mhp. at skabe mere frit valg af leverandører og mere omkostningsbevidst it. Målet er at flytte minimum 25% af licenserne til open source-løsninger inden 2030. Indsatserne forudsættes at give besparelser og effektiviseringer svarende til 5 mio. kr. i 2028 stigende til 7 mio. kr. årligt fra 2029 og frem.</a:t>
            </a:r>
            <a:r>
              <a:rPr lang="da-DK" sz="900" noProof="0" dirty="0">
                <a:solidFill>
                  <a:schemeClr val="tx1"/>
                </a:solidFill>
                <a:sym typeface="Wingdings" panose="05000000000000000000" pitchFamily="2" charset="2"/>
              </a:rPr>
              <a:t> </a:t>
            </a:r>
          </a:p>
          <a:p>
            <a:r>
              <a:rPr lang="da-DK" sz="900" noProof="0" dirty="0">
                <a:solidFill>
                  <a:schemeClr val="tx1"/>
                </a:solidFill>
                <a:sym typeface="Wingdings" panose="05000000000000000000" pitchFamily="2" charset="2"/>
              </a:rPr>
              <a:t>Digital handlefrihed er desuden et centralt element i kommunens digitaliseringsstrategi, ”</a:t>
            </a:r>
            <a:r>
              <a:rPr lang="da-DK" sz="900" i="1" noProof="0" dirty="0">
                <a:solidFill>
                  <a:schemeClr val="tx1"/>
                </a:solidFill>
                <a:sym typeface="Wingdings" panose="05000000000000000000" pitchFamily="2" charset="2"/>
              </a:rPr>
              <a:t>Værdiskabende Digitalisering 2025-2029”.</a:t>
            </a:r>
            <a:endParaRPr lang="da-DK" sz="900" noProof="0">
              <a:solidFill>
                <a:schemeClr val="tx1"/>
              </a:solidFill>
            </a:endParaRPr>
          </a:p>
          <a:p>
            <a:r>
              <a:rPr lang="da-DK" sz="900" b="1" noProof="0">
                <a:solidFill>
                  <a:schemeClr val="tx1"/>
                </a:solidFill>
              </a:rPr>
              <a:t> </a:t>
            </a:r>
          </a:p>
        </p:txBody>
      </p:sp>
      <p:sp>
        <p:nvSpPr>
          <p:cNvPr id="11" name="Rectangle: Rounded Corners 10">
            <a:extLst>
              <a:ext uri="{FF2B5EF4-FFF2-40B4-BE49-F238E27FC236}">
                <a16:creationId xmlns:a16="http://schemas.microsoft.com/office/drawing/2014/main" id="{97591C93-FB88-2A78-7CB0-A5DFFBA7DFCB}"/>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Baggrund og kontekst</a:t>
            </a:r>
          </a:p>
        </p:txBody>
      </p:sp>
      <p:sp>
        <p:nvSpPr>
          <p:cNvPr id="5" name="Rectangle 4">
            <a:extLst>
              <a:ext uri="{FF2B5EF4-FFF2-40B4-BE49-F238E27FC236}">
                <a16:creationId xmlns:a16="http://schemas.microsoft.com/office/drawing/2014/main" id="{686949C8-8582-A436-CCB9-440464FD35AB}"/>
              </a:ext>
            </a:extLst>
          </p:cNvPr>
          <p:cNvSpPr/>
          <p:nvPr/>
        </p:nvSpPr>
        <p:spPr>
          <a:xfrm>
            <a:off x="3565418" y="2040450"/>
            <a:ext cx="2985319" cy="42422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rPr>
              <a:t>Baggrund</a:t>
            </a:r>
          </a:p>
          <a:p>
            <a:r>
              <a:rPr lang="da-DK" sz="900" noProof="0">
                <a:solidFill>
                  <a:schemeClr val="tx1"/>
                </a:solidFill>
              </a:rPr>
              <a:t>Aarhus Kommune har oplevet stigende it-omkostninger og udfordringer med databehandleraftaler, herunder</a:t>
            </a:r>
          </a:p>
          <a:p>
            <a:r>
              <a:rPr lang="da-DK" sz="900" noProof="0">
                <a:solidFill>
                  <a:schemeClr val="tx1"/>
                </a:solidFill>
              </a:rPr>
              <a:t>ifm. Chromebook-sagen. Dette har skabt øget politisk</a:t>
            </a:r>
          </a:p>
          <a:p>
            <a:r>
              <a:rPr lang="da-DK" sz="900" noProof="0">
                <a:solidFill>
                  <a:schemeClr val="tx1"/>
                </a:solidFill>
              </a:rPr>
              <a:t>opmærksomhed på behovet for større kontrol over data</a:t>
            </a:r>
          </a:p>
          <a:p>
            <a:r>
              <a:rPr lang="da-DK" sz="900" noProof="0">
                <a:solidFill>
                  <a:schemeClr val="tx1"/>
                </a:solidFill>
              </a:rPr>
              <a:t>og reduceret afhængighed af enkelte leverandører.</a:t>
            </a:r>
          </a:p>
          <a:p>
            <a:endParaRPr lang="da-DK" sz="900" noProof="0">
              <a:solidFill>
                <a:schemeClr val="tx1"/>
              </a:solidFill>
            </a:endParaRPr>
          </a:p>
          <a:p>
            <a:r>
              <a:rPr lang="da-DK" sz="900" noProof="0">
                <a:solidFill>
                  <a:schemeClr val="tx1"/>
                </a:solidFill>
              </a:rPr>
              <a:t>Samtidig har den geopolitiske situation og EU’s arbejde</a:t>
            </a:r>
          </a:p>
          <a:p>
            <a:r>
              <a:rPr lang="da-DK" sz="900" noProof="0">
                <a:solidFill>
                  <a:schemeClr val="tx1"/>
                </a:solidFill>
              </a:rPr>
              <a:t>med suveræn cloud tydeliggjort, at offentlige</a:t>
            </a:r>
          </a:p>
          <a:p>
            <a:r>
              <a:rPr lang="da-DK" sz="900" noProof="0">
                <a:solidFill>
                  <a:schemeClr val="tx1"/>
                </a:solidFill>
              </a:rPr>
              <a:t>myndigheder skal have kontrol over, hvor data lagres,</a:t>
            </a:r>
          </a:p>
          <a:p>
            <a:r>
              <a:rPr lang="da-DK" sz="900" noProof="0">
                <a:solidFill>
                  <a:schemeClr val="tx1"/>
                </a:solidFill>
              </a:rPr>
              <a:t>og hvilke juridiske rammer, der gælder. Det har øget</a:t>
            </a:r>
          </a:p>
          <a:p>
            <a:r>
              <a:rPr lang="da-DK" sz="900" noProof="0">
                <a:solidFill>
                  <a:schemeClr val="tx1"/>
                </a:solidFill>
              </a:rPr>
              <a:t>behovet for løsninger, der reducerer afhængigheden af</a:t>
            </a:r>
          </a:p>
          <a:p>
            <a:r>
              <a:rPr lang="da-DK" sz="900" noProof="0">
                <a:solidFill>
                  <a:schemeClr val="tx1"/>
                </a:solidFill>
              </a:rPr>
              <a:t>globale leverandører og sikrer compliance.</a:t>
            </a:r>
          </a:p>
          <a:p>
            <a:endParaRPr lang="da-DK" sz="900" noProof="0">
              <a:solidFill>
                <a:schemeClr val="tx1"/>
              </a:solidFill>
            </a:endParaRPr>
          </a:p>
          <a:p>
            <a:r>
              <a:rPr lang="da-DK" sz="900" b="1" noProof="0">
                <a:solidFill>
                  <a:srgbClr val="36465A"/>
                </a:solidFill>
              </a:rPr>
              <a:t>Kontekst</a:t>
            </a:r>
          </a:p>
          <a:p>
            <a:r>
              <a:rPr lang="da-DK" sz="900" noProof="0">
                <a:solidFill>
                  <a:schemeClr val="tx1"/>
                </a:solidFill>
              </a:rPr>
              <a:t>Aarhus Kommune ser digital handlefrihed som en</a:t>
            </a:r>
          </a:p>
          <a:p>
            <a:r>
              <a:rPr lang="da-DK" sz="900" noProof="0">
                <a:solidFill>
                  <a:schemeClr val="tx1"/>
                </a:solidFill>
              </a:rPr>
              <a:t>strategisk nødvendighed. Indsatsen er ikke et fravalg af</a:t>
            </a:r>
          </a:p>
          <a:p>
            <a:r>
              <a:rPr lang="da-DK" sz="900" noProof="0">
                <a:solidFill>
                  <a:schemeClr val="tx1"/>
                </a:solidFill>
              </a:rPr>
              <a:t>amerikansk teknologi, men et forsøg på at sikre</a:t>
            </a:r>
          </a:p>
          <a:p>
            <a:r>
              <a:rPr lang="da-DK" sz="900" noProof="0">
                <a:solidFill>
                  <a:schemeClr val="tx1"/>
                </a:solidFill>
              </a:rPr>
              <a:t>fleksibilitet og robusthed. Kommunen ønsker at kunne</a:t>
            </a:r>
          </a:p>
          <a:p>
            <a:r>
              <a:rPr lang="da-DK" sz="900" noProof="0">
                <a:solidFill>
                  <a:schemeClr val="tx1"/>
                </a:solidFill>
              </a:rPr>
              <a:t>vælge de bedste løsninger, uanset om de er</a:t>
            </a:r>
          </a:p>
          <a:p>
            <a:r>
              <a:rPr lang="da-DK" sz="900" noProof="0">
                <a:solidFill>
                  <a:schemeClr val="tx1"/>
                </a:solidFill>
              </a:rPr>
              <a:t>kommercielle eller open source, og at reducere</a:t>
            </a:r>
          </a:p>
          <a:p>
            <a:r>
              <a:rPr lang="da-DK" sz="900" noProof="0">
                <a:solidFill>
                  <a:schemeClr val="tx1"/>
                </a:solidFill>
              </a:rPr>
              <a:t>bindinger, hvor det er muligt.</a:t>
            </a:r>
          </a:p>
          <a:p>
            <a:endParaRPr lang="da-DK" sz="900" noProof="0">
              <a:solidFill>
                <a:schemeClr val="tx1"/>
              </a:solidFill>
            </a:endParaRPr>
          </a:p>
          <a:p>
            <a:r>
              <a:rPr lang="da-DK" sz="900" noProof="0">
                <a:solidFill>
                  <a:schemeClr val="tx1"/>
                </a:solidFill>
              </a:rPr>
              <a:t>Indsatsen skal samtidig ses i en kontekst af en række</a:t>
            </a:r>
          </a:p>
          <a:p>
            <a:r>
              <a:rPr lang="da-DK" sz="900" noProof="0">
                <a:solidFill>
                  <a:schemeClr val="tx1"/>
                </a:solidFill>
              </a:rPr>
              <a:t>konkrete udfordringer:</a:t>
            </a:r>
          </a:p>
          <a:p>
            <a:pPr marL="171450" indent="-171450">
              <a:buFont typeface="Arial" panose="020B0604020202020204" pitchFamily="34" charset="0"/>
              <a:buChar char="•"/>
            </a:pPr>
            <a:r>
              <a:rPr lang="da-DK" sz="900" noProof="0">
                <a:solidFill>
                  <a:schemeClr val="tx1"/>
                </a:solidFill>
              </a:rPr>
              <a:t>Behov for opbygning af kompetencer inden for open source og hybridmiljøer</a:t>
            </a:r>
          </a:p>
          <a:p>
            <a:pPr marL="171450" indent="-171450">
              <a:buFont typeface="Arial" panose="020B0604020202020204" pitchFamily="34" charset="0"/>
              <a:buChar char="•"/>
            </a:pPr>
            <a:r>
              <a:rPr lang="da-DK" sz="900" noProof="0">
                <a:solidFill>
                  <a:schemeClr val="tx1"/>
                </a:solidFill>
              </a:rPr>
              <a:t>Ressourcepres på support og arkitektur</a:t>
            </a:r>
          </a:p>
          <a:p>
            <a:pPr marL="171450" indent="-171450">
              <a:buFont typeface="Arial" panose="020B0604020202020204" pitchFamily="34" charset="0"/>
              <a:buChar char="•"/>
            </a:pPr>
            <a:r>
              <a:rPr lang="da-DK" sz="900" noProof="0">
                <a:solidFill>
                  <a:schemeClr val="tx1"/>
                </a:solidFill>
              </a:rPr>
              <a:t>Udbudsretlige krav og leverandørmarkedets modenhed.</a:t>
            </a:r>
            <a:endParaRPr lang="da-DK" sz="900" noProof="0">
              <a:solidFill>
                <a:schemeClr val="tx1"/>
              </a:solidFill>
              <a:sym typeface="Wingdings" panose="05000000000000000000" pitchFamily="2" charset="2"/>
            </a:endParaRPr>
          </a:p>
        </p:txBody>
      </p:sp>
      <p:sp>
        <p:nvSpPr>
          <p:cNvPr id="7" name="Rectangle 6">
            <a:extLst>
              <a:ext uri="{FF2B5EF4-FFF2-40B4-BE49-F238E27FC236}">
                <a16:creationId xmlns:a16="http://schemas.microsoft.com/office/drawing/2014/main" id="{C446C628-134E-31FF-55BE-B861F8A652AA}"/>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54537A77-210E-8464-9AFE-8ED6ADA8C44A}"/>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125C649-BB13-9930-3342-F94357D44CA1}"/>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51B0BD68-AA07-A222-EAB0-C7BCECC50E7C}"/>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F3891991-2CAA-2477-3908-E64B3143C8EB}"/>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4" name="Freeform 16">
            <a:extLst>
              <a:ext uri="{FF2B5EF4-FFF2-40B4-BE49-F238E27FC236}">
                <a16:creationId xmlns:a16="http://schemas.microsoft.com/office/drawing/2014/main" id="{CDE82E37-E7BC-7DE9-D6E9-0A2C729FF1B5}"/>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34">
            <a:extLst>
              <a:ext uri="{FF2B5EF4-FFF2-40B4-BE49-F238E27FC236}">
                <a16:creationId xmlns:a16="http://schemas.microsoft.com/office/drawing/2014/main" id="{223AC331-7E9A-E388-98BD-14ABFAF902BE}"/>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9" name="TextBox 10">
            <a:extLst>
              <a:ext uri="{FF2B5EF4-FFF2-40B4-BE49-F238E27FC236}">
                <a16:creationId xmlns:a16="http://schemas.microsoft.com/office/drawing/2014/main" id="{B36A79E5-E756-5D6A-FADE-BF274BD640C3}"/>
              </a:ext>
            </a:extLst>
          </p:cNvPr>
          <p:cNvSpPr txBox="1">
            <a:spLocks/>
          </p:cNvSpPr>
          <p:nvPr/>
        </p:nvSpPr>
        <p:spPr>
          <a:xfrm>
            <a:off x="6728049" y="1760112"/>
            <a:ext cx="5006751" cy="338554"/>
          </a:xfrm>
          <a:prstGeom prst="rect">
            <a:avLst/>
          </a:prstGeom>
          <a:noFill/>
        </p:spPr>
        <p:txBody>
          <a:bodyPr wrap="square" lIns="0" tIns="0" rIns="0" bIns="0" rtlCol="0" anchor="ctr">
            <a:spAutoFit/>
          </a:bodyPr>
          <a:lstStyle/>
          <a:p>
            <a:pPr rtl="0">
              <a:defRPr/>
            </a:pPr>
            <a:r>
              <a:rPr lang="da-DK" sz="1100" b="1" noProof="0">
                <a:solidFill>
                  <a:srgbClr val="024D78"/>
                </a:solidFill>
              </a:rPr>
              <a:t>Aarhus Kommunes indsats er organiseret i fire spor, der tilsammen skal sikre, at kommunen opnår øget digital handlefrihed</a:t>
            </a:r>
            <a:endParaRPr lang="da-DK" sz="1100" noProof="0">
              <a:solidFill>
                <a:srgbClr val="024D78"/>
              </a:solidFill>
            </a:endParaRPr>
          </a:p>
        </p:txBody>
      </p:sp>
      <p:sp>
        <p:nvSpPr>
          <p:cNvPr id="13" name="Rektangel: afrundede hjørner 43">
            <a:extLst>
              <a:ext uri="{FF2B5EF4-FFF2-40B4-BE49-F238E27FC236}">
                <a16:creationId xmlns:a16="http://schemas.microsoft.com/office/drawing/2014/main" id="{0624FEEF-21F4-9B56-4993-6343AB6FE9A9}"/>
              </a:ext>
              <a:ext uri="{C183D7F6-B498-43B3-948B-1728B52AA6E4}">
                <adec:decorative xmlns:adec="http://schemas.microsoft.com/office/drawing/2017/decorative" val="1"/>
              </a:ext>
            </a:extLst>
          </p:cNvPr>
          <p:cNvSpPr>
            <a:spLocks/>
          </p:cNvSpPr>
          <p:nvPr/>
        </p:nvSpPr>
        <p:spPr>
          <a:xfrm>
            <a:off x="6800042" y="5331030"/>
            <a:ext cx="5006752" cy="573314"/>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pic>
        <p:nvPicPr>
          <p:cNvPr id="19" name="Grafik 51">
            <a:extLst>
              <a:ext uri="{FF2B5EF4-FFF2-40B4-BE49-F238E27FC236}">
                <a16:creationId xmlns:a16="http://schemas.microsoft.com/office/drawing/2014/main" id="{A9217A1B-A550-351B-826E-7AF35C37119E}"/>
              </a:ext>
              <a:ext uri="{C183D7F6-B498-43B3-948B-1728B52AA6E4}">
                <adec:decorative xmlns:adec="http://schemas.microsoft.com/office/drawing/2017/decorative" val="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860729" y="5357576"/>
            <a:ext cx="520222" cy="520222"/>
          </a:xfrm>
          <a:prstGeom prst="rect">
            <a:avLst/>
          </a:prstGeom>
        </p:spPr>
      </p:pic>
      <p:sp>
        <p:nvSpPr>
          <p:cNvPr id="20" name="Rektangel: afrundede hjørner 42">
            <a:extLst>
              <a:ext uri="{FF2B5EF4-FFF2-40B4-BE49-F238E27FC236}">
                <a16:creationId xmlns:a16="http://schemas.microsoft.com/office/drawing/2014/main" id="{80C4DEFC-8EDC-045B-28B8-B27C060CBF2B}"/>
              </a:ext>
              <a:ext uri="{C183D7F6-B498-43B3-948B-1728B52AA6E4}">
                <adec:decorative xmlns:adec="http://schemas.microsoft.com/office/drawing/2017/decorative" val="1"/>
              </a:ext>
            </a:extLst>
          </p:cNvPr>
          <p:cNvSpPr>
            <a:spLocks/>
          </p:cNvSpPr>
          <p:nvPr/>
        </p:nvSpPr>
        <p:spPr>
          <a:xfrm>
            <a:off x="6800042" y="4517811"/>
            <a:ext cx="5006752" cy="573314"/>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pic>
        <p:nvPicPr>
          <p:cNvPr id="22" name="Grafik 53">
            <a:extLst>
              <a:ext uri="{FF2B5EF4-FFF2-40B4-BE49-F238E27FC236}">
                <a16:creationId xmlns:a16="http://schemas.microsoft.com/office/drawing/2014/main" id="{11BF7B19-9903-0B39-F0AF-AABBDF973CC6}"/>
              </a:ext>
              <a:ext uri="{C183D7F6-B498-43B3-948B-1728B52AA6E4}">
                <adec:decorative xmlns:adec="http://schemas.microsoft.com/office/drawing/2017/decorative" val="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860729" y="4544357"/>
            <a:ext cx="520222" cy="520222"/>
          </a:xfrm>
          <a:prstGeom prst="rect">
            <a:avLst/>
          </a:prstGeom>
        </p:spPr>
      </p:pic>
      <p:sp>
        <p:nvSpPr>
          <p:cNvPr id="23" name="Rektangel: afrundede hjørner 41">
            <a:extLst>
              <a:ext uri="{FF2B5EF4-FFF2-40B4-BE49-F238E27FC236}">
                <a16:creationId xmlns:a16="http://schemas.microsoft.com/office/drawing/2014/main" id="{169B13A7-BE55-B7F7-561D-0875849225E0}"/>
              </a:ext>
              <a:ext uri="{C183D7F6-B498-43B3-948B-1728B52AA6E4}">
                <adec:decorative xmlns:adec="http://schemas.microsoft.com/office/drawing/2017/decorative" val="1"/>
              </a:ext>
            </a:extLst>
          </p:cNvPr>
          <p:cNvSpPr>
            <a:spLocks/>
          </p:cNvSpPr>
          <p:nvPr/>
        </p:nvSpPr>
        <p:spPr>
          <a:xfrm>
            <a:off x="6800042" y="3704593"/>
            <a:ext cx="5006752" cy="573314"/>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pic>
        <p:nvPicPr>
          <p:cNvPr id="25" name="Grafik 55">
            <a:extLst>
              <a:ext uri="{FF2B5EF4-FFF2-40B4-BE49-F238E27FC236}">
                <a16:creationId xmlns:a16="http://schemas.microsoft.com/office/drawing/2014/main" id="{28E41714-449A-F31E-3B1B-84C1C195D792}"/>
              </a:ext>
              <a:ext uri="{C183D7F6-B498-43B3-948B-1728B52AA6E4}">
                <adec:decorative xmlns:adec="http://schemas.microsoft.com/office/drawing/2017/decorative" val="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6860729" y="3731139"/>
            <a:ext cx="520222" cy="520222"/>
          </a:xfrm>
          <a:prstGeom prst="rect">
            <a:avLst/>
          </a:prstGeom>
        </p:spPr>
      </p:pic>
      <p:sp>
        <p:nvSpPr>
          <p:cNvPr id="26" name="Rektangel: afrundede hjørner 22">
            <a:extLst>
              <a:ext uri="{FF2B5EF4-FFF2-40B4-BE49-F238E27FC236}">
                <a16:creationId xmlns:a16="http://schemas.microsoft.com/office/drawing/2014/main" id="{2279D7F1-F76D-3AEE-18BA-4EA365D19273}"/>
              </a:ext>
              <a:ext uri="{C183D7F6-B498-43B3-948B-1728B52AA6E4}">
                <adec:decorative xmlns:adec="http://schemas.microsoft.com/office/drawing/2017/decorative" val="1"/>
              </a:ext>
            </a:extLst>
          </p:cNvPr>
          <p:cNvSpPr>
            <a:spLocks/>
          </p:cNvSpPr>
          <p:nvPr/>
        </p:nvSpPr>
        <p:spPr>
          <a:xfrm>
            <a:off x="6800042" y="2891375"/>
            <a:ext cx="5006752" cy="573314"/>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pic>
        <p:nvPicPr>
          <p:cNvPr id="28" name="Grafik 57">
            <a:extLst>
              <a:ext uri="{FF2B5EF4-FFF2-40B4-BE49-F238E27FC236}">
                <a16:creationId xmlns:a16="http://schemas.microsoft.com/office/drawing/2014/main" id="{11B93DDD-8092-6498-C87B-C3A88046CF96}"/>
              </a:ext>
              <a:ext uri="{C183D7F6-B498-43B3-948B-1728B52AA6E4}">
                <adec:decorative xmlns:adec="http://schemas.microsoft.com/office/drawing/2017/decorative" val="1"/>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6860729" y="2917921"/>
            <a:ext cx="520222" cy="520222"/>
          </a:xfrm>
          <a:prstGeom prst="rect">
            <a:avLst/>
          </a:prstGeom>
        </p:spPr>
      </p:pic>
      <p:grpSp>
        <p:nvGrpSpPr>
          <p:cNvPr id="41" name="Group 40">
            <a:extLst>
              <a:ext uri="{FF2B5EF4-FFF2-40B4-BE49-F238E27FC236}">
                <a16:creationId xmlns:a16="http://schemas.microsoft.com/office/drawing/2014/main" id="{48BEEC8F-D3D7-DD47-881B-0A3EFA205BFE}"/>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42" name="Rectangle 41">
              <a:extLst>
                <a:ext uri="{FF2B5EF4-FFF2-40B4-BE49-F238E27FC236}">
                  <a16:creationId xmlns:a16="http://schemas.microsoft.com/office/drawing/2014/main" id="{75B7403E-4B38-BB39-EB47-91E1ABC8CD2F}"/>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3" name="Rectangle 42">
              <a:extLst>
                <a:ext uri="{FF2B5EF4-FFF2-40B4-BE49-F238E27FC236}">
                  <a16:creationId xmlns:a16="http://schemas.microsoft.com/office/drawing/2014/main" id="{3A752C73-1A50-E35D-FF25-A01BE58459F8}"/>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27" name="TextBox 10">
            <a:extLst>
              <a:ext uri="{FF2B5EF4-FFF2-40B4-BE49-F238E27FC236}">
                <a16:creationId xmlns:a16="http://schemas.microsoft.com/office/drawing/2014/main" id="{0EB6396C-763D-7E3F-6C9F-BF9F67593686}"/>
              </a:ext>
              <a:ext uri="{C183D7F6-B498-43B3-948B-1728B52AA6E4}">
                <adec:decorative xmlns:adec="http://schemas.microsoft.com/office/drawing/2017/decorative" val="0"/>
              </a:ext>
            </a:extLst>
          </p:cNvPr>
          <p:cNvSpPr txBox="1">
            <a:spLocks/>
          </p:cNvSpPr>
          <p:nvPr/>
        </p:nvSpPr>
        <p:spPr>
          <a:xfrm>
            <a:off x="7640865" y="3093394"/>
            <a:ext cx="4093935" cy="169277"/>
          </a:xfrm>
          <a:prstGeom prst="rect">
            <a:avLst/>
          </a:prstGeom>
          <a:noFill/>
        </p:spPr>
        <p:txBody>
          <a:bodyPr wrap="square" lIns="0" tIns="0" rIns="0" bIns="0" rtlCol="0" anchor="ctr">
            <a:spAutoFit/>
          </a:bodyPr>
          <a:lstStyle/>
          <a:p>
            <a:pPr rtl="0">
              <a:defRPr/>
            </a:pPr>
            <a:r>
              <a:rPr lang="da-DK" sz="1100" b="1" noProof="0" dirty="0">
                <a:solidFill>
                  <a:srgbClr val="024D78"/>
                </a:solidFill>
              </a:rPr>
              <a:t>01 | </a:t>
            </a:r>
            <a:r>
              <a:rPr lang="da-DK" sz="1100" noProof="0" dirty="0">
                <a:solidFill>
                  <a:srgbClr val="024D78"/>
                </a:solidFill>
              </a:rPr>
              <a:t>Udarbejdelse af exit-planer og styrket </a:t>
            </a:r>
            <a:r>
              <a:rPr lang="da-DK" sz="1100" noProof="0" dirty="0" err="1">
                <a:solidFill>
                  <a:srgbClr val="024D78"/>
                </a:solidFill>
              </a:rPr>
              <a:t>governance</a:t>
            </a:r>
            <a:endParaRPr lang="da-DK" sz="1100" noProof="0" dirty="0">
              <a:solidFill>
                <a:srgbClr val="024D78"/>
              </a:solidFill>
            </a:endParaRPr>
          </a:p>
        </p:txBody>
      </p:sp>
      <p:sp>
        <p:nvSpPr>
          <p:cNvPr id="24" name="TextBox 10">
            <a:extLst>
              <a:ext uri="{FF2B5EF4-FFF2-40B4-BE49-F238E27FC236}">
                <a16:creationId xmlns:a16="http://schemas.microsoft.com/office/drawing/2014/main" id="{E451E37D-3F3D-5C2D-C6FD-93E2CCE18F96}"/>
              </a:ext>
              <a:ext uri="{C183D7F6-B498-43B3-948B-1728B52AA6E4}">
                <adec:decorative xmlns:adec="http://schemas.microsoft.com/office/drawing/2017/decorative" val="0"/>
              </a:ext>
            </a:extLst>
          </p:cNvPr>
          <p:cNvSpPr txBox="1">
            <a:spLocks/>
          </p:cNvSpPr>
          <p:nvPr/>
        </p:nvSpPr>
        <p:spPr>
          <a:xfrm>
            <a:off x="7640865" y="3906612"/>
            <a:ext cx="4093935" cy="169277"/>
          </a:xfrm>
          <a:prstGeom prst="rect">
            <a:avLst/>
          </a:prstGeom>
          <a:noFill/>
        </p:spPr>
        <p:txBody>
          <a:bodyPr wrap="square" lIns="0" tIns="0" rIns="0" bIns="0" rtlCol="0" anchor="ctr">
            <a:spAutoFit/>
          </a:bodyPr>
          <a:lstStyle/>
          <a:p>
            <a:pPr>
              <a:defRPr/>
            </a:pPr>
            <a:r>
              <a:rPr lang="da-DK" sz="1100" b="1" noProof="0" dirty="0">
                <a:solidFill>
                  <a:srgbClr val="024D78"/>
                </a:solidFill>
              </a:rPr>
              <a:t>02 | </a:t>
            </a:r>
            <a:r>
              <a:rPr lang="da-DK" sz="1100" noProof="0" dirty="0">
                <a:solidFill>
                  <a:srgbClr val="024D78"/>
                </a:solidFill>
              </a:rPr>
              <a:t>Tilpasning af udbudskrav og leverandørsamarbejde</a:t>
            </a:r>
          </a:p>
        </p:txBody>
      </p:sp>
      <p:sp>
        <p:nvSpPr>
          <p:cNvPr id="21" name="TextBox 10">
            <a:extLst>
              <a:ext uri="{FF2B5EF4-FFF2-40B4-BE49-F238E27FC236}">
                <a16:creationId xmlns:a16="http://schemas.microsoft.com/office/drawing/2014/main" id="{AE88BDC9-254D-50E7-7F6F-3BBB93B3D831}"/>
              </a:ext>
              <a:ext uri="{C183D7F6-B498-43B3-948B-1728B52AA6E4}">
                <adec:decorative xmlns:adec="http://schemas.microsoft.com/office/drawing/2017/decorative" val="0"/>
              </a:ext>
            </a:extLst>
          </p:cNvPr>
          <p:cNvSpPr txBox="1">
            <a:spLocks/>
          </p:cNvSpPr>
          <p:nvPr/>
        </p:nvSpPr>
        <p:spPr>
          <a:xfrm>
            <a:off x="7640865" y="4719830"/>
            <a:ext cx="4093935" cy="169277"/>
          </a:xfrm>
          <a:prstGeom prst="rect">
            <a:avLst/>
          </a:prstGeom>
          <a:noFill/>
        </p:spPr>
        <p:txBody>
          <a:bodyPr wrap="square" lIns="0" tIns="0" rIns="0" bIns="0" rtlCol="0" anchor="ctr">
            <a:spAutoFit/>
          </a:bodyPr>
          <a:lstStyle/>
          <a:p>
            <a:pPr>
              <a:defRPr/>
            </a:pPr>
            <a:r>
              <a:rPr lang="da-DK" sz="1100" b="1" noProof="0" dirty="0">
                <a:solidFill>
                  <a:srgbClr val="024D78"/>
                </a:solidFill>
              </a:rPr>
              <a:t>03 | </a:t>
            </a:r>
            <a:r>
              <a:rPr lang="da-DK" sz="1100" noProof="0" dirty="0">
                <a:solidFill>
                  <a:srgbClr val="024D78"/>
                </a:solidFill>
              </a:rPr>
              <a:t>Implementering af en open source-kontorpakke</a:t>
            </a:r>
          </a:p>
        </p:txBody>
      </p:sp>
      <p:sp>
        <p:nvSpPr>
          <p:cNvPr id="18" name="TextBox 10">
            <a:extLst>
              <a:ext uri="{FF2B5EF4-FFF2-40B4-BE49-F238E27FC236}">
                <a16:creationId xmlns:a16="http://schemas.microsoft.com/office/drawing/2014/main" id="{525F91DD-ED27-1737-5358-7DB8C24977D1}"/>
              </a:ext>
              <a:ext uri="{C183D7F6-B498-43B3-948B-1728B52AA6E4}">
                <adec:decorative xmlns:adec="http://schemas.microsoft.com/office/drawing/2017/decorative" val="0"/>
              </a:ext>
            </a:extLst>
          </p:cNvPr>
          <p:cNvSpPr txBox="1">
            <a:spLocks/>
          </p:cNvSpPr>
          <p:nvPr/>
        </p:nvSpPr>
        <p:spPr>
          <a:xfrm>
            <a:off x="7640865" y="5448410"/>
            <a:ext cx="4093935" cy="338554"/>
          </a:xfrm>
          <a:prstGeom prst="rect">
            <a:avLst/>
          </a:prstGeom>
          <a:noFill/>
        </p:spPr>
        <p:txBody>
          <a:bodyPr wrap="square" lIns="0" tIns="0" rIns="0" bIns="0" rtlCol="0" anchor="ctr">
            <a:spAutoFit/>
          </a:bodyPr>
          <a:lstStyle/>
          <a:p>
            <a:pPr>
              <a:defRPr/>
            </a:pPr>
            <a:r>
              <a:rPr lang="da-DK" sz="1100" b="1" noProof="0" dirty="0">
                <a:solidFill>
                  <a:srgbClr val="024D78"/>
                </a:solidFill>
              </a:rPr>
              <a:t>04 | </a:t>
            </a:r>
            <a:r>
              <a:rPr lang="da-DK" sz="1100" noProof="0" dirty="0">
                <a:solidFill>
                  <a:srgbClr val="024D78"/>
                </a:solidFill>
              </a:rPr>
              <a:t>Revurdering af cloud-strategien med fokus på europæiske løsninger og in-house redundans</a:t>
            </a:r>
          </a:p>
        </p:txBody>
      </p:sp>
    </p:spTree>
    <p:extLst>
      <p:ext uri="{BB962C8B-B14F-4D97-AF65-F5344CB8AC3E}">
        <p14:creationId xmlns:p14="http://schemas.microsoft.com/office/powerpoint/2010/main" val="817712059"/>
      </p:ext>
    </p:extLst>
  </p:cSld>
  <p:clrMapOvr>
    <a:masterClrMapping/>
  </p:clrMapOvr>
  <p:transition>
    <p:fade/>
  </p:transition>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D8B4B9-D95D-96FC-3C7D-A9A358BD7734}"/>
            </a:ext>
          </a:extLst>
        </p:cNvPr>
        <p:cNvGrpSpPr/>
        <p:nvPr/>
      </p:nvGrpSpPr>
      <p:grpSpPr>
        <a:xfrm>
          <a:off x="0" y="0"/>
          <a:ext cx="0" cy="0"/>
          <a:chOff x="0" y="0"/>
          <a:chExt cx="0" cy="0"/>
        </a:xfrm>
      </p:grpSpPr>
      <p:sp>
        <p:nvSpPr>
          <p:cNvPr id="143" name="Rectangle: Rounded Corners 142">
            <a:extLst>
              <a:ext uri="{FF2B5EF4-FFF2-40B4-BE49-F238E27FC236}">
                <a16:creationId xmlns:a16="http://schemas.microsoft.com/office/drawing/2014/main" id="{63FEADA2-014C-4E7B-BA92-8D2A4998D9F0}"/>
              </a:ext>
            </a:extLst>
          </p:cNvPr>
          <p:cNvSpPr/>
          <p:nvPr/>
        </p:nvSpPr>
        <p:spPr>
          <a:xfrm>
            <a:off x="169304" y="11734"/>
            <a:ext cx="5928283"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0 | Digital handlefrihed i Aarhus Kommune</a:t>
            </a:r>
          </a:p>
        </p:txBody>
      </p:sp>
      <p:pic>
        <p:nvPicPr>
          <p:cNvPr id="217" name="Picture 2">
            <a:extLst>
              <a:ext uri="{FF2B5EF4-FFF2-40B4-BE49-F238E27FC236}">
                <a16:creationId xmlns:a16="http://schemas.microsoft.com/office/drawing/2014/main" id="{85119B7A-2268-1EE7-751E-118E0422D966}"/>
              </a:ext>
              <a:ext uri="{C183D7F6-B498-43B3-948B-1728B52AA6E4}">
                <adec:decorative xmlns:adec="http://schemas.microsoft.com/office/drawing/2017/decorative" val="1"/>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0007612" y="219635"/>
            <a:ext cx="2016000" cy="1028730"/>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690D01DF-7930-8560-770F-A2583710B81C}"/>
              </a:ext>
            </a:extLst>
          </p:cNvPr>
          <p:cNvSpPr>
            <a:spLocks noGrp="1"/>
          </p:cNvSpPr>
          <p:nvPr>
            <p:ph type="title"/>
          </p:nvPr>
        </p:nvSpPr>
        <p:spPr/>
        <p:txBody>
          <a:bodyPr/>
          <a:lstStyle/>
          <a:p>
            <a:r>
              <a:rPr lang="da-DK" sz="2200" noProof="0" dirty="0"/>
              <a:t>Side 3/3 | </a:t>
            </a:r>
            <a:r>
              <a:rPr lang="da-DK" sz="2200" b="1" noProof="0" dirty="0"/>
              <a:t>Teknologisk og organisatorisk transformation</a:t>
            </a:r>
          </a:p>
        </p:txBody>
      </p:sp>
      <p:sp>
        <p:nvSpPr>
          <p:cNvPr id="10" name="Rectangle: Rounded Corners 9">
            <a:extLst>
              <a:ext uri="{FF2B5EF4-FFF2-40B4-BE49-F238E27FC236}">
                <a16:creationId xmlns:a16="http://schemas.microsoft.com/office/drawing/2014/main" id="{756E1541-55B5-F66D-86CE-8045B02084BA}"/>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Teknologisk transformation</a:t>
            </a:r>
          </a:p>
        </p:txBody>
      </p:sp>
      <p:sp>
        <p:nvSpPr>
          <p:cNvPr id="3" name="Rectangle 2">
            <a:extLst>
              <a:ext uri="{FF2B5EF4-FFF2-40B4-BE49-F238E27FC236}">
                <a16:creationId xmlns:a16="http://schemas.microsoft.com/office/drawing/2014/main" id="{55BFE374-C7C7-4942-F881-AEE77D93BB24}"/>
              </a:ext>
            </a:extLst>
          </p:cNvPr>
          <p:cNvSpPr/>
          <p:nvPr/>
        </p:nvSpPr>
        <p:spPr>
          <a:xfrm>
            <a:off x="560498" y="2069025"/>
            <a:ext cx="2940490" cy="328109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50"/>
              </a:spcAft>
            </a:pPr>
            <a:r>
              <a:rPr lang="da-DK" sz="900" b="1" noProof="0">
                <a:solidFill>
                  <a:srgbClr val="36465A"/>
                </a:solidFill>
              </a:rPr>
              <a:t>Teknologisk målbillede</a:t>
            </a:r>
            <a:br>
              <a:rPr lang="da-DK" sz="900" b="1" noProof="0">
                <a:solidFill>
                  <a:schemeClr val="tx1"/>
                </a:solidFill>
              </a:rPr>
            </a:br>
            <a:r>
              <a:rPr lang="da-DK" sz="900" noProof="0">
                <a:solidFill>
                  <a:schemeClr val="tx1"/>
                </a:solidFill>
              </a:rPr>
              <a:t>Det teknologiske målbillede er et hybridmiljø, hvor open source-kontorpakker og europæiske cloud og modulær arkitektur spiller sammen med eksisterende løsninger.</a:t>
            </a:r>
          </a:p>
          <a:p>
            <a:pPr>
              <a:spcAft>
                <a:spcPts val="350"/>
              </a:spcAft>
            </a:pPr>
            <a:r>
              <a:rPr lang="da-DK" sz="900" noProof="0">
                <a:solidFill>
                  <a:schemeClr val="tx1"/>
                </a:solidFill>
              </a:rPr>
              <a:t>Mht. kontorpakker arbejder Aarhus Kommune tæt sammen med OS2 om at skabe alternativer, herunder</a:t>
            </a:r>
          </a:p>
          <a:p>
            <a:pPr marL="171450" indent="-171450">
              <a:spcAft>
                <a:spcPts val="350"/>
              </a:spcAft>
              <a:buFont typeface="Arial" panose="020B0604020202020204" pitchFamily="34" charset="0"/>
              <a:buChar char="•"/>
            </a:pPr>
            <a:r>
              <a:rPr lang="da-DK" sz="900" noProof="0">
                <a:solidFill>
                  <a:schemeClr val="tx1"/>
                </a:solidFill>
              </a:rPr>
              <a:t>OS2skole som erstatning for Google og MS Education </a:t>
            </a:r>
          </a:p>
          <a:p>
            <a:pPr marL="171450" indent="-171450">
              <a:spcAft>
                <a:spcPts val="350"/>
              </a:spcAft>
              <a:buFont typeface="Arial" panose="020B0604020202020204" pitchFamily="34" charset="0"/>
              <a:buChar char="•"/>
            </a:pPr>
            <a:r>
              <a:rPr lang="da-DK" sz="900" noProof="0">
                <a:solidFill>
                  <a:schemeClr val="tx1"/>
                </a:solidFill>
              </a:rPr>
              <a:t>OS2borger som erstatning for OS2borgerPC + andre borgervendte </a:t>
            </a:r>
            <a:r>
              <a:rPr lang="da-DK" sz="900" noProof="0" err="1">
                <a:solidFill>
                  <a:schemeClr val="tx1"/>
                </a:solidFill>
              </a:rPr>
              <a:t>PC’er</a:t>
            </a:r>
            <a:r>
              <a:rPr lang="da-DK" sz="900" noProof="0" dirty="0" err="1">
                <a:solidFill>
                  <a:schemeClr val="tx1"/>
                </a:solidFill>
              </a:rPr>
              <a:t>e</a:t>
            </a:r>
            <a:endParaRPr lang="da-DK" sz="900" noProof="0">
              <a:solidFill>
                <a:schemeClr val="tx1"/>
              </a:solidFill>
            </a:endParaRPr>
          </a:p>
          <a:p>
            <a:pPr marL="171450" indent="-171450">
              <a:spcAft>
                <a:spcPts val="350"/>
              </a:spcAft>
              <a:buFont typeface="Arial" panose="020B0604020202020204" pitchFamily="34" charset="0"/>
              <a:buChar char="•"/>
            </a:pPr>
            <a:r>
              <a:rPr lang="da-DK" sz="900" noProof="0">
                <a:solidFill>
                  <a:schemeClr val="tx1"/>
                </a:solidFill>
              </a:rPr>
              <a:t>OS2adm som administrativ platform til offentligt ansatte medarbejdere</a:t>
            </a:r>
            <a:r>
              <a:rPr lang="da-DK" sz="900" b="1" noProof="0">
                <a:solidFill>
                  <a:schemeClr val="tx1"/>
                </a:solidFill>
                <a:sym typeface="Wingdings" panose="05000000000000000000" pitchFamily="2" charset="2"/>
              </a:rPr>
              <a:t>, </a:t>
            </a:r>
            <a:r>
              <a:rPr lang="da-DK" sz="900" noProof="0">
                <a:solidFill>
                  <a:schemeClr val="tx1"/>
                </a:solidFill>
              </a:rPr>
              <a:t>egen drift og eksterne danske datacentre. </a:t>
            </a:r>
            <a:endParaRPr lang="da-DK" sz="900" b="1" noProof="0">
              <a:solidFill>
                <a:schemeClr val="tx1"/>
              </a:solidFill>
              <a:sym typeface="Wingdings" panose="05000000000000000000" pitchFamily="2" charset="2"/>
            </a:endParaRPr>
          </a:p>
          <a:p>
            <a:pPr>
              <a:spcAft>
                <a:spcPts val="350"/>
              </a:spcAft>
            </a:pPr>
            <a:r>
              <a:rPr lang="da-DK" sz="900" b="1" noProof="0">
                <a:solidFill>
                  <a:srgbClr val="36465A"/>
                </a:solidFill>
              </a:rPr>
              <a:t>Teknologisk omstilling</a:t>
            </a:r>
            <a:br>
              <a:rPr lang="da-DK" sz="900" b="1" noProof="0">
                <a:solidFill>
                  <a:schemeClr val="tx1"/>
                </a:solidFill>
              </a:rPr>
            </a:br>
            <a:r>
              <a:rPr lang="da-DK" sz="900" noProof="0">
                <a:solidFill>
                  <a:schemeClr val="tx1"/>
                </a:solidFill>
              </a:rPr>
              <a:t>Omstillingen omfatter integration til alternative løsninger, datamigrering og styrket sikkerhedsstyring.</a:t>
            </a:r>
          </a:p>
          <a:p>
            <a:pPr>
              <a:spcAft>
                <a:spcPts val="350"/>
              </a:spcAft>
            </a:pPr>
            <a:r>
              <a:rPr lang="da-DK" sz="900" noProof="0">
                <a:solidFill>
                  <a:schemeClr val="tx1"/>
                </a:solidFill>
              </a:rPr>
              <a:t>Exit-planer indgår som en integreret del af </a:t>
            </a:r>
            <a:r>
              <a:rPr lang="da-DK" sz="900" noProof="0" err="1">
                <a:solidFill>
                  <a:schemeClr val="tx1"/>
                </a:solidFill>
              </a:rPr>
              <a:t>governance</a:t>
            </a:r>
            <a:r>
              <a:rPr lang="da-DK" sz="900" noProof="0">
                <a:solidFill>
                  <a:schemeClr val="tx1"/>
                </a:solidFill>
              </a:rPr>
              <a:t>, så hvert indkøb ledsages af en plan for, hvordan leverandøren kan skiftes uden store omkostninger. Herudover justeres arkitekturen løbende mhp. at skabe øget </a:t>
            </a:r>
            <a:r>
              <a:rPr lang="da-DK" sz="900" noProof="0" err="1">
                <a:solidFill>
                  <a:schemeClr val="tx1"/>
                </a:solidFill>
              </a:rPr>
              <a:t>modularitet</a:t>
            </a:r>
            <a:r>
              <a:rPr lang="da-DK" sz="900" noProof="0">
                <a:solidFill>
                  <a:schemeClr val="tx1"/>
                </a:solidFill>
              </a:rPr>
              <a:t>.</a:t>
            </a:r>
            <a:endParaRPr lang="da-DK" sz="900" noProof="0">
              <a:solidFill>
                <a:srgbClr val="00172D"/>
              </a:solidFill>
              <a:highlight>
                <a:srgbClr val="FFFF00"/>
              </a:highlight>
            </a:endParaRPr>
          </a:p>
          <a:p>
            <a:endParaRPr lang="da-DK" sz="900" noProof="0">
              <a:solidFill>
                <a:srgbClr val="00172D"/>
              </a:solidFill>
              <a:highlight>
                <a:srgbClr val="FFFF00"/>
              </a:highlight>
            </a:endParaRPr>
          </a:p>
        </p:txBody>
      </p:sp>
      <p:sp>
        <p:nvSpPr>
          <p:cNvPr id="11" name="Rectangle: Rounded Corners 10">
            <a:extLst>
              <a:ext uri="{FF2B5EF4-FFF2-40B4-BE49-F238E27FC236}">
                <a16:creationId xmlns:a16="http://schemas.microsoft.com/office/drawing/2014/main" id="{7CC993D1-6B53-5DC4-33F9-10B573040D09}"/>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Organisatorisk transformation</a:t>
            </a:r>
          </a:p>
        </p:txBody>
      </p:sp>
      <p:sp>
        <p:nvSpPr>
          <p:cNvPr id="5" name="Rectangle 4">
            <a:extLst>
              <a:ext uri="{FF2B5EF4-FFF2-40B4-BE49-F238E27FC236}">
                <a16:creationId xmlns:a16="http://schemas.microsoft.com/office/drawing/2014/main" id="{7C86E103-0CD9-8C28-5FBD-691E124729BE}"/>
              </a:ext>
            </a:extLst>
          </p:cNvPr>
          <p:cNvSpPr/>
          <p:nvPr/>
        </p:nvSpPr>
        <p:spPr>
          <a:xfrm>
            <a:off x="3565418" y="2069025"/>
            <a:ext cx="2985319" cy="424222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Projektorganisering </a:t>
            </a:r>
          </a:p>
          <a:p>
            <a:pPr>
              <a:spcAft>
                <a:spcPts val="350"/>
              </a:spcAft>
            </a:pPr>
            <a:r>
              <a:rPr lang="da-DK" sz="900" noProof="0">
                <a:solidFill>
                  <a:schemeClr val="tx1"/>
                </a:solidFill>
              </a:rPr>
              <a:t>Indsatsen er forankret i en flerårig strategi (2026-2029) med delprojekter inden for open source, cloud og </a:t>
            </a:r>
            <a:r>
              <a:rPr lang="da-DK" sz="900" noProof="0" err="1">
                <a:solidFill>
                  <a:schemeClr val="tx1"/>
                </a:solidFill>
              </a:rPr>
              <a:t>governance</a:t>
            </a:r>
            <a:r>
              <a:rPr lang="da-DK" sz="900" noProof="0">
                <a:solidFill>
                  <a:schemeClr val="tx1"/>
                </a:solidFill>
              </a:rPr>
              <a:t>. Projektorganisationen involverer både det politiske niveau og den administrative topledelse. Indsatsen kræver en central koordinering og understøttelse af samarbejde på tværs af magistratsafdelinger via Fælles It og Digitalisering i Borgmesterens Afdeling (tværgående koncern it-funktion). Herudover skal alle magistratsafdelinger bidrage og byde ind med konkrete projekter, hvor Kultur og Borgerservice er et eksempel på et område, der allerede er i gang med at eksekvere på konkrete indsatser (se case 11). </a:t>
            </a:r>
          </a:p>
          <a:p>
            <a:pPr>
              <a:spcAft>
                <a:spcPts val="350"/>
              </a:spcAft>
            </a:pPr>
            <a:r>
              <a:rPr lang="da-DK" sz="900" b="1" noProof="0">
                <a:solidFill>
                  <a:srgbClr val="36465A"/>
                </a:solidFill>
              </a:rPr>
              <a:t>Forandringsledelse</a:t>
            </a:r>
            <a:br>
              <a:rPr lang="da-DK" sz="900" b="1" noProof="0">
                <a:solidFill>
                  <a:schemeClr val="tx1"/>
                </a:solidFill>
              </a:rPr>
            </a:br>
            <a:r>
              <a:rPr lang="da-DK" sz="900" noProof="0">
                <a:solidFill>
                  <a:schemeClr val="tx1"/>
                </a:solidFill>
                <a:sym typeface="Wingdings" panose="05000000000000000000" pitchFamily="2" charset="2"/>
              </a:rPr>
              <a:t>Målgruppen omfatter i princippet alle </a:t>
            </a:r>
            <a:r>
              <a:rPr lang="da-DK" sz="900" noProof="0">
                <a:solidFill>
                  <a:schemeClr val="tx1"/>
                </a:solidFill>
              </a:rPr>
              <a:t>kommunale medarbejdere. Der vil være et særligt fokus på det administrative område og skoleområdet, hvor de største omlægninger og dermed forandringer forventes. </a:t>
            </a:r>
            <a:endParaRPr lang="da-DK" sz="900" b="1" noProof="0">
              <a:solidFill>
                <a:schemeClr val="tx1"/>
              </a:solidFill>
            </a:endParaRPr>
          </a:p>
          <a:p>
            <a:pPr>
              <a:spcAft>
                <a:spcPts val="350"/>
              </a:spcAft>
            </a:pPr>
            <a:r>
              <a:rPr lang="da-DK" sz="900" noProof="0">
                <a:solidFill>
                  <a:schemeClr val="tx1"/>
                </a:solidFill>
              </a:rPr>
              <a:t>Forandringsledelse er en central komponent. Kommunen arbejder med træning og support til brugere, især ifm. </a:t>
            </a:r>
            <a:r>
              <a:rPr lang="da-DK" sz="900" noProof="0" dirty="0">
                <a:solidFill>
                  <a:schemeClr val="tx1"/>
                </a:solidFill>
              </a:rPr>
              <a:t>OSS-</a:t>
            </a:r>
            <a:r>
              <a:rPr lang="da-DK" sz="900" noProof="0">
                <a:solidFill>
                  <a:schemeClr val="tx1"/>
                </a:solidFill>
              </a:rPr>
              <a:t>kontorpakker, der omfatter analyse af brugerbehov, bindingsanalyse og opsætning af alternative miljøer.</a:t>
            </a:r>
            <a:endParaRPr lang="da-DK" sz="900" noProof="0">
              <a:solidFill>
                <a:schemeClr val="tx1"/>
              </a:solidFill>
              <a:sym typeface="Wingdings" panose="05000000000000000000" pitchFamily="2" charset="2"/>
            </a:endParaRPr>
          </a:p>
          <a:p>
            <a:r>
              <a:rPr lang="da-DK" sz="900" noProof="0">
                <a:solidFill>
                  <a:schemeClr val="tx1"/>
                </a:solidFill>
              </a:rPr>
              <a:t>Der er behov for omfattende træning i nye systemer og arbejdsgange for at sikre effektiv anvendelse og reducere modstand mod forandring.</a:t>
            </a:r>
          </a:p>
          <a:p>
            <a:endParaRPr lang="da-DK" sz="900"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pPr>
              <a:spcAft>
                <a:spcPts val="350"/>
              </a:spcAft>
            </a:pPr>
            <a:endParaRPr lang="da-DK" sz="900" b="1" noProof="0">
              <a:solidFill>
                <a:schemeClr val="tx1"/>
              </a:solidFill>
            </a:endParaRPr>
          </a:p>
        </p:txBody>
      </p:sp>
      <p:sp>
        <p:nvSpPr>
          <p:cNvPr id="7" name="Rectangle 6">
            <a:extLst>
              <a:ext uri="{FF2B5EF4-FFF2-40B4-BE49-F238E27FC236}">
                <a16:creationId xmlns:a16="http://schemas.microsoft.com/office/drawing/2014/main" id="{0F2F109F-B304-8608-F3F9-AEA6D09EF8AC}"/>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270F2656-A2CF-D634-9B6C-82D04A33480E}"/>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C4AC6095-3713-E917-AA6C-DEA5F8D2AA79}"/>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C2508551-2B88-4315-C3F3-106523AC881F}"/>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CEF574EB-2506-6E1F-693A-2F10E5A08BA1}"/>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 name="Freeform 29">
            <a:extLst>
              <a:ext uri="{FF2B5EF4-FFF2-40B4-BE49-F238E27FC236}">
                <a16:creationId xmlns:a16="http://schemas.microsoft.com/office/drawing/2014/main" id="{814FCFC4-E0BD-EA74-A374-E08610AA96B2}"/>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21">
            <a:extLst>
              <a:ext uri="{FF2B5EF4-FFF2-40B4-BE49-F238E27FC236}">
                <a16:creationId xmlns:a16="http://schemas.microsoft.com/office/drawing/2014/main" id="{B56CE6F9-985B-ACCA-8A61-43326BFFD91C}"/>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7" name="Rectangle: Rounded Corners 16">
            <a:extLst>
              <a:ext uri="{FF2B5EF4-FFF2-40B4-BE49-F238E27FC236}">
                <a16:creationId xmlns:a16="http://schemas.microsoft.com/office/drawing/2014/main" id="{3F47EFF6-DC38-F791-1CC5-AA64E5FBFDC6}"/>
              </a:ext>
              <a:ext uri="{C183D7F6-B498-43B3-948B-1728B52AA6E4}">
                <adec:decorative xmlns:adec="http://schemas.microsoft.com/office/drawing/2017/decorative" val="1"/>
              </a:ext>
            </a:extLst>
          </p:cNvPr>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22" name="Freeform 9">
            <a:extLst>
              <a:ext uri="{FF2B5EF4-FFF2-40B4-BE49-F238E27FC236}">
                <a16:creationId xmlns:a16="http://schemas.microsoft.com/office/drawing/2014/main" id="{1E2EE70F-20DF-66E0-F3B0-F3989388ED1E}"/>
              </a:ext>
              <a:ext uri="{C183D7F6-B498-43B3-948B-1728B52AA6E4}">
                <adec:decorative xmlns:adec="http://schemas.microsoft.com/office/drawing/2017/decorative" val="1"/>
              </a:ext>
            </a:extLst>
          </p:cNvPr>
          <p:cNvSpPr>
            <a:spLocks noEditPoints="1"/>
          </p:cNvSpPr>
          <p:nvPr/>
        </p:nvSpPr>
        <p:spPr bwMode="auto">
          <a:xfrm>
            <a:off x="9677024" y="2189230"/>
            <a:ext cx="383113" cy="368290"/>
          </a:xfrm>
          <a:custGeom>
            <a:avLst/>
            <a:gdLst>
              <a:gd name="T0" fmla="*/ 168 w 208"/>
              <a:gd name="T1" fmla="*/ 56 h 200"/>
              <a:gd name="T2" fmla="*/ 56 w 208"/>
              <a:gd name="T3" fmla="*/ 56 h 200"/>
              <a:gd name="T4" fmla="*/ 112 w 208"/>
              <a:gd name="T5" fmla="*/ 8 h 200"/>
              <a:gd name="T6" fmla="*/ 112 w 208"/>
              <a:gd name="T7" fmla="*/ 104 h 200"/>
              <a:gd name="T8" fmla="*/ 112 w 208"/>
              <a:gd name="T9" fmla="*/ 8 h 200"/>
              <a:gd name="T10" fmla="*/ 24 w 208"/>
              <a:gd name="T11" fmla="*/ 168 h 200"/>
              <a:gd name="T12" fmla="*/ 24 w 208"/>
              <a:gd name="T13" fmla="*/ 184 h 200"/>
              <a:gd name="T14" fmla="*/ 207 w 208"/>
              <a:gd name="T15" fmla="*/ 117 h 200"/>
              <a:gd name="T16" fmla="*/ 190 w 208"/>
              <a:gd name="T17" fmla="*/ 108 h 200"/>
              <a:gd name="T18" fmla="*/ 170 w 208"/>
              <a:gd name="T19" fmla="*/ 108 h 200"/>
              <a:gd name="T20" fmla="*/ 150 w 208"/>
              <a:gd name="T21" fmla="*/ 108 h 200"/>
              <a:gd name="T22" fmla="*/ 130 w 208"/>
              <a:gd name="T23" fmla="*/ 120 h 200"/>
              <a:gd name="T24" fmla="*/ 61 w 208"/>
              <a:gd name="T25" fmla="*/ 130 h 200"/>
              <a:gd name="T26" fmla="*/ 48 w 208"/>
              <a:gd name="T27" fmla="*/ 140 h 200"/>
              <a:gd name="T28" fmla="*/ 47 w 208"/>
              <a:gd name="T29" fmla="*/ 129 h 200"/>
              <a:gd name="T30" fmla="*/ 4 w 208"/>
              <a:gd name="T31" fmla="*/ 128 h 200"/>
              <a:gd name="T32" fmla="*/ 4 w 208"/>
              <a:gd name="T33" fmla="*/ 136 h 200"/>
              <a:gd name="T34" fmla="*/ 40 w 208"/>
              <a:gd name="T35" fmla="*/ 192 h 200"/>
              <a:gd name="T36" fmla="*/ 0 w 208"/>
              <a:gd name="T37" fmla="*/ 196 h 200"/>
              <a:gd name="T38" fmla="*/ 44 w 208"/>
              <a:gd name="T39" fmla="*/ 200 h 200"/>
              <a:gd name="T40" fmla="*/ 48 w 208"/>
              <a:gd name="T41" fmla="*/ 196 h 200"/>
              <a:gd name="T42" fmla="*/ 96 w 208"/>
              <a:gd name="T43" fmla="*/ 192 h 200"/>
              <a:gd name="T44" fmla="*/ 153 w 208"/>
              <a:gd name="T45" fmla="*/ 176 h 200"/>
              <a:gd name="T46" fmla="*/ 207 w 208"/>
              <a:gd name="T47" fmla="*/ 123 h 200"/>
              <a:gd name="T48" fmla="*/ 207 w 208"/>
              <a:gd name="T49" fmla="*/ 117 h 200"/>
              <a:gd name="T50" fmla="*/ 150 w 208"/>
              <a:gd name="T51" fmla="*/ 116 h 200"/>
              <a:gd name="T52" fmla="*/ 140 w 208"/>
              <a:gd name="T53" fmla="*/ 130 h 200"/>
              <a:gd name="T54" fmla="*/ 140 w 208"/>
              <a:gd name="T55" fmla="*/ 124 h 200"/>
              <a:gd name="T56" fmla="*/ 143 w 208"/>
              <a:gd name="T57" fmla="*/ 119 h 200"/>
              <a:gd name="T58" fmla="*/ 170 w 208"/>
              <a:gd name="T59" fmla="*/ 116 h 200"/>
              <a:gd name="T60" fmla="*/ 146 w 208"/>
              <a:gd name="T61" fmla="*/ 144 h 200"/>
              <a:gd name="T62" fmla="*/ 163 w 208"/>
              <a:gd name="T63" fmla="*/ 119 h 200"/>
              <a:gd name="T64" fmla="*/ 95 w 208"/>
              <a:gd name="T65" fmla="*/ 184 h 200"/>
              <a:gd name="T66" fmla="*/ 48 w 208"/>
              <a:gd name="T67" fmla="*/ 148 h 200"/>
              <a:gd name="T68" fmla="*/ 66 w 208"/>
              <a:gd name="T69" fmla="*/ 135 h 200"/>
              <a:gd name="T70" fmla="*/ 132 w 208"/>
              <a:gd name="T71" fmla="*/ 128 h 200"/>
              <a:gd name="T72" fmla="*/ 120 w 208"/>
              <a:gd name="T73" fmla="*/ 140 h 200"/>
              <a:gd name="T74" fmla="*/ 92 w 208"/>
              <a:gd name="T75" fmla="*/ 146 h 200"/>
              <a:gd name="T76" fmla="*/ 148 w 208"/>
              <a:gd name="T77" fmla="*/ 152 h 200"/>
              <a:gd name="T78" fmla="*/ 183 w 208"/>
              <a:gd name="T79" fmla="*/ 119 h 200"/>
              <a:gd name="T80" fmla="*/ 197 w 208"/>
              <a:gd name="T81" fmla="*/ 119 h 200"/>
              <a:gd name="T82" fmla="*/ 150 w 208"/>
              <a:gd name="T83" fmla="*/ 168 h 200"/>
              <a:gd name="T84" fmla="*/ 116 w 208"/>
              <a:gd name="T85" fmla="*/ 60 h 200"/>
              <a:gd name="T86" fmla="*/ 116 w 208"/>
              <a:gd name="T87" fmla="*/ 76 h 200"/>
              <a:gd name="T88" fmla="*/ 92 w 208"/>
              <a:gd name="T89" fmla="*/ 80 h 200"/>
              <a:gd name="T90" fmla="*/ 108 w 208"/>
              <a:gd name="T91" fmla="*/ 84 h 200"/>
              <a:gd name="T92" fmla="*/ 112 w 208"/>
              <a:gd name="T93" fmla="*/ 96 h 200"/>
              <a:gd name="T94" fmla="*/ 116 w 208"/>
              <a:gd name="T95" fmla="*/ 84 h 200"/>
              <a:gd name="T96" fmla="*/ 116 w 208"/>
              <a:gd name="T97" fmla="*/ 52 h 200"/>
              <a:gd name="T98" fmla="*/ 100 w 208"/>
              <a:gd name="T99" fmla="*/ 44 h 200"/>
              <a:gd name="T100" fmla="*/ 128 w 208"/>
              <a:gd name="T101" fmla="*/ 36 h 200"/>
              <a:gd name="T102" fmla="*/ 128 w 208"/>
              <a:gd name="T103" fmla="*/ 28 h 200"/>
              <a:gd name="T104" fmla="*/ 116 w 208"/>
              <a:gd name="T105" fmla="*/ 28 h 200"/>
              <a:gd name="T106" fmla="*/ 112 w 208"/>
              <a:gd name="T107" fmla="*/ 16 h 200"/>
              <a:gd name="T108" fmla="*/ 108 w 208"/>
              <a:gd name="T109" fmla="*/ 28 h 200"/>
              <a:gd name="T110" fmla="*/ 92 w 208"/>
              <a:gd name="T111" fmla="*/ 44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208" h="200">
                <a:moveTo>
                  <a:pt x="112" y="112"/>
                </a:moveTo>
                <a:cubicBezTo>
                  <a:pt x="143" y="112"/>
                  <a:pt x="168" y="87"/>
                  <a:pt x="168" y="56"/>
                </a:cubicBezTo>
                <a:cubicBezTo>
                  <a:pt x="168" y="25"/>
                  <a:pt x="143" y="0"/>
                  <a:pt x="112" y="0"/>
                </a:cubicBezTo>
                <a:cubicBezTo>
                  <a:pt x="81" y="0"/>
                  <a:pt x="56" y="25"/>
                  <a:pt x="56" y="56"/>
                </a:cubicBezTo>
                <a:cubicBezTo>
                  <a:pt x="56" y="87"/>
                  <a:pt x="81" y="112"/>
                  <a:pt x="112" y="112"/>
                </a:cubicBezTo>
                <a:close/>
                <a:moveTo>
                  <a:pt x="112" y="8"/>
                </a:moveTo>
                <a:cubicBezTo>
                  <a:pt x="139" y="8"/>
                  <a:pt x="160" y="29"/>
                  <a:pt x="160" y="56"/>
                </a:cubicBezTo>
                <a:cubicBezTo>
                  <a:pt x="160" y="83"/>
                  <a:pt x="139" y="104"/>
                  <a:pt x="112" y="104"/>
                </a:cubicBezTo>
                <a:cubicBezTo>
                  <a:pt x="85" y="104"/>
                  <a:pt x="64" y="83"/>
                  <a:pt x="64" y="56"/>
                </a:cubicBezTo>
                <a:cubicBezTo>
                  <a:pt x="64" y="29"/>
                  <a:pt x="85" y="8"/>
                  <a:pt x="112" y="8"/>
                </a:cubicBezTo>
                <a:close/>
                <a:moveTo>
                  <a:pt x="32" y="176"/>
                </a:moveTo>
                <a:cubicBezTo>
                  <a:pt x="32" y="172"/>
                  <a:pt x="28" y="168"/>
                  <a:pt x="24" y="168"/>
                </a:cubicBezTo>
                <a:cubicBezTo>
                  <a:pt x="20" y="168"/>
                  <a:pt x="16" y="172"/>
                  <a:pt x="16" y="176"/>
                </a:cubicBezTo>
                <a:cubicBezTo>
                  <a:pt x="16" y="180"/>
                  <a:pt x="20" y="184"/>
                  <a:pt x="24" y="184"/>
                </a:cubicBezTo>
                <a:cubicBezTo>
                  <a:pt x="28" y="184"/>
                  <a:pt x="32" y="180"/>
                  <a:pt x="32" y="176"/>
                </a:cubicBezTo>
                <a:close/>
                <a:moveTo>
                  <a:pt x="207" y="117"/>
                </a:moveTo>
                <a:cubicBezTo>
                  <a:pt x="203" y="113"/>
                  <a:pt x="203" y="113"/>
                  <a:pt x="203" y="113"/>
                </a:cubicBezTo>
                <a:cubicBezTo>
                  <a:pt x="199" y="110"/>
                  <a:pt x="195" y="108"/>
                  <a:pt x="190" y="108"/>
                </a:cubicBezTo>
                <a:cubicBezTo>
                  <a:pt x="187" y="108"/>
                  <a:pt x="183" y="109"/>
                  <a:pt x="180" y="111"/>
                </a:cubicBezTo>
                <a:cubicBezTo>
                  <a:pt x="177" y="109"/>
                  <a:pt x="173" y="108"/>
                  <a:pt x="170" y="108"/>
                </a:cubicBezTo>
                <a:cubicBezTo>
                  <a:pt x="167" y="108"/>
                  <a:pt x="163" y="109"/>
                  <a:pt x="160" y="111"/>
                </a:cubicBezTo>
                <a:cubicBezTo>
                  <a:pt x="157" y="109"/>
                  <a:pt x="153" y="108"/>
                  <a:pt x="150" y="108"/>
                </a:cubicBezTo>
                <a:cubicBezTo>
                  <a:pt x="145" y="108"/>
                  <a:pt x="141" y="110"/>
                  <a:pt x="137" y="113"/>
                </a:cubicBezTo>
                <a:cubicBezTo>
                  <a:pt x="130" y="120"/>
                  <a:pt x="130" y="120"/>
                  <a:pt x="130" y="120"/>
                </a:cubicBezTo>
                <a:cubicBezTo>
                  <a:pt x="84" y="120"/>
                  <a:pt x="84" y="120"/>
                  <a:pt x="84" y="120"/>
                </a:cubicBezTo>
                <a:cubicBezTo>
                  <a:pt x="75" y="120"/>
                  <a:pt x="67" y="123"/>
                  <a:pt x="61" y="130"/>
                </a:cubicBezTo>
                <a:cubicBezTo>
                  <a:pt x="52" y="138"/>
                  <a:pt x="52" y="138"/>
                  <a:pt x="52" y="138"/>
                </a:cubicBezTo>
                <a:cubicBezTo>
                  <a:pt x="51" y="139"/>
                  <a:pt x="49" y="140"/>
                  <a:pt x="48" y="140"/>
                </a:cubicBezTo>
                <a:cubicBezTo>
                  <a:pt x="48" y="132"/>
                  <a:pt x="48" y="132"/>
                  <a:pt x="48" y="132"/>
                </a:cubicBezTo>
                <a:cubicBezTo>
                  <a:pt x="48" y="131"/>
                  <a:pt x="48" y="130"/>
                  <a:pt x="47" y="129"/>
                </a:cubicBezTo>
                <a:cubicBezTo>
                  <a:pt x="46" y="128"/>
                  <a:pt x="45" y="128"/>
                  <a:pt x="44" y="128"/>
                </a:cubicBezTo>
                <a:cubicBezTo>
                  <a:pt x="4" y="128"/>
                  <a:pt x="4" y="128"/>
                  <a:pt x="4" y="128"/>
                </a:cubicBezTo>
                <a:cubicBezTo>
                  <a:pt x="2" y="128"/>
                  <a:pt x="0" y="130"/>
                  <a:pt x="0" y="132"/>
                </a:cubicBezTo>
                <a:cubicBezTo>
                  <a:pt x="0" y="134"/>
                  <a:pt x="2" y="136"/>
                  <a:pt x="4" y="136"/>
                </a:cubicBezTo>
                <a:cubicBezTo>
                  <a:pt x="40" y="136"/>
                  <a:pt x="40" y="136"/>
                  <a:pt x="40" y="136"/>
                </a:cubicBezTo>
                <a:cubicBezTo>
                  <a:pt x="40" y="192"/>
                  <a:pt x="40" y="192"/>
                  <a:pt x="40" y="192"/>
                </a:cubicBezTo>
                <a:cubicBezTo>
                  <a:pt x="4" y="192"/>
                  <a:pt x="4" y="192"/>
                  <a:pt x="4" y="192"/>
                </a:cubicBezTo>
                <a:cubicBezTo>
                  <a:pt x="2" y="192"/>
                  <a:pt x="0" y="194"/>
                  <a:pt x="0" y="196"/>
                </a:cubicBezTo>
                <a:cubicBezTo>
                  <a:pt x="0" y="198"/>
                  <a:pt x="2" y="200"/>
                  <a:pt x="4" y="200"/>
                </a:cubicBezTo>
                <a:cubicBezTo>
                  <a:pt x="44" y="200"/>
                  <a:pt x="44" y="200"/>
                  <a:pt x="44" y="200"/>
                </a:cubicBezTo>
                <a:cubicBezTo>
                  <a:pt x="45" y="200"/>
                  <a:pt x="46" y="200"/>
                  <a:pt x="47" y="199"/>
                </a:cubicBezTo>
                <a:cubicBezTo>
                  <a:pt x="48" y="198"/>
                  <a:pt x="48" y="197"/>
                  <a:pt x="48" y="196"/>
                </a:cubicBezTo>
                <a:cubicBezTo>
                  <a:pt x="48" y="192"/>
                  <a:pt x="48" y="192"/>
                  <a:pt x="48" y="192"/>
                </a:cubicBezTo>
                <a:cubicBezTo>
                  <a:pt x="96" y="192"/>
                  <a:pt x="96" y="192"/>
                  <a:pt x="96" y="192"/>
                </a:cubicBezTo>
                <a:cubicBezTo>
                  <a:pt x="97" y="192"/>
                  <a:pt x="97" y="192"/>
                  <a:pt x="97" y="192"/>
                </a:cubicBezTo>
                <a:cubicBezTo>
                  <a:pt x="153" y="176"/>
                  <a:pt x="153" y="176"/>
                  <a:pt x="153" y="176"/>
                </a:cubicBezTo>
                <a:cubicBezTo>
                  <a:pt x="154" y="176"/>
                  <a:pt x="154" y="175"/>
                  <a:pt x="155" y="175"/>
                </a:cubicBezTo>
                <a:cubicBezTo>
                  <a:pt x="207" y="123"/>
                  <a:pt x="207" y="123"/>
                  <a:pt x="207" y="123"/>
                </a:cubicBezTo>
                <a:cubicBezTo>
                  <a:pt x="208" y="122"/>
                  <a:pt x="208" y="121"/>
                  <a:pt x="208" y="120"/>
                </a:cubicBezTo>
                <a:cubicBezTo>
                  <a:pt x="208" y="119"/>
                  <a:pt x="208" y="118"/>
                  <a:pt x="207" y="117"/>
                </a:cubicBezTo>
                <a:close/>
                <a:moveTo>
                  <a:pt x="143" y="119"/>
                </a:moveTo>
                <a:cubicBezTo>
                  <a:pt x="145" y="117"/>
                  <a:pt x="147" y="116"/>
                  <a:pt x="150" y="116"/>
                </a:cubicBezTo>
                <a:cubicBezTo>
                  <a:pt x="151" y="116"/>
                  <a:pt x="153" y="116"/>
                  <a:pt x="154" y="117"/>
                </a:cubicBezTo>
                <a:cubicBezTo>
                  <a:pt x="140" y="130"/>
                  <a:pt x="140" y="130"/>
                  <a:pt x="140" y="130"/>
                </a:cubicBezTo>
                <a:cubicBezTo>
                  <a:pt x="140" y="130"/>
                  <a:pt x="140" y="129"/>
                  <a:pt x="140" y="128"/>
                </a:cubicBezTo>
                <a:cubicBezTo>
                  <a:pt x="140" y="124"/>
                  <a:pt x="140" y="124"/>
                  <a:pt x="140" y="124"/>
                </a:cubicBezTo>
                <a:cubicBezTo>
                  <a:pt x="140" y="123"/>
                  <a:pt x="140" y="123"/>
                  <a:pt x="140" y="122"/>
                </a:cubicBezTo>
                <a:lnTo>
                  <a:pt x="143" y="119"/>
                </a:lnTo>
                <a:close/>
                <a:moveTo>
                  <a:pt x="163" y="119"/>
                </a:moveTo>
                <a:cubicBezTo>
                  <a:pt x="165" y="117"/>
                  <a:pt x="167" y="116"/>
                  <a:pt x="170" y="116"/>
                </a:cubicBezTo>
                <a:cubicBezTo>
                  <a:pt x="171" y="116"/>
                  <a:pt x="173" y="116"/>
                  <a:pt x="174" y="117"/>
                </a:cubicBezTo>
                <a:cubicBezTo>
                  <a:pt x="146" y="144"/>
                  <a:pt x="146" y="144"/>
                  <a:pt x="146" y="144"/>
                </a:cubicBezTo>
                <a:cubicBezTo>
                  <a:pt x="138" y="144"/>
                  <a:pt x="138" y="144"/>
                  <a:pt x="138" y="144"/>
                </a:cubicBezTo>
                <a:lnTo>
                  <a:pt x="163" y="119"/>
                </a:lnTo>
                <a:close/>
                <a:moveTo>
                  <a:pt x="150" y="168"/>
                </a:moveTo>
                <a:cubicBezTo>
                  <a:pt x="95" y="184"/>
                  <a:pt x="95" y="184"/>
                  <a:pt x="95" y="184"/>
                </a:cubicBezTo>
                <a:cubicBezTo>
                  <a:pt x="48" y="184"/>
                  <a:pt x="48" y="184"/>
                  <a:pt x="48" y="184"/>
                </a:cubicBezTo>
                <a:cubicBezTo>
                  <a:pt x="48" y="148"/>
                  <a:pt x="48" y="148"/>
                  <a:pt x="48" y="148"/>
                </a:cubicBezTo>
                <a:cubicBezTo>
                  <a:pt x="52" y="148"/>
                  <a:pt x="55" y="147"/>
                  <a:pt x="58" y="144"/>
                </a:cubicBezTo>
                <a:cubicBezTo>
                  <a:pt x="66" y="135"/>
                  <a:pt x="66" y="135"/>
                  <a:pt x="66" y="135"/>
                </a:cubicBezTo>
                <a:cubicBezTo>
                  <a:pt x="71" y="131"/>
                  <a:pt x="77" y="128"/>
                  <a:pt x="84" y="128"/>
                </a:cubicBezTo>
                <a:cubicBezTo>
                  <a:pt x="132" y="128"/>
                  <a:pt x="132" y="128"/>
                  <a:pt x="132" y="128"/>
                </a:cubicBezTo>
                <a:cubicBezTo>
                  <a:pt x="132" y="128"/>
                  <a:pt x="132" y="128"/>
                  <a:pt x="132" y="128"/>
                </a:cubicBezTo>
                <a:cubicBezTo>
                  <a:pt x="132" y="135"/>
                  <a:pt x="127" y="140"/>
                  <a:pt x="120" y="140"/>
                </a:cubicBezTo>
                <a:cubicBezTo>
                  <a:pt x="98" y="140"/>
                  <a:pt x="98" y="140"/>
                  <a:pt x="98" y="140"/>
                </a:cubicBezTo>
                <a:cubicBezTo>
                  <a:pt x="95" y="140"/>
                  <a:pt x="92" y="143"/>
                  <a:pt x="92" y="146"/>
                </a:cubicBezTo>
                <a:cubicBezTo>
                  <a:pt x="92" y="149"/>
                  <a:pt x="95" y="152"/>
                  <a:pt x="98" y="152"/>
                </a:cubicBezTo>
                <a:cubicBezTo>
                  <a:pt x="148" y="152"/>
                  <a:pt x="148" y="152"/>
                  <a:pt x="148" y="152"/>
                </a:cubicBezTo>
                <a:cubicBezTo>
                  <a:pt x="149" y="152"/>
                  <a:pt x="150" y="152"/>
                  <a:pt x="151" y="151"/>
                </a:cubicBezTo>
                <a:cubicBezTo>
                  <a:pt x="183" y="119"/>
                  <a:pt x="183" y="119"/>
                  <a:pt x="183" y="119"/>
                </a:cubicBezTo>
                <a:cubicBezTo>
                  <a:pt x="185" y="117"/>
                  <a:pt x="187" y="116"/>
                  <a:pt x="190" y="116"/>
                </a:cubicBezTo>
                <a:cubicBezTo>
                  <a:pt x="193" y="116"/>
                  <a:pt x="195" y="117"/>
                  <a:pt x="197" y="119"/>
                </a:cubicBezTo>
                <a:cubicBezTo>
                  <a:pt x="198" y="120"/>
                  <a:pt x="198" y="120"/>
                  <a:pt x="198" y="120"/>
                </a:cubicBezTo>
                <a:lnTo>
                  <a:pt x="150" y="168"/>
                </a:lnTo>
                <a:close/>
                <a:moveTo>
                  <a:pt x="108" y="60"/>
                </a:moveTo>
                <a:cubicBezTo>
                  <a:pt x="116" y="60"/>
                  <a:pt x="116" y="60"/>
                  <a:pt x="116" y="60"/>
                </a:cubicBezTo>
                <a:cubicBezTo>
                  <a:pt x="120" y="60"/>
                  <a:pt x="124" y="64"/>
                  <a:pt x="124" y="68"/>
                </a:cubicBezTo>
                <a:cubicBezTo>
                  <a:pt x="124" y="72"/>
                  <a:pt x="120" y="76"/>
                  <a:pt x="116" y="76"/>
                </a:cubicBezTo>
                <a:cubicBezTo>
                  <a:pt x="96" y="76"/>
                  <a:pt x="96" y="76"/>
                  <a:pt x="96" y="76"/>
                </a:cubicBezTo>
                <a:cubicBezTo>
                  <a:pt x="94" y="76"/>
                  <a:pt x="92" y="78"/>
                  <a:pt x="92" y="80"/>
                </a:cubicBezTo>
                <a:cubicBezTo>
                  <a:pt x="92" y="82"/>
                  <a:pt x="94" y="84"/>
                  <a:pt x="96" y="84"/>
                </a:cubicBezTo>
                <a:cubicBezTo>
                  <a:pt x="108" y="84"/>
                  <a:pt x="108" y="84"/>
                  <a:pt x="108" y="84"/>
                </a:cubicBezTo>
                <a:cubicBezTo>
                  <a:pt x="108" y="92"/>
                  <a:pt x="108" y="92"/>
                  <a:pt x="108" y="92"/>
                </a:cubicBezTo>
                <a:cubicBezTo>
                  <a:pt x="108" y="94"/>
                  <a:pt x="110" y="96"/>
                  <a:pt x="112" y="96"/>
                </a:cubicBezTo>
                <a:cubicBezTo>
                  <a:pt x="114" y="96"/>
                  <a:pt x="116" y="94"/>
                  <a:pt x="116" y="92"/>
                </a:cubicBezTo>
                <a:cubicBezTo>
                  <a:pt x="116" y="84"/>
                  <a:pt x="116" y="84"/>
                  <a:pt x="116" y="84"/>
                </a:cubicBezTo>
                <a:cubicBezTo>
                  <a:pt x="125" y="84"/>
                  <a:pt x="132" y="77"/>
                  <a:pt x="132" y="68"/>
                </a:cubicBezTo>
                <a:cubicBezTo>
                  <a:pt x="132" y="59"/>
                  <a:pt x="125" y="52"/>
                  <a:pt x="116" y="52"/>
                </a:cubicBezTo>
                <a:cubicBezTo>
                  <a:pt x="108" y="52"/>
                  <a:pt x="108" y="52"/>
                  <a:pt x="108" y="52"/>
                </a:cubicBezTo>
                <a:cubicBezTo>
                  <a:pt x="104" y="52"/>
                  <a:pt x="100" y="48"/>
                  <a:pt x="100" y="44"/>
                </a:cubicBezTo>
                <a:cubicBezTo>
                  <a:pt x="100" y="40"/>
                  <a:pt x="104" y="36"/>
                  <a:pt x="108" y="36"/>
                </a:cubicBezTo>
                <a:cubicBezTo>
                  <a:pt x="128" y="36"/>
                  <a:pt x="128" y="36"/>
                  <a:pt x="128" y="36"/>
                </a:cubicBezTo>
                <a:cubicBezTo>
                  <a:pt x="130" y="36"/>
                  <a:pt x="132" y="34"/>
                  <a:pt x="132" y="32"/>
                </a:cubicBezTo>
                <a:cubicBezTo>
                  <a:pt x="132" y="30"/>
                  <a:pt x="130" y="28"/>
                  <a:pt x="128" y="28"/>
                </a:cubicBezTo>
                <a:cubicBezTo>
                  <a:pt x="128" y="28"/>
                  <a:pt x="128" y="28"/>
                  <a:pt x="128" y="28"/>
                </a:cubicBezTo>
                <a:cubicBezTo>
                  <a:pt x="116" y="28"/>
                  <a:pt x="116" y="28"/>
                  <a:pt x="116" y="28"/>
                </a:cubicBezTo>
                <a:cubicBezTo>
                  <a:pt x="116" y="20"/>
                  <a:pt x="116" y="20"/>
                  <a:pt x="116" y="20"/>
                </a:cubicBezTo>
                <a:cubicBezTo>
                  <a:pt x="116" y="18"/>
                  <a:pt x="114" y="16"/>
                  <a:pt x="112" y="16"/>
                </a:cubicBezTo>
                <a:cubicBezTo>
                  <a:pt x="110" y="16"/>
                  <a:pt x="108" y="18"/>
                  <a:pt x="108" y="20"/>
                </a:cubicBezTo>
                <a:cubicBezTo>
                  <a:pt x="108" y="28"/>
                  <a:pt x="108" y="28"/>
                  <a:pt x="108" y="28"/>
                </a:cubicBezTo>
                <a:cubicBezTo>
                  <a:pt x="108" y="28"/>
                  <a:pt x="108" y="28"/>
                  <a:pt x="108" y="28"/>
                </a:cubicBezTo>
                <a:cubicBezTo>
                  <a:pt x="99" y="28"/>
                  <a:pt x="92" y="35"/>
                  <a:pt x="92" y="44"/>
                </a:cubicBezTo>
                <a:cubicBezTo>
                  <a:pt x="92" y="53"/>
                  <a:pt x="99" y="60"/>
                  <a:pt x="108" y="60"/>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3" name="Freeform 15">
            <a:extLst>
              <a:ext uri="{FF2B5EF4-FFF2-40B4-BE49-F238E27FC236}">
                <a16:creationId xmlns:a16="http://schemas.microsoft.com/office/drawing/2014/main" id="{C2363AB8-B42D-20AB-C148-5C7FC8F3A69F}"/>
              </a:ext>
              <a:ext uri="{C183D7F6-B498-43B3-948B-1728B52AA6E4}">
                <adec:decorative xmlns:adec="http://schemas.microsoft.com/office/drawing/2017/decorative" val="1"/>
              </a:ext>
            </a:extLst>
          </p:cNvPr>
          <p:cNvSpPr>
            <a:spLocks noEditPoints="1"/>
          </p:cNvSpPr>
          <p:nvPr/>
        </p:nvSpPr>
        <p:spPr bwMode="auto">
          <a:xfrm>
            <a:off x="9709779" y="3716460"/>
            <a:ext cx="317603" cy="317603"/>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3 w 208"/>
              <a:gd name="T11" fmla="*/ 49 h 208"/>
              <a:gd name="T12" fmla="*/ 64 w 208"/>
              <a:gd name="T13" fmla="*/ 48 h 208"/>
              <a:gd name="T14" fmla="*/ 44 w 208"/>
              <a:gd name="T15" fmla="*/ 66 h 208"/>
              <a:gd name="T16" fmla="*/ 23 w 208"/>
              <a:gd name="T17" fmla="*/ 48 h 208"/>
              <a:gd name="T18" fmla="*/ 0 w 208"/>
              <a:gd name="T19" fmla="*/ 69 h 208"/>
              <a:gd name="T20" fmla="*/ 16 w 208"/>
              <a:gd name="T21" fmla="*/ 144 h 208"/>
              <a:gd name="T22" fmla="*/ 17 w 208"/>
              <a:gd name="T23" fmla="*/ 207 h 208"/>
              <a:gd name="T24" fmla="*/ 68 w 208"/>
              <a:gd name="T25" fmla="*/ 208 h 208"/>
              <a:gd name="T26" fmla="*/ 72 w 208"/>
              <a:gd name="T27" fmla="*/ 204 h 208"/>
              <a:gd name="T28" fmla="*/ 80 w 208"/>
              <a:gd name="T29" fmla="*/ 72 h 208"/>
              <a:gd name="T30" fmla="*/ 144 w 208"/>
              <a:gd name="T31" fmla="*/ 52 h 208"/>
              <a:gd name="T32" fmla="*/ 64 w 208"/>
              <a:gd name="T33" fmla="*/ 200 h 208"/>
              <a:gd name="T34" fmla="*/ 48 w 208"/>
              <a:gd name="T35" fmla="*/ 132 h 208"/>
              <a:gd name="T36" fmla="*/ 40 w 208"/>
              <a:gd name="T37" fmla="*/ 132 h 208"/>
              <a:gd name="T38" fmla="*/ 24 w 208"/>
              <a:gd name="T39" fmla="*/ 200 h 208"/>
              <a:gd name="T40" fmla="*/ 24 w 208"/>
              <a:gd name="T41" fmla="*/ 140 h 208"/>
              <a:gd name="T42" fmla="*/ 24 w 208"/>
              <a:gd name="T43" fmla="*/ 84 h 208"/>
              <a:gd name="T44" fmla="*/ 16 w 208"/>
              <a:gd name="T45" fmla="*/ 84 h 208"/>
              <a:gd name="T46" fmla="*/ 8 w 208"/>
              <a:gd name="T47" fmla="*/ 124 h 208"/>
              <a:gd name="T48" fmla="*/ 15 w 208"/>
              <a:gd name="T49" fmla="*/ 59 h 208"/>
              <a:gd name="T50" fmla="*/ 41 w 208"/>
              <a:gd name="T51" fmla="*/ 75 h 208"/>
              <a:gd name="T52" fmla="*/ 47 w 208"/>
              <a:gd name="T53" fmla="*/ 75 h 208"/>
              <a:gd name="T54" fmla="*/ 135 w 208"/>
              <a:gd name="T55" fmla="*/ 56 h 208"/>
              <a:gd name="T56" fmla="*/ 80 w 208"/>
              <a:gd name="T57" fmla="*/ 64 h 208"/>
              <a:gd name="T58" fmla="*/ 148 w 208"/>
              <a:gd name="T59" fmla="*/ 88 h 208"/>
              <a:gd name="T60" fmla="*/ 148 w 208"/>
              <a:gd name="T61" fmla="*/ 208 h 208"/>
              <a:gd name="T62" fmla="*/ 148 w 208"/>
              <a:gd name="T63" fmla="*/ 88 h 208"/>
              <a:gd name="T64" fmla="*/ 96 w 208"/>
              <a:gd name="T65" fmla="*/ 148 h 208"/>
              <a:gd name="T66" fmla="*/ 200 w 208"/>
              <a:gd name="T67" fmla="*/ 148 h 208"/>
              <a:gd name="T68" fmla="*/ 152 w 208"/>
              <a:gd name="T69" fmla="*/ 144 h 208"/>
              <a:gd name="T70" fmla="*/ 136 w 208"/>
              <a:gd name="T71" fmla="*/ 136 h 208"/>
              <a:gd name="T72" fmla="*/ 164 w 208"/>
              <a:gd name="T73" fmla="*/ 128 h 208"/>
              <a:gd name="T74" fmla="*/ 164 w 208"/>
              <a:gd name="T75" fmla="*/ 120 h 208"/>
              <a:gd name="T76" fmla="*/ 152 w 208"/>
              <a:gd name="T77" fmla="*/ 108 h 208"/>
              <a:gd name="T78" fmla="*/ 144 w 208"/>
              <a:gd name="T79" fmla="*/ 108 h 208"/>
              <a:gd name="T80" fmla="*/ 128 w 208"/>
              <a:gd name="T81" fmla="*/ 136 h 208"/>
              <a:gd name="T82" fmla="*/ 152 w 208"/>
              <a:gd name="T83" fmla="*/ 152 h 208"/>
              <a:gd name="T84" fmla="*/ 152 w 208"/>
              <a:gd name="T85" fmla="*/ 168 h 208"/>
              <a:gd name="T86" fmla="*/ 128 w 208"/>
              <a:gd name="T87" fmla="*/ 172 h 208"/>
              <a:gd name="T88" fmla="*/ 144 w 208"/>
              <a:gd name="T89" fmla="*/ 176 h 208"/>
              <a:gd name="T90" fmla="*/ 148 w 208"/>
              <a:gd name="T91" fmla="*/ 192 h 208"/>
              <a:gd name="T92" fmla="*/ 152 w 208"/>
              <a:gd name="T93" fmla="*/ 176 h 208"/>
              <a:gd name="T94" fmla="*/ 152 w 208"/>
              <a:gd name="T95" fmla="*/ 14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44" y="52"/>
                </a:move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cubicBezTo>
                  <a:pt x="124" y="72"/>
                  <a:pt x="124" y="72"/>
                  <a:pt x="124" y="72"/>
                </a:cubicBezTo>
                <a:cubicBezTo>
                  <a:pt x="135" y="72"/>
                  <a:pt x="144" y="63"/>
                  <a:pt x="144" y="52"/>
                </a:cubicBez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140"/>
                  <a:pt x="24" y="140"/>
                  <a:pt x="24" y="140"/>
                </a:cubicBezTo>
                <a:cubicBezTo>
                  <a:pt x="24" y="140"/>
                  <a:pt x="24" y="140"/>
                  <a:pt x="24" y="140"/>
                </a:cubicBezTo>
                <a:cubicBezTo>
                  <a:pt x="24" y="140"/>
                  <a:pt x="24" y="140"/>
                  <a:pt x="24" y="14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148" y="88"/>
                </a:moveTo>
                <a:cubicBezTo>
                  <a:pt x="115" y="88"/>
                  <a:pt x="88" y="115"/>
                  <a:pt x="88" y="148"/>
                </a:cubicBezTo>
                <a:cubicBezTo>
                  <a:pt x="88" y="181"/>
                  <a:pt x="115" y="208"/>
                  <a:pt x="148" y="208"/>
                </a:cubicBezTo>
                <a:cubicBezTo>
                  <a:pt x="181" y="208"/>
                  <a:pt x="208" y="181"/>
                  <a:pt x="208" y="148"/>
                </a:cubicBezTo>
                <a:cubicBezTo>
                  <a:pt x="208" y="115"/>
                  <a:pt x="181" y="88"/>
                  <a:pt x="148" y="88"/>
                </a:cubicBezTo>
                <a:close/>
                <a:moveTo>
                  <a:pt x="148" y="200"/>
                </a:moveTo>
                <a:cubicBezTo>
                  <a:pt x="119" y="200"/>
                  <a:pt x="96" y="177"/>
                  <a:pt x="96" y="148"/>
                </a:cubicBezTo>
                <a:cubicBezTo>
                  <a:pt x="96" y="119"/>
                  <a:pt x="119" y="96"/>
                  <a:pt x="148" y="96"/>
                </a:cubicBezTo>
                <a:cubicBezTo>
                  <a:pt x="177" y="96"/>
                  <a:pt x="200" y="119"/>
                  <a:pt x="200" y="148"/>
                </a:cubicBezTo>
                <a:cubicBezTo>
                  <a:pt x="200" y="177"/>
                  <a:pt x="177" y="200"/>
                  <a:pt x="148" y="200"/>
                </a:cubicBezTo>
                <a:close/>
                <a:moveTo>
                  <a:pt x="152" y="144"/>
                </a:moveTo>
                <a:cubicBezTo>
                  <a:pt x="144" y="144"/>
                  <a:pt x="144" y="144"/>
                  <a:pt x="144" y="144"/>
                </a:cubicBezTo>
                <a:cubicBezTo>
                  <a:pt x="140" y="144"/>
                  <a:pt x="136" y="140"/>
                  <a:pt x="136" y="136"/>
                </a:cubicBezTo>
                <a:cubicBezTo>
                  <a:pt x="136" y="132"/>
                  <a:pt x="140" y="128"/>
                  <a:pt x="144" y="128"/>
                </a:cubicBezTo>
                <a:cubicBezTo>
                  <a:pt x="164" y="128"/>
                  <a:pt x="164" y="128"/>
                  <a:pt x="164" y="128"/>
                </a:cubicBezTo>
                <a:cubicBezTo>
                  <a:pt x="166" y="128"/>
                  <a:pt x="168" y="126"/>
                  <a:pt x="168" y="124"/>
                </a:cubicBezTo>
                <a:cubicBezTo>
                  <a:pt x="168" y="122"/>
                  <a:pt x="166" y="120"/>
                  <a:pt x="164" y="120"/>
                </a:cubicBezTo>
                <a:cubicBezTo>
                  <a:pt x="152" y="120"/>
                  <a:pt x="152" y="120"/>
                  <a:pt x="152" y="120"/>
                </a:cubicBezTo>
                <a:cubicBezTo>
                  <a:pt x="152" y="108"/>
                  <a:pt x="152" y="108"/>
                  <a:pt x="152" y="108"/>
                </a:cubicBezTo>
                <a:cubicBezTo>
                  <a:pt x="152" y="106"/>
                  <a:pt x="150" y="104"/>
                  <a:pt x="148" y="104"/>
                </a:cubicBezTo>
                <a:cubicBezTo>
                  <a:pt x="146" y="104"/>
                  <a:pt x="144" y="106"/>
                  <a:pt x="144" y="108"/>
                </a:cubicBezTo>
                <a:cubicBezTo>
                  <a:pt x="144" y="120"/>
                  <a:pt x="144" y="120"/>
                  <a:pt x="144" y="120"/>
                </a:cubicBezTo>
                <a:cubicBezTo>
                  <a:pt x="135" y="120"/>
                  <a:pt x="128" y="127"/>
                  <a:pt x="128" y="136"/>
                </a:cubicBezTo>
                <a:cubicBezTo>
                  <a:pt x="128" y="145"/>
                  <a:pt x="135" y="152"/>
                  <a:pt x="144" y="152"/>
                </a:cubicBezTo>
                <a:cubicBezTo>
                  <a:pt x="152" y="152"/>
                  <a:pt x="152" y="152"/>
                  <a:pt x="152" y="152"/>
                </a:cubicBezTo>
                <a:cubicBezTo>
                  <a:pt x="156" y="152"/>
                  <a:pt x="160" y="156"/>
                  <a:pt x="160" y="160"/>
                </a:cubicBezTo>
                <a:cubicBezTo>
                  <a:pt x="160" y="164"/>
                  <a:pt x="156" y="168"/>
                  <a:pt x="152" y="168"/>
                </a:cubicBezTo>
                <a:cubicBezTo>
                  <a:pt x="132" y="168"/>
                  <a:pt x="132" y="168"/>
                  <a:pt x="132" y="168"/>
                </a:cubicBezTo>
                <a:cubicBezTo>
                  <a:pt x="130" y="168"/>
                  <a:pt x="128" y="170"/>
                  <a:pt x="128" y="172"/>
                </a:cubicBezTo>
                <a:cubicBezTo>
                  <a:pt x="128" y="174"/>
                  <a:pt x="130" y="176"/>
                  <a:pt x="132" y="176"/>
                </a:cubicBezTo>
                <a:cubicBezTo>
                  <a:pt x="144" y="176"/>
                  <a:pt x="144" y="176"/>
                  <a:pt x="144" y="176"/>
                </a:cubicBezTo>
                <a:cubicBezTo>
                  <a:pt x="144" y="188"/>
                  <a:pt x="144" y="188"/>
                  <a:pt x="144" y="188"/>
                </a:cubicBezTo>
                <a:cubicBezTo>
                  <a:pt x="144" y="190"/>
                  <a:pt x="146" y="192"/>
                  <a:pt x="148" y="192"/>
                </a:cubicBezTo>
                <a:cubicBezTo>
                  <a:pt x="150" y="192"/>
                  <a:pt x="152" y="190"/>
                  <a:pt x="152" y="188"/>
                </a:cubicBezTo>
                <a:cubicBezTo>
                  <a:pt x="152" y="176"/>
                  <a:pt x="152" y="176"/>
                  <a:pt x="152" y="176"/>
                </a:cubicBezTo>
                <a:cubicBezTo>
                  <a:pt x="161" y="176"/>
                  <a:pt x="168" y="169"/>
                  <a:pt x="168" y="160"/>
                </a:cubicBezTo>
                <a:cubicBezTo>
                  <a:pt x="168" y="151"/>
                  <a:pt x="161" y="144"/>
                  <a:pt x="152" y="14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4" name="Freeform 17">
            <a:extLst>
              <a:ext uri="{FF2B5EF4-FFF2-40B4-BE49-F238E27FC236}">
                <a16:creationId xmlns:a16="http://schemas.microsoft.com/office/drawing/2014/main" id="{0AC7C6E1-6987-16A0-DE3C-44339A93EB8B}"/>
              </a:ext>
              <a:ext uri="{C183D7F6-B498-43B3-948B-1728B52AA6E4}">
                <adec:decorative xmlns:adec="http://schemas.microsoft.com/office/drawing/2017/decorative" val="1"/>
              </a:ext>
            </a:extLst>
          </p:cNvPr>
          <p:cNvSpPr>
            <a:spLocks noEditPoints="1"/>
          </p:cNvSpPr>
          <p:nvPr/>
        </p:nvSpPr>
        <p:spPr bwMode="auto">
          <a:xfrm>
            <a:off x="9689044" y="3020439"/>
            <a:ext cx="359072" cy="359072"/>
          </a:xfrm>
          <a:custGeom>
            <a:avLst/>
            <a:gdLst>
              <a:gd name="T0" fmla="*/ 204 w 208"/>
              <a:gd name="T1" fmla="*/ 80 h 208"/>
              <a:gd name="T2" fmla="*/ 163 w 208"/>
              <a:gd name="T3" fmla="*/ 73 h 208"/>
              <a:gd name="T4" fmla="*/ 132 w 208"/>
              <a:gd name="T5" fmla="*/ 72 h 208"/>
              <a:gd name="T6" fmla="*/ 128 w 208"/>
              <a:gd name="T7" fmla="*/ 76 h 208"/>
              <a:gd name="T8" fmla="*/ 129 w 208"/>
              <a:gd name="T9" fmla="*/ 127 h 208"/>
              <a:gd name="T10" fmla="*/ 164 w 208"/>
              <a:gd name="T11" fmla="*/ 128 h 208"/>
              <a:gd name="T12" fmla="*/ 156 w 208"/>
              <a:gd name="T13" fmla="*/ 144 h 208"/>
              <a:gd name="T14" fmla="*/ 108 w 208"/>
              <a:gd name="T15" fmla="*/ 56 h 208"/>
              <a:gd name="T16" fmla="*/ 143 w 208"/>
              <a:gd name="T17" fmla="*/ 55 h 208"/>
              <a:gd name="T18" fmla="*/ 144 w 208"/>
              <a:gd name="T19" fmla="*/ 12 h 208"/>
              <a:gd name="T20" fmla="*/ 140 w 208"/>
              <a:gd name="T21" fmla="*/ 8 h 208"/>
              <a:gd name="T22" fmla="*/ 99 w 208"/>
              <a:gd name="T23" fmla="*/ 1 h 208"/>
              <a:gd name="T24" fmla="*/ 68 w 208"/>
              <a:gd name="T25" fmla="*/ 0 h 208"/>
              <a:gd name="T26" fmla="*/ 64 w 208"/>
              <a:gd name="T27" fmla="*/ 4 h 208"/>
              <a:gd name="T28" fmla="*/ 65 w 208"/>
              <a:gd name="T29" fmla="*/ 55 h 208"/>
              <a:gd name="T30" fmla="*/ 100 w 208"/>
              <a:gd name="T31" fmla="*/ 56 h 208"/>
              <a:gd name="T32" fmla="*/ 52 w 208"/>
              <a:gd name="T33" fmla="*/ 144 h 208"/>
              <a:gd name="T34" fmla="*/ 44 w 208"/>
              <a:gd name="T35" fmla="*/ 128 h 208"/>
              <a:gd name="T36" fmla="*/ 79 w 208"/>
              <a:gd name="T37" fmla="*/ 127 h 208"/>
              <a:gd name="T38" fmla="*/ 80 w 208"/>
              <a:gd name="T39" fmla="*/ 84 h 208"/>
              <a:gd name="T40" fmla="*/ 76 w 208"/>
              <a:gd name="T41" fmla="*/ 80 h 208"/>
              <a:gd name="T42" fmla="*/ 35 w 208"/>
              <a:gd name="T43" fmla="*/ 73 h 208"/>
              <a:gd name="T44" fmla="*/ 4 w 208"/>
              <a:gd name="T45" fmla="*/ 72 h 208"/>
              <a:gd name="T46" fmla="*/ 0 w 208"/>
              <a:gd name="T47" fmla="*/ 76 h 208"/>
              <a:gd name="T48" fmla="*/ 1 w 208"/>
              <a:gd name="T49" fmla="*/ 127 h 208"/>
              <a:gd name="T50" fmla="*/ 36 w 208"/>
              <a:gd name="T51" fmla="*/ 128 h 208"/>
              <a:gd name="T52" fmla="*/ 52 w 208"/>
              <a:gd name="T53" fmla="*/ 152 h 208"/>
              <a:gd name="T54" fmla="*/ 100 w 208"/>
              <a:gd name="T55" fmla="*/ 168 h 208"/>
              <a:gd name="T56" fmla="*/ 44 w 208"/>
              <a:gd name="T57" fmla="*/ 184 h 208"/>
              <a:gd name="T58" fmla="*/ 44 w 208"/>
              <a:gd name="T59" fmla="*/ 192 h 208"/>
              <a:gd name="T60" fmla="*/ 104 w 208"/>
              <a:gd name="T61" fmla="*/ 208 h 208"/>
              <a:gd name="T62" fmla="*/ 164 w 208"/>
              <a:gd name="T63" fmla="*/ 192 h 208"/>
              <a:gd name="T64" fmla="*/ 164 w 208"/>
              <a:gd name="T65" fmla="*/ 184 h 208"/>
              <a:gd name="T66" fmla="*/ 108 w 208"/>
              <a:gd name="T67" fmla="*/ 168 h 208"/>
              <a:gd name="T68" fmla="*/ 156 w 208"/>
              <a:gd name="T69" fmla="*/ 152 h 208"/>
              <a:gd name="T70" fmla="*/ 172 w 208"/>
              <a:gd name="T71" fmla="*/ 128 h 208"/>
              <a:gd name="T72" fmla="*/ 207 w 208"/>
              <a:gd name="T73" fmla="*/ 127 h 208"/>
              <a:gd name="T74" fmla="*/ 208 w 208"/>
              <a:gd name="T75" fmla="*/ 84 h 208"/>
              <a:gd name="T76" fmla="*/ 72 w 208"/>
              <a:gd name="T77" fmla="*/ 48 h 208"/>
              <a:gd name="T78" fmla="*/ 94 w 208"/>
              <a:gd name="T79" fmla="*/ 8 h 208"/>
              <a:gd name="T80" fmla="*/ 104 w 208"/>
              <a:gd name="T81" fmla="*/ 16 h 208"/>
              <a:gd name="T82" fmla="*/ 136 w 208"/>
              <a:gd name="T83" fmla="*/ 48 h 208"/>
              <a:gd name="T84" fmla="*/ 8 w 208"/>
              <a:gd name="T85" fmla="*/ 80 h 208"/>
              <a:gd name="T86" fmla="*/ 37 w 208"/>
              <a:gd name="T87" fmla="*/ 87 h 208"/>
              <a:gd name="T88" fmla="*/ 72 w 208"/>
              <a:gd name="T89" fmla="*/ 88 h 208"/>
              <a:gd name="T90" fmla="*/ 8 w 208"/>
              <a:gd name="T91" fmla="*/ 120 h 208"/>
              <a:gd name="T92" fmla="*/ 116 w 208"/>
              <a:gd name="T93" fmla="*/ 188 h 208"/>
              <a:gd name="T94" fmla="*/ 92 w 208"/>
              <a:gd name="T95" fmla="*/ 188 h 208"/>
              <a:gd name="T96" fmla="*/ 92 w 208"/>
              <a:gd name="T97" fmla="*/ 188 h 208"/>
              <a:gd name="T98" fmla="*/ 116 w 208"/>
              <a:gd name="T99" fmla="*/ 188 h 208"/>
              <a:gd name="T100" fmla="*/ 136 w 208"/>
              <a:gd name="T101" fmla="*/ 80 h 208"/>
              <a:gd name="T102" fmla="*/ 165 w 208"/>
              <a:gd name="T103" fmla="*/ 87 h 208"/>
              <a:gd name="T104" fmla="*/ 200 w 208"/>
              <a:gd name="T105" fmla="*/ 88 h 208"/>
              <a:gd name="T106" fmla="*/ 136 w 208"/>
              <a:gd name="T107" fmla="*/ 12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208" h="208">
                <a:moveTo>
                  <a:pt x="207" y="81"/>
                </a:moveTo>
                <a:cubicBezTo>
                  <a:pt x="206" y="80"/>
                  <a:pt x="205" y="80"/>
                  <a:pt x="204" y="80"/>
                </a:cubicBezTo>
                <a:cubicBezTo>
                  <a:pt x="170" y="80"/>
                  <a:pt x="170" y="80"/>
                  <a:pt x="170" y="80"/>
                </a:cubicBezTo>
                <a:cubicBezTo>
                  <a:pt x="163" y="73"/>
                  <a:pt x="163" y="73"/>
                  <a:pt x="163" y="73"/>
                </a:cubicBezTo>
                <a:cubicBezTo>
                  <a:pt x="162" y="72"/>
                  <a:pt x="161" y="72"/>
                  <a:pt x="160" y="72"/>
                </a:cubicBezTo>
                <a:cubicBezTo>
                  <a:pt x="132" y="72"/>
                  <a:pt x="132" y="72"/>
                  <a:pt x="132" y="72"/>
                </a:cubicBezTo>
                <a:cubicBezTo>
                  <a:pt x="131" y="72"/>
                  <a:pt x="130" y="72"/>
                  <a:pt x="129" y="73"/>
                </a:cubicBezTo>
                <a:cubicBezTo>
                  <a:pt x="128" y="74"/>
                  <a:pt x="128" y="75"/>
                  <a:pt x="128" y="76"/>
                </a:cubicBezTo>
                <a:cubicBezTo>
                  <a:pt x="128" y="124"/>
                  <a:pt x="128" y="124"/>
                  <a:pt x="128" y="124"/>
                </a:cubicBezTo>
                <a:cubicBezTo>
                  <a:pt x="128" y="125"/>
                  <a:pt x="128" y="126"/>
                  <a:pt x="129" y="127"/>
                </a:cubicBezTo>
                <a:cubicBezTo>
                  <a:pt x="130" y="128"/>
                  <a:pt x="131" y="128"/>
                  <a:pt x="132" y="128"/>
                </a:cubicBezTo>
                <a:cubicBezTo>
                  <a:pt x="164" y="128"/>
                  <a:pt x="164" y="128"/>
                  <a:pt x="164" y="128"/>
                </a:cubicBezTo>
                <a:cubicBezTo>
                  <a:pt x="164" y="136"/>
                  <a:pt x="164" y="136"/>
                  <a:pt x="164" y="136"/>
                </a:cubicBezTo>
                <a:cubicBezTo>
                  <a:pt x="164" y="140"/>
                  <a:pt x="160" y="144"/>
                  <a:pt x="156" y="144"/>
                </a:cubicBezTo>
                <a:cubicBezTo>
                  <a:pt x="108" y="144"/>
                  <a:pt x="108" y="144"/>
                  <a:pt x="108" y="144"/>
                </a:cubicBezTo>
                <a:cubicBezTo>
                  <a:pt x="108" y="56"/>
                  <a:pt x="108" y="56"/>
                  <a:pt x="108" y="56"/>
                </a:cubicBezTo>
                <a:cubicBezTo>
                  <a:pt x="140" y="56"/>
                  <a:pt x="140" y="56"/>
                  <a:pt x="140" y="56"/>
                </a:cubicBezTo>
                <a:cubicBezTo>
                  <a:pt x="141" y="56"/>
                  <a:pt x="142" y="56"/>
                  <a:pt x="143" y="55"/>
                </a:cubicBezTo>
                <a:cubicBezTo>
                  <a:pt x="144" y="54"/>
                  <a:pt x="144" y="53"/>
                  <a:pt x="144" y="52"/>
                </a:cubicBezTo>
                <a:cubicBezTo>
                  <a:pt x="144" y="12"/>
                  <a:pt x="144" y="12"/>
                  <a:pt x="144" y="12"/>
                </a:cubicBezTo>
                <a:cubicBezTo>
                  <a:pt x="144" y="11"/>
                  <a:pt x="144" y="10"/>
                  <a:pt x="143" y="9"/>
                </a:cubicBezTo>
                <a:cubicBezTo>
                  <a:pt x="142" y="8"/>
                  <a:pt x="141" y="8"/>
                  <a:pt x="140" y="8"/>
                </a:cubicBezTo>
                <a:cubicBezTo>
                  <a:pt x="106" y="8"/>
                  <a:pt x="106" y="8"/>
                  <a:pt x="106" y="8"/>
                </a:cubicBezTo>
                <a:cubicBezTo>
                  <a:pt x="99" y="1"/>
                  <a:pt x="99" y="1"/>
                  <a:pt x="99" y="1"/>
                </a:cubicBezTo>
                <a:cubicBezTo>
                  <a:pt x="98" y="0"/>
                  <a:pt x="97" y="0"/>
                  <a:pt x="96" y="0"/>
                </a:cubicBezTo>
                <a:cubicBezTo>
                  <a:pt x="68" y="0"/>
                  <a:pt x="68" y="0"/>
                  <a:pt x="68" y="0"/>
                </a:cubicBezTo>
                <a:cubicBezTo>
                  <a:pt x="67" y="0"/>
                  <a:pt x="66" y="0"/>
                  <a:pt x="65" y="1"/>
                </a:cubicBezTo>
                <a:cubicBezTo>
                  <a:pt x="64" y="2"/>
                  <a:pt x="64" y="3"/>
                  <a:pt x="64" y="4"/>
                </a:cubicBezTo>
                <a:cubicBezTo>
                  <a:pt x="64" y="52"/>
                  <a:pt x="64" y="52"/>
                  <a:pt x="64" y="52"/>
                </a:cubicBezTo>
                <a:cubicBezTo>
                  <a:pt x="64" y="53"/>
                  <a:pt x="64" y="54"/>
                  <a:pt x="65" y="55"/>
                </a:cubicBezTo>
                <a:cubicBezTo>
                  <a:pt x="66" y="56"/>
                  <a:pt x="67" y="56"/>
                  <a:pt x="68" y="56"/>
                </a:cubicBezTo>
                <a:cubicBezTo>
                  <a:pt x="100" y="56"/>
                  <a:pt x="100" y="56"/>
                  <a:pt x="100" y="56"/>
                </a:cubicBezTo>
                <a:cubicBezTo>
                  <a:pt x="100" y="144"/>
                  <a:pt x="100" y="144"/>
                  <a:pt x="100" y="144"/>
                </a:cubicBezTo>
                <a:cubicBezTo>
                  <a:pt x="52" y="144"/>
                  <a:pt x="52" y="144"/>
                  <a:pt x="52" y="144"/>
                </a:cubicBezTo>
                <a:cubicBezTo>
                  <a:pt x="48" y="144"/>
                  <a:pt x="44" y="140"/>
                  <a:pt x="44" y="136"/>
                </a:cubicBezTo>
                <a:cubicBezTo>
                  <a:pt x="44" y="128"/>
                  <a:pt x="44" y="128"/>
                  <a:pt x="44" y="128"/>
                </a:cubicBezTo>
                <a:cubicBezTo>
                  <a:pt x="76" y="128"/>
                  <a:pt x="76" y="128"/>
                  <a:pt x="76" y="128"/>
                </a:cubicBezTo>
                <a:cubicBezTo>
                  <a:pt x="77" y="128"/>
                  <a:pt x="78" y="128"/>
                  <a:pt x="79" y="127"/>
                </a:cubicBezTo>
                <a:cubicBezTo>
                  <a:pt x="80" y="126"/>
                  <a:pt x="80" y="125"/>
                  <a:pt x="80" y="124"/>
                </a:cubicBezTo>
                <a:cubicBezTo>
                  <a:pt x="80" y="84"/>
                  <a:pt x="80" y="84"/>
                  <a:pt x="80" y="84"/>
                </a:cubicBezTo>
                <a:cubicBezTo>
                  <a:pt x="80" y="83"/>
                  <a:pt x="80" y="82"/>
                  <a:pt x="79" y="81"/>
                </a:cubicBezTo>
                <a:cubicBezTo>
                  <a:pt x="78" y="80"/>
                  <a:pt x="77" y="80"/>
                  <a:pt x="76" y="80"/>
                </a:cubicBezTo>
                <a:cubicBezTo>
                  <a:pt x="42" y="80"/>
                  <a:pt x="42" y="80"/>
                  <a:pt x="42" y="80"/>
                </a:cubicBezTo>
                <a:cubicBezTo>
                  <a:pt x="35" y="73"/>
                  <a:pt x="35" y="73"/>
                  <a:pt x="35" y="73"/>
                </a:cubicBezTo>
                <a:cubicBezTo>
                  <a:pt x="34" y="72"/>
                  <a:pt x="33" y="72"/>
                  <a:pt x="32" y="72"/>
                </a:cubicBezTo>
                <a:cubicBezTo>
                  <a:pt x="4" y="72"/>
                  <a:pt x="4" y="72"/>
                  <a:pt x="4" y="72"/>
                </a:cubicBezTo>
                <a:cubicBezTo>
                  <a:pt x="3" y="72"/>
                  <a:pt x="2" y="72"/>
                  <a:pt x="1" y="73"/>
                </a:cubicBezTo>
                <a:cubicBezTo>
                  <a:pt x="0" y="74"/>
                  <a:pt x="0" y="75"/>
                  <a:pt x="0" y="76"/>
                </a:cubicBezTo>
                <a:cubicBezTo>
                  <a:pt x="0" y="124"/>
                  <a:pt x="0" y="124"/>
                  <a:pt x="0" y="124"/>
                </a:cubicBezTo>
                <a:cubicBezTo>
                  <a:pt x="0" y="125"/>
                  <a:pt x="0" y="126"/>
                  <a:pt x="1" y="127"/>
                </a:cubicBezTo>
                <a:cubicBezTo>
                  <a:pt x="2" y="128"/>
                  <a:pt x="3" y="128"/>
                  <a:pt x="4" y="128"/>
                </a:cubicBezTo>
                <a:cubicBezTo>
                  <a:pt x="36" y="128"/>
                  <a:pt x="36" y="128"/>
                  <a:pt x="36" y="128"/>
                </a:cubicBezTo>
                <a:cubicBezTo>
                  <a:pt x="36" y="136"/>
                  <a:pt x="36" y="136"/>
                  <a:pt x="36" y="136"/>
                </a:cubicBezTo>
                <a:cubicBezTo>
                  <a:pt x="36" y="145"/>
                  <a:pt x="43" y="152"/>
                  <a:pt x="52" y="152"/>
                </a:cubicBezTo>
                <a:cubicBezTo>
                  <a:pt x="100" y="152"/>
                  <a:pt x="100" y="152"/>
                  <a:pt x="100" y="152"/>
                </a:cubicBezTo>
                <a:cubicBezTo>
                  <a:pt x="100" y="168"/>
                  <a:pt x="100" y="168"/>
                  <a:pt x="100" y="168"/>
                </a:cubicBezTo>
                <a:cubicBezTo>
                  <a:pt x="92" y="170"/>
                  <a:pt x="86" y="176"/>
                  <a:pt x="84" y="184"/>
                </a:cubicBezTo>
                <a:cubicBezTo>
                  <a:pt x="44" y="184"/>
                  <a:pt x="44" y="184"/>
                  <a:pt x="44" y="184"/>
                </a:cubicBezTo>
                <a:cubicBezTo>
                  <a:pt x="42" y="184"/>
                  <a:pt x="40" y="186"/>
                  <a:pt x="40" y="188"/>
                </a:cubicBezTo>
                <a:cubicBezTo>
                  <a:pt x="40" y="190"/>
                  <a:pt x="42" y="192"/>
                  <a:pt x="44" y="192"/>
                </a:cubicBezTo>
                <a:cubicBezTo>
                  <a:pt x="84" y="192"/>
                  <a:pt x="84" y="192"/>
                  <a:pt x="84" y="192"/>
                </a:cubicBezTo>
                <a:cubicBezTo>
                  <a:pt x="86" y="201"/>
                  <a:pt x="94" y="208"/>
                  <a:pt x="104" y="208"/>
                </a:cubicBezTo>
                <a:cubicBezTo>
                  <a:pt x="114" y="208"/>
                  <a:pt x="122" y="201"/>
                  <a:pt x="124" y="192"/>
                </a:cubicBezTo>
                <a:cubicBezTo>
                  <a:pt x="164" y="192"/>
                  <a:pt x="164" y="192"/>
                  <a:pt x="164" y="192"/>
                </a:cubicBezTo>
                <a:cubicBezTo>
                  <a:pt x="166" y="192"/>
                  <a:pt x="168" y="190"/>
                  <a:pt x="168" y="188"/>
                </a:cubicBezTo>
                <a:cubicBezTo>
                  <a:pt x="168" y="186"/>
                  <a:pt x="166" y="184"/>
                  <a:pt x="164" y="184"/>
                </a:cubicBezTo>
                <a:cubicBezTo>
                  <a:pt x="124" y="184"/>
                  <a:pt x="124" y="184"/>
                  <a:pt x="124" y="184"/>
                </a:cubicBezTo>
                <a:cubicBezTo>
                  <a:pt x="122" y="176"/>
                  <a:pt x="116" y="170"/>
                  <a:pt x="108" y="168"/>
                </a:cubicBezTo>
                <a:cubicBezTo>
                  <a:pt x="108" y="152"/>
                  <a:pt x="108" y="152"/>
                  <a:pt x="108" y="152"/>
                </a:cubicBezTo>
                <a:cubicBezTo>
                  <a:pt x="156" y="152"/>
                  <a:pt x="156" y="152"/>
                  <a:pt x="156" y="152"/>
                </a:cubicBezTo>
                <a:cubicBezTo>
                  <a:pt x="165" y="152"/>
                  <a:pt x="172" y="145"/>
                  <a:pt x="172" y="136"/>
                </a:cubicBezTo>
                <a:cubicBezTo>
                  <a:pt x="172" y="128"/>
                  <a:pt x="172" y="128"/>
                  <a:pt x="172" y="128"/>
                </a:cubicBezTo>
                <a:cubicBezTo>
                  <a:pt x="204" y="128"/>
                  <a:pt x="204" y="128"/>
                  <a:pt x="204" y="128"/>
                </a:cubicBezTo>
                <a:cubicBezTo>
                  <a:pt x="205" y="128"/>
                  <a:pt x="206" y="128"/>
                  <a:pt x="207" y="127"/>
                </a:cubicBezTo>
                <a:cubicBezTo>
                  <a:pt x="208" y="126"/>
                  <a:pt x="208" y="125"/>
                  <a:pt x="208" y="124"/>
                </a:cubicBezTo>
                <a:cubicBezTo>
                  <a:pt x="208" y="84"/>
                  <a:pt x="208" y="84"/>
                  <a:pt x="208" y="84"/>
                </a:cubicBezTo>
                <a:cubicBezTo>
                  <a:pt x="208" y="83"/>
                  <a:pt x="208" y="82"/>
                  <a:pt x="207" y="81"/>
                </a:cubicBezTo>
                <a:close/>
                <a:moveTo>
                  <a:pt x="72" y="48"/>
                </a:moveTo>
                <a:cubicBezTo>
                  <a:pt x="72" y="8"/>
                  <a:pt x="72" y="8"/>
                  <a:pt x="72" y="8"/>
                </a:cubicBezTo>
                <a:cubicBezTo>
                  <a:pt x="94" y="8"/>
                  <a:pt x="94" y="8"/>
                  <a:pt x="94" y="8"/>
                </a:cubicBezTo>
                <a:cubicBezTo>
                  <a:pt x="101" y="15"/>
                  <a:pt x="101" y="15"/>
                  <a:pt x="101" y="15"/>
                </a:cubicBezTo>
                <a:cubicBezTo>
                  <a:pt x="102" y="16"/>
                  <a:pt x="103" y="16"/>
                  <a:pt x="104" y="16"/>
                </a:cubicBezTo>
                <a:cubicBezTo>
                  <a:pt x="136" y="16"/>
                  <a:pt x="136" y="16"/>
                  <a:pt x="136" y="16"/>
                </a:cubicBezTo>
                <a:cubicBezTo>
                  <a:pt x="136" y="48"/>
                  <a:pt x="136" y="48"/>
                  <a:pt x="136" y="48"/>
                </a:cubicBezTo>
                <a:lnTo>
                  <a:pt x="72" y="48"/>
                </a:lnTo>
                <a:close/>
                <a:moveTo>
                  <a:pt x="8" y="80"/>
                </a:moveTo>
                <a:cubicBezTo>
                  <a:pt x="30" y="80"/>
                  <a:pt x="30" y="80"/>
                  <a:pt x="30" y="80"/>
                </a:cubicBezTo>
                <a:cubicBezTo>
                  <a:pt x="37" y="87"/>
                  <a:pt x="37" y="87"/>
                  <a:pt x="37" y="87"/>
                </a:cubicBezTo>
                <a:cubicBezTo>
                  <a:pt x="38" y="88"/>
                  <a:pt x="39" y="88"/>
                  <a:pt x="40" y="88"/>
                </a:cubicBezTo>
                <a:cubicBezTo>
                  <a:pt x="72" y="88"/>
                  <a:pt x="72" y="88"/>
                  <a:pt x="72" y="88"/>
                </a:cubicBezTo>
                <a:cubicBezTo>
                  <a:pt x="72" y="120"/>
                  <a:pt x="72" y="120"/>
                  <a:pt x="72" y="120"/>
                </a:cubicBezTo>
                <a:cubicBezTo>
                  <a:pt x="8" y="120"/>
                  <a:pt x="8" y="120"/>
                  <a:pt x="8" y="120"/>
                </a:cubicBezTo>
                <a:lnTo>
                  <a:pt x="8" y="80"/>
                </a:lnTo>
                <a:close/>
                <a:moveTo>
                  <a:pt x="116" y="188"/>
                </a:moveTo>
                <a:cubicBezTo>
                  <a:pt x="116" y="195"/>
                  <a:pt x="111" y="200"/>
                  <a:pt x="104" y="200"/>
                </a:cubicBezTo>
                <a:cubicBezTo>
                  <a:pt x="97" y="200"/>
                  <a:pt x="92" y="195"/>
                  <a:pt x="92" y="188"/>
                </a:cubicBezTo>
                <a:cubicBezTo>
                  <a:pt x="92" y="188"/>
                  <a:pt x="92" y="188"/>
                  <a:pt x="92" y="188"/>
                </a:cubicBezTo>
                <a:cubicBezTo>
                  <a:pt x="92" y="188"/>
                  <a:pt x="92" y="188"/>
                  <a:pt x="92" y="188"/>
                </a:cubicBezTo>
                <a:cubicBezTo>
                  <a:pt x="92" y="181"/>
                  <a:pt x="97" y="176"/>
                  <a:pt x="104" y="176"/>
                </a:cubicBezTo>
                <a:cubicBezTo>
                  <a:pt x="111" y="176"/>
                  <a:pt x="116" y="181"/>
                  <a:pt x="116" y="188"/>
                </a:cubicBezTo>
                <a:close/>
                <a:moveTo>
                  <a:pt x="136" y="120"/>
                </a:moveTo>
                <a:cubicBezTo>
                  <a:pt x="136" y="80"/>
                  <a:pt x="136" y="80"/>
                  <a:pt x="136" y="80"/>
                </a:cubicBezTo>
                <a:cubicBezTo>
                  <a:pt x="158" y="80"/>
                  <a:pt x="158" y="80"/>
                  <a:pt x="158" y="80"/>
                </a:cubicBezTo>
                <a:cubicBezTo>
                  <a:pt x="165" y="87"/>
                  <a:pt x="165" y="87"/>
                  <a:pt x="165" y="87"/>
                </a:cubicBezTo>
                <a:cubicBezTo>
                  <a:pt x="166" y="88"/>
                  <a:pt x="167" y="88"/>
                  <a:pt x="168" y="88"/>
                </a:cubicBezTo>
                <a:cubicBezTo>
                  <a:pt x="200" y="88"/>
                  <a:pt x="200" y="88"/>
                  <a:pt x="200" y="88"/>
                </a:cubicBezTo>
                <a:cubicBezTo>
                  <a:pt x="200" y="120"/>
                  <a:pt x="200" y="120"/>
                  <a:pt x="200" y="120"/>
                </a:cubicBezTo>
                <a:lnTo>
                  <a:pt x="136" y="120"/>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pic>
        <p:nvPicPr>
          <p:cNvPr id="129" name="Graphic 9">
            <a:extLst>
              <a:ext uri="{FF2B5EF4-FFF2-40B4-BE49-F238E27FC236}">
                <a16:creationId xmlns:a16="http://schemas.microsoft.com/office/drawing/2014/main" id="{2FAF0B59-A6CA-0932-3C6B-9C0D6EF95C29}"/>
              </a:ext>
              <a:ext uri="{C183D7F6-B498-43B3-948B-1728B52AA6E4}">
                <adec:decorative xmlns:adec="http://schemas.microsoft.com/office/drawing/2017/decorative" val="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480101" y="4129420"/>
            <a:ext cx="431800" cy="349250"/>
          </a:xfrm>
          <a:prstGeom prst="rect">
            <a:avLst/>
          </a:prstGeom>
        </p:spPr>
      </p:pic>
      <p:sp>
        <p:nvSpPr>
          <p:cNvPr id="144" name="Rectangle: Rounded Corners 143">
            <a:extLst>
              <a:ext uri="{FF2B5EF4-FFF2-40B4-BE49-F238E27FC236}">
                <a16:creationId xmlns:a16="http://schemas.microsoft.com/office/drawing/2014/main" id="{6C188DB7-AD12-05DA-E2E4-40BA480500DA}"/>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5" name="TextBox 144">
            <a:extLst>
              <a:ext uri="{FF2B5EF4-FFF2-40B4-BE49-F238E27FC236}">
                <a16:creationId xmlns:a16="http://schemas.microsoft.com/office/drawing/2014/main" id="{F79D2F08-A30C-DD19-06BF-209C60DA1E81}"/>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Omkostningsdrivere</a:t>
            </a:r>
          </a:p>
        </p:txBody>
      </p:sp>
      <p:sp>
        <p:nvSpPr>
          <p:cNvPr id="213" name="Content Placeholder 5">
            <a:extLst>
              <a:ext uri="{FF2B5EF4-FFF2-40B4-BE49-F238E27FC236}">
                <a16:creationId xmlns:a16="http://schemas.microsoft.com/office/drawing/2014/main" id="{2F5705DB-CD0A-E271-EAF7-BF1D16E18AC2}"/>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a:solidFill>
                  <a:schemeClr val="tx1"/>
                </a:solidFill>
              </a:rPr>
              <a:t>Omkostningsniveauer er udtryk for en relativ vurdering på tværs af cases foretaget af PA</a:t>
            </a:r>
          </a:p>
        </p:txBody>
      </p:sp>
      <p:grpSp>
        <p:nvGrpSpPr>
          <p:cNvPr id="150" name="Group 149" descr="Projektledelse er en lille til mellem midlertidig omkostningsdriver">
            <a:extLst>
              <a:ext uri="{FF2B5EF4-FFF2-40B4-BE49-F238E27FC236}">
                <a16:creationId xmlns:a16="http://schemas.microsoft.com/office/drawing/2014/main" id="{03713ADE-6E39-8619-E482-05B104688132}"/>
              </a:ext>
              <a:ext uri="{C183D7F6-B498-43B3-948B-1728B52AA6E4}">
                <adec:decorative xmlns:adec="http://schemas.microsoft.com/office/drawing/2017/decorative" val="0"/>
              </a:ext>
            </a:extLst>
          </p:cNvPr>
          <p:cNvGrpSpPr/>
          <p:nvPr/>
        </p:nvGrpSpPr>
        <p:grpSpPr>
          <a:xfrm>
            <a:off x="7290762" y="2788420"/>
            <a:ext cx="1577742" cy="265864"/>
            <a:chOff x="860772" y="4884291"/>
            <a:chExt cx="1487909" cy="250726"/>
          </a:xfrm>
        </p:grpSpPr>
        <p:grpSp>
          <p:nvGrpSpPr>
            <p:cNvPr id="151" name="Group 150">
              <a:extLst>
                <a:ext uri="{FF2B5EF4-FFF2-40B4-BE49-F238E27FC236}">
                  <a16:creationId xmlns:a16="http://schemas.microsoft.com/office/drawing/2014/main" id="{AEE582C6-54D9-7BFE-F6CC-3E6177615E67}"/>
                </a:ext>
              </a:extLst>
            </p:cNvPr>
            <p:cNvGrpSpPr/>
            <p:nvPr/>
          </p:nvGrpSpPr>
          <p:grpSpPr>
            <a:xfrm>
              <a:off x="860772" y="4884291"/>
              <a:ext cx="1487909" cy="212473"/>
              <a:chOff x="5354949" y="3009711"/>
              <a:chExt cx="1645739" cy="202758"/>
            </a:xfrm>
          </p:grpSpPr>
          <p:grpSp>
            <p:nvGrpSpPr>
              <p:cNvPr id="153" name="Group 152">
                <a:extLst>
                  <a:ext uri="{FF2B5EF4-FFF2-40B4-BE49-F238E27FC236}">
                    <a16:creationId xmlns:a16="http://schemas.microsoft.com/office/drawing/2014/main" id="{2AE58822-64CB-F23E-E539-92AB78255933}"/>
                  </a:ext>
                </a:extLst>
              </p:cNvPr>
              <p:cNvGrpSpPr/>
              <p:nvPr/>
            </p:nvGrpSpPr>
            <p:grpSpPr>
              <a:xfrm>
                <a:off x="5458296" y="3153610"/>
                <a:ext cx="1445092" cy="45719"/>
                <a:chOff x="5458296" y="3153610"/>
                <a:chExt cx="1445092" cy="45719"/>
              </a:xfrm>
            </p:grpSpPr>
            <p:cxnSp>
              <p:nvCxnSpPr>
                <p:cNvPr id="157" name="Straight Connector 156">
                  <a:extLst>
                    <a:ext uri="{FF2B5EF4-FFF2-40B4-BE49-F238E27FC236}">
                      <a16:creationId xmlns:a16="http://schemas.microsoft.com/office/drawing/2014/main" id="{3DB71BBF-462D-CF7D-5FDD-98D1ED5838F1}"/>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58" name="Oval 157">
                  <a:extLst>
                    <a:ext uri="{FF2B5EF4-FFF2-40B4-BE49-F238E27FC236}">
                      <a16:creationId xmlns:a16="http://schemas.microsoft.com/office/drawing/2014/main" id="{C933F75C-76B0-FA1D-8F6F-840B48160E0B}"/>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59" name="Oval 158">
                  <a:extLst>
                    <a:ext uri="{FF2B5EF4-FFF2-40B4-BE49-F238E27FC236}">
                      <a16:creationId xmlns:a16="http://schemas.microsoft.com/office/drawing/2014/main" id="{1187C44D-F122-22F6-9367-F4373DABD35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54" name="Straight Connector 153">
                <a:extLst>
                  <a:ext uri="{FF2B5EF4-FFF2-40B4-BE49-F238E27FC236}">
                    <a16:creationId xmlns:a16="http://schemas.microsoft.com/office/drawing/2014/main" id="{3C2264E5-61CC-D8B7-D89C-E717EC1E9710}"/>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55" name="TextBox 154">
                <a:extLst>
                  <a:ext uri="{FF2B5EF4-FFF2-40B4-BE49-F238E27FC236}">
                    <a16:creationId xmlns:a16="http://schemas.microsoft.com/office/drawing/2014/main" id="{22581E91-80B8-83CD-02D3-C2A3BE559293}"/>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56" name="TextBox 155">
                <a:extLst>
                  <a:ext uri="{FF2B5EF4-FFF2-40B4-BE49-F238E27FC236}">
                    <a16:creationId xmlns:a16="http://schemas.microsoft.com/office/drawing/2014/main" id="{1D8FE272-88FE-A4A3-30B7-74CC1E15BF99}"/>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52" name="Oval 151">
              <a:extLst>
                <a:ext uri="{FF2B5EF4-FFF2-40B4-BE49-F238E27FC236}">
                  <a16:creationId xmlns:a16="http://schemas.microsoft.com/office/drawing/2014/main" id="{6EE7D27B-6686-A78A-82FA-BFA6E4253565}"/>
                </a:ext>
              </a:extLst>
            </p:cNvPr>
            <p:cNvSpPr/>
            <p:nvPr/>
          </p:nvSpPr>
          <p:spPr>
            <a:xfrm>
              <a:off x="1359398"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63" name="Group 162" descr="Organisatorisk implementering er en mellem midlertidig omkostningsdriver">
            <a:extLst>
              <a:ext uri="{FF2B5EF4-FFF2-40B4-BE49-F238E27FC236}">
                <a16:creationId xmlns:a16="http://schemas.microsoft.com/office/drawing/2014/main" id="{D48FF1B4-D774-2722-018C-F218D00BC13D}"/>
              </a:ext>
              <a:ext uri="{C183D7F6-B498-43B3-948B-1728B52AA6E4}">
                <adec:decorative xmlns:adec="http://schemas.microsoft.com/office/drawing/2017/decorative" val="0"/>
              </a:ext>
            </a:extLst>
          </p:cNvPr>
          <p:cNvGrpSpPr/>
          <p:nvPr/>
        </p:nvGrpSpPr>
        <p:grpSpPr>
          <a:xfrm>
            <a:off x="7290762" y="3344608"/>
            <a:ext cx="1577742" cy="265864"/>
            <a:chOff x="860772" y="4884291"/>
            <a:chExt cx="1487909" cy="250726"/>
          </a:xfrm>
        </p:grpSpPr>
        <p:grpSp>
          <p:nvGrpSpPr>
            <p:cNvPr id="164" name="Group 163">
              <a:extLst>
                <a:ext uri="{FF2B5EF4-FFF2-40B4-BE49-F238E27FC236}">
                  <a16:creationId xmlns:a16="http://schemas.microsoft.com/office/drawing/2014/main" id="{521B11E1-B37B-B667-E4E5-7DDB5706174B}"/>
                </a:ext>
              </a:extLst>
            </p:cNvPr>
            <p:cNvGrpSpPr/>
            <p:nvPr/>
          </p:nvGrpSpPr>
          <p:grpSpPr>
            <a:xfrm>
              <a:off x="860772" y="4884291"/>
              <a:ext cx="1487909" cy="212473"/>
              <a:chOff x="5354949" y="3009711"/>
              <a:chExt cx="1645739" cy="202758"/>
            </a:xfrm>
          </p:grpSpPr>
          <p:grpSp>
            <p:nvGrpSpPr>
              <p:cNvPr id="166" name="Group 165">
                <a:extLst>
                  <a:ext uri="{FF2B5EF4-FFF2-40B4-BE49-F238E27FC236}">
                    <a16:creationId xmlns:a16="http://schemas.microsoft.com/office/drawing/2014/main" id="{0CF9A4D7-1CB6-60C7-A7F1-FD51C586A984}"/>
                  </a:ext>
                </a:extLst>
              </p:cNvPr>
              <p:cNvGrpSpPr/>
              <p:nvPr/>
            </p:nvGrpSpPr>
            <p:grpSpPr>
              <a:xfrm>
                <a:off x="5458296" y="3153610"/>
                <a:ext cx="1445092" cy="45719"/>
                <a:chOff x="5458296" y="3153610"/>
                <a:chExt cx="1445092" cy="45719"/>
              </a:xfrm>
            </p:grpSpPr>
            <p:cxnSp>
              <p:nvCxnSpPr>
                <p:cNvPr id="170" name="Straight Connector 169">
                  <a:extLst>
                    <a:ext uri="{FF2B5EF4-FFF2-40B4-BE49-F238E27FC236}">
                      <a16:creationId xmlns:a16="http://schemas.microsoft.com/office/drawing/2014/main" id="{BF7CB468-461F-F501-9466-994DF92F88DE}"/>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71" name="Oval 170">
                  <a:extLst>
                    <a:ext uri="{FF2B5EF4-FFF2-40B4-BE49-F238E27FC236}">
                      <a16:creationId xmlns:a16="http://schemas.microsoft.com/office/drawing/2014/main" id="{78A309A3-433E-FA5A-7B0D-CEB3C16C736C}"/>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72" name="Oval 171">
                  <a:extLst>
                    <a:ext uri="{FF2B5EF4-FFF2-40B4-BE49-F238E27FC236}">
                      <a16:creationId xmlns:a16="http://schemas.microsoft.com/office/drawing/2014/main" id="{F3450691-4FCF-06CB-FCFE-11501A43683C}"/>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67" name="Straight Connector 166">
                <a:extLst>
                  <a:ext uri="{FF2B5EF4-FFF2-40B4-BE49-F238E27FC236}">
                    <a16:creationId xmlns:a16="http://schemas.microsoft.com/office/drawing/2014/main" id="{1739F139-01FC-0609-AF93-10A29540140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8" name="TextBox 167">
                <a:extLst>
                  <a:ext uri="{FF2B5EF4-FFF2-40B4-BE49-F238E27FC236}">
                    <a16:creationId xmlns:a16="http://schemas.microsoft.com/office/drawing/2014/main" id="{061ACA14-F07E-84A3-7D2A-2A625F2F8180}"/>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69" name="TextBox 168">
                <a:extLst>
                  <a:ext uri="{FF2B5EF4-FFF2-40B4-BE49-F238E27FC236}">
                    <a16:creationId xmlns:a16="http://schemas.microsoft.com/office/drawing/2014/main" id="{1AF699A8-6B5B-0710-CF09-5568C7E5B3A8}"/>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65" name="Oval 164">
              <a:extLst>
                <a:ext uri="{FF2B5EF4-FFF2-40B4-BE49-F238E27FC236}">
                  <a16:creationId xmlns:a16="http://schemas.microsoft.com/office/drawing/2014/main" id="{9A688B36-DE49-F3C0-A360-15B826654894}"/>
                </a:ext>
              </a:extLst>
            </p:cNvPr>
            <p:cNvSpPr/>
            <p:nvPr/>
          </p:nvSpPr>
          <p:spPr>
            <a:xfrm>
              <a:off x="1514977"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03" name="Group 202" descr="Teknisk implementering er en lille til mellem midlertidig omkostningsdriver">
            <a:extLst>
              <a:ext uri="{FF2B5EF4-FFF2-40B4-BE49-F238E27FC236}">
                <a16:creationId xmlns:a16="http://schemas.microsoft.com/office/drawing/2014/main" id="{8DFAFCDD-AC20-7249-49A3-8BDE0FA40132}"/>
              </a:ext>
              <a:ext uri="{C183D7F6-B498-43B3-948B-1728B52AA6E4}">
                <adec:decorative xmlns:adec="http://schemas.microsoft.com/office/drawing/2017/decorative" val="0"/>
              </a:ext>
            </a:extLst>
          </p:cNvPr>
          <p:cNvGrpSpPr/>
          <p:nvPr/>
        </p:nvGrpSpPr>
        <p:grpSpPr>
          <a:xfrm>
            <a:off x="7290762" y="3922767"/>
            <a:ext cx="1577741" cy="265864"/>
            <a:chOff x="860772" y="4884291"/>
            <a:chExt cx="1487909" cy="250726"/>
          </a:xfrm>
        </p:grpSpPr>
        <p:grpSp>
          <p:nvGrpSpPr>
            <p:cNvPr id="204" name="Group 203">
              <a:extLst>
                <a:ext uri="{FF2B5EF4-FFF2-40B4-BE49-F238E27FC236}">
                  <a16:creationId xmlns:a16="http://schemas.microsoft.com/office/drawing/2014/main" id="{3013C4A0-6BA3-E2EB-FCD0-B268848FFE6C}"/>
                </a:ext>
              </a:extLst>
            </p:cNvPr>
            <p:cNvGrpSpPr/>
            <p:nvPr/>
          </p:nvGrpSpPr>
          <p:grpSpPr>
            <a:xfrm>
              <a:off x="860772" y="4884291"/>
              <a:ext cx="1487909" cy="212473"/>
              <a:chOff x="5354949" y="3009711"/>
              <a:chExt cx="1645739" cy="202758"/>
            </a:xfrm>
          </p:grpSpPr>
          <p:grpSp>
            <p:nvGrpSpPr>
              <p:cNvPr id="206" name="Group 205">
                <a:extLst>
                  <a:ext uri="{FF2B5EF4-FFF2-40B4-BE49-F238E27FC236}">
                    <a16:creationId xmlns:a16="http://schemas.microsoft.com/office/drawing/2014/main" id="{8A49C141-92EB-93EE-AC2D-636AD8818F84}"/>
                  </a:ext>
                </a:extLst>
              </p:cNvPr>
              <p:cNvGrpSpPr/>
              <p:nvPr/>
            </p:nvGrpSpPr>
            <p:grpSpPr>
              <a:xfrm>
                <a:off x="5458296" y="3153610"/>
                <a:ext cx="1445092" cy="45719"/>
                <a:chOff x="5458296" y="3153610"/>
                <a:chExt cx="1445092" cy="45719"/>
              </a:xfrm>
            </p:grpSpPr>
            <p:cxnSp>
              <p:nvCxnSpPr>
                <p:cNvPr id="210" name="Straight Connector 209">
                  <a:extLst>
                    <a:ext uri="{FF2B5EF4-FFF2-40B4-BE49-F238E27FC236}">
                      <a16:creationId xmlns:a16="http://schemas.microsoft.com/office/drawing/2014/main" id="{F5544EA4-ED4B-7193-4901-1CDA1D54E117}"/>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11" name="Oval 210">
                  <a:extLst>
                    <a:ext uri="{FF2B5EF4-FFF2-40B4-BE49-F238E27FC236}">
                      <a16:creationId xmlns:a16="http://schemas.microsoft.com/office/drawing/2014/main" id="{66A2A6C7-379A-73E3-D1E6-55CCEA7A3CC1}"/>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12" name="Oval 211">
                  <a:extLst>
                    <a:ext uri="{FF2B5EF4-FFF2-40B4-BE49-F238E27FC236}">
                      <a16:creationId xmlns:a16="http://schemas.microsoft.com/office/drawing/2014/main" id="{79D94ED7-26B6-6BD3-02EE-CDE86F6E1BC8}"/>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07" name="Straight Connector 206">
                <a:extLst>
                  <a:ext uri="{FF2B5EF4-FFF2-40B4-BE49-F238E27FC236}">
                    <a16:creationId xmlns:a16="http://schemas.microsoft.com/office/drawing/2014/main" id="{8E7E76AC-D863-967C-B906-CF77D9A91E08}"/>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08" name="TextBox 207">
                <a:extLst>
                  <a:ext uri="{FF2B5EF4-FFF2-40B4-BE49-F238E27FC236}">
                    <a16:creationId xmlns:a16="http://schemas.microsoft.com/office/drawing/2014/main" id="{3B161CC6-B90B-239F-1B9A-F5F7230AECD1}"/>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09" name="TextBox 208">
                <a:extLst>
                  <a:ext uri="{FF2B5EF4-FFF2-40B4-BE49-F238E27FC236}">
                    <a16:creationId xmlns:a16="http://schemas.microsoft.com/office/drawing/2014/main" id="{57166544-5470-7FF9-E781-48AF4D03D85F}"/>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05" name="Oval 204">
              <a:extLst>
                <a:ext uri="{FF2B5EF4-FFF2-40B4-BE49-F238E27FC236}">
                  <a16:creationId xmlns:a16="http://schemas.microsoft.com/office/drawing/2014/main" id="{F4B9E9F2-693B-D5B8-0E31-A82455C14373}"/>
                </a:ext>
              </a:extLst>
            </p:cNvPr>
            <p:cNvSpPr/>
            <p:nvPr/>
          </p:nvSpPr>
          <p:spPr>
            <a:xfrm>
              <a:off x="113278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73" name="Group 172" descr="Teknologi er en lille til mellem driftsomkostning">
            <a:extLst>
              <a:ext uri="{FF2B5EF4-FFF2-40B4-BE49-F238E27FC236}">
                <a16:creationId xmlns:a16="http://schemas.microsoft.com/office/drawing/2014/main" id="{C266A341-8B3C-5B5D-9656-BB1940E8E541}"/>
              </a:ext>
              <a:ext uri="{C183D7F6-B498-43B3-948B-1728B52AA6E4}">
                <adec:decorative xmlns:adec="http://schemas.microsoft.com/office/drawing/2017/decorative" val="0"/>
              </a:ext>
            </a:extLst>
          </p:cNvPr>
          <p:cNvGrpSpPr/>
          <p:nvPr/>
        </p:nvGrpSpPr>
        <p:grpSpPr>
          <a:xfrm>
            <a:off x="7290762" y="4818452"/>
            <a:ext cx="1577742" cy="265864"/>
            <a:chOff x="860772" y="4884291"/>
            <a:chExt cx="1487909" cy="250726"/>
          </a:xfrm>
        </p:grpSpPr>
        <p:grpSp>
          <p:nvGrpSpPr>
            <p:cNvPr id="174" name="Group 173">
              <a:extLst>
                <a:ext uri="{FF2B5EF4-FFF2-40B4-BE49-F238E27FC236}">
                  <a16:creationId xmlns:a16="http://schemas.microsoft.com/office/drawing/2014/main" id="{C9823CD1-3E89-448C-58FB-D6A7626C554F}"/>
                </a:ext>
              </a:extLst>
            </p:cNvPr>
            <p:cNvGrpSpPr/>
            <p:nvPr/>
          </p:nvGrpSpPr>
          <p:grpSpPr>
            <a:xfrm>
              <a:off x="860772" y="4884291"/>
              <a:ext cx="1487909" cy="212473"/>
              <a:chOff x="5354949" y="3009711"/>
              <a:chExt cx="1645739" cy="202758"/>
            </a:xfrm>
          </p:grpSpPr>
          <p:grpSp>
            <p:nvGrpSpPr>
              <p:cNvPr id="176" name="Group 175">
                <a:extLst>
                  <a:ext uri="{FF2B5EF4-FFF2-40B4-BE49-F238E27FC236}">
                    <a16:creationId xmlns:a16="http://schemas.microsoft.com/office/drawing/2014/main" id="{4C3172BC-19CB-553E-6CF6-6123B424BE9F}"/>
                  </a:ext>
                </a:extLst>
              </p:cNvPr>
              <p:cNvGrpSpPr/>
              <p:nvPr/>
            </p:nvGrpSpPr>
            <p:grpSpPr>
              <a:xfrm>
                <a:off x="5458296" y="3153610"/>
                <a:ext cx="1445092" cy="45719"/>
                <a:chOff x="5458296" y="3153610"/>
                <a:chExt cx="1445092" cy="45719"/>
              </a:xfrm>
            </p:grpSpPr>
            <p:cxnSp>
              <p:nvCxnSpPr>
                <p:cNvPr id="180" name="Straight Connector 179">
                  <a:extLst>
                    <a:ext uri="{FF2B5EF4-FFF2-40B4-BE49-F238E27FC236}">
                      <a16:creationId xmlns:a16="http://schemas.microsoft.com/office/drawing/2014/main" id="{1A015A69-4227-8490-77C6-D4AD8876461A}"/>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81" name="Oval 180">
                  <a:extLst>
                    <a:ext uri="{FF2B5EF4-FFF2-40B4-BE49-F238E27FC236}">
                      <a16:creationId xmlns:a16="http://schemas.microsoft.com/office/drawing/2014/main" id="{27DA4EC9-181F-BDB2-19A8-B5A5072986DF}"/>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82" name="Oval 181">
                  <a:extLst>
                    <a:ext uri="{FF2B5EF4-FFF2-40B4-BE49-F238E27FC236}">
                      <a16:creationId xmlns:a16="http://schemas.microsoft.com/office/drawing/2014/main" id="{C8562902-CC66-CDBA-441A-94DE8887630E}"/>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77" name="Straight Connector 176">
                <a:extLst>
                  <a:ext uri="{FF2B5EF4-FFF2-40B4-BE49-F238E27FC236}">
                    <a16:creationId xmlns:a16="http://schemas.microsoft.com/office/drawing/2014/main" id="{F1838D00-6D30-5156-94B2-5A30F410C27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8" name="TextBox 177">
                <a:extLst>
                  <a:ext uri="{FF2B5EF4-FFF2-40B4-BE49-F238E27FC236}">
                    <a16:creationId xmlns:a16="http://schemas.microsoft.com/office/drawing/2014/main" id="{EF27C8D9-2452-0CA4-AABB-3D516F0AC173}"/>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79" name="TextBox 178">
                <a:extLst>
                  <a:ext uri="{FF2B5EF4-FFF2-40B4-BE49-F238E27FC236}">
                    <a16:creationId xmlns:a16="http://schemas.microsoft.com/office/drawing/2014/main" id="{D1276315-C130-CB0B-7F0E-F94B4745F085}"/>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75" name="Oval 174">
              <a:extLst>
                <a:ext uri="{FF2B5EF4-FFF2-40B4-BE49-F238E27FC236}">
                  <a16:creationId xmlns:a16="http://schemas.microsoft.com/office/drawing/2014/main" id="{83196663-FAF3-CCBF-A544-13ABDF02972A}"/>
                </a:ext>
              </a:extLst>
            </p:cNvPr>
            <p:cNvSpPr/>
            <p:nvPr/>
          </p:nvSpPr>
          <p:spPr>
            <a:xfrm>
              <a:off x="115865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83" name="Group 182" descr="Nye kompetencer er en lille til mellem driftsomkostning">
            <a:extLst>
              <a:ext uri="{FF2B5EF4-FFF2-40B4-BE49-F238E27FC236}">
                <a16:creationId xmlns:a16="http://schemas.microsoft.com/office/drawing/2014/main" id="{2E40F206-F94E-ACDA-3C70-1B9D46C22977}"/>
              </a:ext>
              <a:ext uri="{C183D7F6-B498-43B3-948B-1728B52AA6E4}">
                <adec:decorative xmlns:adec="http://schemas.microsoft.com/office/drawing/2017/decorative" val="0"/>
              </a:ext>
            </a:extLst>
          </p:cNvPr>
          <p:cNvGrpSpPr/>
          <p:nvPr/>
        </p:nvGrpSpPr>
        <p:grpSpPr>
          <a:xfrm>
            <a:off x="7290762" y="5350882"/>
            <a:ext cx="1577742" cy="265864"/>
            <a:chOff x="860772" y="4884291"/>
            <a:chExt cx="1487909" cy="250726"/>
          </a:xfrm>
        </p:grpSpPr>
        <p:grpSp>
          <p:nvGrpSpPr>
            <p:cNvPr id="184" name="Group 183">
              <a:extLst>
                <a:ext uri="{FF2B5EF4-FFF2-40B4-BE49-F238E27FC236}">
                  <a16:creationId xmlns:a16="http://schemas.microsoft.com/office/drawing/2014/main" id="{2B7A3CCA-3693-69AD-825D-FC7B0EB59D4D}"/>
                </a:ext>
              </a:extLst>
            </p:cNvPr>
            <p:cNvGrpSpPr/>
            <p:nvPr/>
          </p:nvGrpSpPr>
          <p:grpSpPr>
            <a:xfrm>
              <a:off x="860772" y="4884291"/>
              <a:ext cx="1487909" cy="212473"/>
              <a:chOff x="5354949" y="3009711"/>
              <a:chExt cx="1645739" cy="202758"/>
            </a:xfrm>
          </p:grpSpPr>
          <p:grpSp>
            <p:nvGrpSpPr>
              <p:cNvPr id="186" name="Group 185">
                <a:extLst>
                  <a:ext uri="{FF2B5EF4-FFF2-40B4-BE49-F238E27FC236}">
                    <a16:creationId xmlns:a16="http://schemas.microsoft.com/office/drawing/2014/main" id="{3E76C35C-64F1-93CF-F493-66CF9E7BC718}"/>
                  </a:ext>
                </a:extLst>
              </p:cNvPr>
              <p:cNvGrpSpPr/>
              <p:nvPr/>
            </p:nvGrpSpPr>
            <p:grpSpPr>
              <a:xfrm>
                <a:off x="5458296" y="3153610"/>
                <a:ext cx="1445092" cy="45719"/>
                <a:chOff x="5458296" y="3153610"/>
                <a:chExt cx="1445092" cy="45719"/>
              </a:xfrm>
            </p:grpSpPr>
            <p:cxnSp>
              <p:nvCxnSpPr>
                <p:cNvPr id="190" name="Straight Connector 189">
                  <a:extLst>
                    <a:ext uri="{FF2B5EF4-FFF2-40B4-BE49-F238E27FC236}">
                      <a16:creationId xmlns:a16="http://schemas.microsoft.com/office/drawing/2014/main" id="{CB36F367-8665-42D4-F8F1-B0D89C41EFBB}"/>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91" name="Oval 190">
                  <a:extLst>
                    <a:ext uri="{FF2B5EF4-FFF2-40B4-BE49-F238E27FC236}">
                      <a16:creationId xmlns:a16="http://schemas.microsoft.com/office/drawing/2014/main" id="{BA2E0EB2-30C3-E9BF-5F86-860206012BC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92" name="Oval 191">
                  <a:extLst>
                    <a:ext uri="{FF2B5EF4-FFF2-40B4-BE49-F238E27FC236}">
                      <a16:creationId xmlns:a16="http://schemas.microsoft.com/office/drawing/2014/main" id="{8DF1832A-06DD-95D6-C912-F82A26532537}"/>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87" name="Straight Connector 186">
                <a:extLst>
                  <a:ext uri="{FF2B5EF4-FFF2-40B4-BE49-F238E27FC236}">
                    <a16:creationId xmlns:a16="http://schemas.microsoft.com/office/drawing/2014/main" id="{06F12105-DF28-2E9C-C5FE-19456E6433D9}"/>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88" name="TextBox 187">
                <a:extLst>
                  <a:ext uri="{FF2B5EF4-FFF2-40B4-BE49-F238E27FC236}">
                    <a16:creationId xmlns:a16="http://schemas.microsoft.com/office/drawing/2014/main" id="{ADC982F7-B650-9ACB-4E52-00103A1B983C}"/>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89" name="TextBox 188">
                <a:extLst>
                  <a:ext uri="{FF2B5EF4-FFF2-40B4-BE49-F238E27FC236}">
                    <a16:creationId xmlns:a16="http://schemas.microsoft.com/office/drawing/2014/main" id="{C8BD13BF-D384-78B7-7E6C-4CF41363577B}"/>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85" name="Oval 184">
              <a:extLst>
                <a:ext uri="{FF2B5EF4-FFF2-40B4-BE49-F238E27FC236}">
                  <a16:creationId xmlns:a16="http://schemas.microsoft.com/office/drawing/2014/main" id="{67C2B227-B68D-D97F-4ACF-8605B9A88B45}"/>
                </a:ext>
              </a:extLst>
            </p:cNvPr>
            <p:cNvSpPr/>
            <p:nvPr/>
          </p:nvSpPr>
          <p:spPr>
            <a:xfrm>
              <a:off x="1346464"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93" name="Group 192" descr="Drift og support er en lille til mellem driftsomkostning">
            <a:extLst>
              <a:ext uri="{FF2B5EF4-FFF2-40B4-BE49-F238E27FC236}">
                <a16:creationId xmlns:a16="http://schemas.microsoft.com/office/drawing/2014/main" id="{8F7C04F7-D7DF-81CC-119E-86C01FD507DA}"/>
              </a:ext>
              <a:ext uri="{C183D7F6-B498-43B3-948B-1728B52AA6E4}">
                <adec:decorative xmlns:adec="http://schemas.microsoft.com/office/drawing/2017/decorative" val="0"/>
              </a:ext>
            </a:extLst>
          </p:cNvPr>
          <p:cNvGrpSpPr/>
          <p:nvPr/>
        </p:nvGrpSpPr>
        <p:grpSpPr>
          <a:xfrm>
            <a:off x="7290762" y="5883313"/>
            <a:ext cx="1577742" cy="265864"/>
            <a:chOff x="860772" y="4884291"/>
            <a:chExt cx="1487909" cy="250726"/>
          </a:xfrm>
        </p:grpSpPr>
        <p:grpSp>
          <p:nvGrpSpPr>
            <p:cNvPr id="194" name="Group 193">
              <a:extLst>
                <a:ext uri="{FF2B5EF4-FFF2-40B4-BE49-F238E27FC236}">
                  <a16:creationId xmlns:a16="http://schemas.microsoft.com/office/drawing/2014/main" id="{243AC974-4653-478D-B09D-36DA52887FD9}"/>
                </a:ext>
              </a:extLst>
            </p:cNvPr>
            <p:cNvGrpSpPr/>
            <p:nvPr/>
          </p:nvGrpSpPr>
          <p:grpSpPr>
            <a:xfrm>
              <a:off x="860772" y="4884291"/>
              <a:ext cx="1487909" cy="212473"/>
              <a:chOff x="5354949" y="3009711"/>
              <a:chExt cx="1645739" cy="202758"/>
            </a:xfrm>
          </p:grpSpPr>
          <p:grpSp>
            <p:nvGrpSpPr>
              <p:cNvPr id="196" name="Group 195">
                <a:extLst>
                  <a:ext uri="{FF2B5EF4-FFF2-40B4-BE49-F238E27FC236}">
                    <a16:creationId xmlns:a16="http://schemas.microsoft.com/office/drawing/2014/main" id="{6C7DDA9E-7A8D-39ED-5A3B-985801230E38}"/>
                  </a:ext>
                </a:extLst>
              </p:cNvPr>
              <p:cNvGrpSpPr/>
              <p:nvPr/>
            </p:nvGrpSpPr>
            <p:grpSpPr>
              <a:xfrm>
                <a:off x="5458296" y="3153610"/>
                <a:ext cx="1445092" cy="45719"/>
                <a:chOff x="5458296" y="3153610"/>
                <a:chExt cx="1445092" cy="45719"/>
              </a:xfrm>
            </p:grpSpPr>
            <p:cxnSp>
              <p:nvCxnSpPr>
                <p:cNvPr id="200" name="Straight Connector 199">
                  <a:extLst>
                    <a:ext uri="{FF2B5EF4-FFF2-40B4-BE49-F238E27FC236}">
                      <a16:creationId xmlns:a16="http://schemas.microsoft.com/office/drawing/2014/main" id="{24436190-C365-C0D3-6364-35F3D84E8710}"/>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01" name="Oval 200">
                  <a:extLst>
                    <a:ext uri="{FF2B5EF4-FFF2-40B4-BE49-F238E27FC236}">
                      <a16:creationId xmlns:a16="http://schemas.microsoft.com/office/drawing/2014/main" id="{1B4A7F91-17C6-68AF-032A-965227C71F25}"/>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02" name="Oval 201">
                  <a:extLst>
                    <a:ext uri="{FF2B5EF4-FFF2-40B4-BE49-F238E27FC236}">
                      <a16:creationId xmlns:a16="http://schemas.microsoft.com/office/drawing/2014/main" id="{4A62E803-C542-CBEB-34FA-F1E415AC771F}"/>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97" name="Straight Connector 196">
                <a:extLst>
                  <a:ext uri="{FF2B5EF4-FFF2-40B4-BE49-F238E27FC236}">
                    <a16:creationId xmlns:a16="http://schemas.microsoft.com/office/drawing/2014/main" id="{38CA9154-5D7B-2939-3A34-5399CB008C7C}"/>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98" name="TextBox 197">
                <a:extLst>
                  <a:ext uri="{FF2B5EF4-FFF2-40B4-BE49-F238E27FC236}">
                    <a16:creationId xmlns:a16="http://schemas.microsoft.com/office/drawing/2014/main" id="{DB7E028D-7BBD-282D-9FA1-E4422E1003D1}"/>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99" name="TextBox 198">
                <a:extLst>
                  <a:ext uri="{FF2B5EF4-FFF2-40B4-BE49-F238E27FC236}">
                    <a16:creationId xmlns:a16="http://schemas.microsoft.com/office/drawing/2014/main" id="{8C0F5E0C-13BD-3F8E-ED18-F322CEC5F3C0}"/>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95" name="Oval 194">
              <a:extLst>
                <a:ext uri="{FF2B5EF4-FFF2-40B4-BE49-F238E27FC236}">
                  <a16:creationId xmlns:a16="http://schemas.microsoft.com/office/drawing/2014/main" id="{D2FA000A-4B0D-A170-48FE-16ECFCE1CC5F}"/>
                </a:ext>
              </a:extLst>
            </p:cNvPr>
            <p:cNvSpPr/>
            <p:nvPr/>
          </p:nvSpPr>
          <p:spPr>
            <a:xfrm>
              <a:off x="1124156"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46" name="TextBox 145">
            <a:extLst>
              <a:ext uri="{FF2B5EF4-FFF2-40B4-BE49-F238E27FC236}">
                <a16:creationId xmlns:a16="http://schemas.microsoft.com/office/drawing/2014/main" id="{8C83C39A-2BB7-F7A7-3B1D-7436756CFBB5}"/>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a:t>Midlertidige omkostninger</a:t>
            </a:r>
            <a:endParaRPr lang="da-DK" sz="900" noProof="0"/>
          </a:p>
          <a:p>
            <a:pPr>
              <a:lnSpc>
                <a:spcPct val="200000"/>
              </a:lnSpc>
            </a:pPr>
            <a:r>
              <a:rPr lang="da-DK" sz="900" noProof="0"/>
              <a:t>  Projektledelse </a:t>
            </a:r>
          </a:p>
          <a:p>
            <a:pPr>
              <a:lnSpc>
                <a:spcPct val="200000"/>
              </a:lnSpc>
            </a:pPr>
            <a:endParaRPr lang="da-DK" sz="900" noProof="0"/>
          </a:p>
          <a:p>
            <a:pPr>
              <a:lnSpc>
                <a:spcPct val="200000"/>
              </a:lnSpc>
            </a:pPr>
            <a:r>
              <a:rPr lang="da-DK" sz="900" noProof="0"/>
              <a:t>  Organisatorisk implementering</a:t>
            </a:r>
          </a:p>
          <a:p>
            <a:pPr>
              <a:lnSpc>
                <a:spcPct val="200000"/>
              </a:lnSpc>
            </a:pPr>
            <a:r>
              <a:rPr lang="da-DK" sz="900" noProof="0"/>
              <a:t> </a:t>
            </a:r>
          </a:p>
          <a:p>
            <a:pPr>
              <a:lnSpc>
                <a:spcPct val="200000"/>
              </a:lnSpc>
            </a:pPr>
            <a:r>
              <a:rPr lang="da-DK" sz="900" noProof="0"/>
              <a:t>  Teknisk implementering</a:t>
            </a:r>
          </a:p>
          <a:p>
            <a:pPr>
              <a:lnSpc>
                <a:spcPct val="150000"/>
              </a:lnSpc>
            </a:pPr>
            <a:endParaRPr lang="da-DK" sz="900" noProof="0"/>
          </a:p>
          <a:p>
            <a:pPr>
              <a:lnSpc>
                <a:spcPct val="150000"/>
              </a:lnSpc>
            </a:pPr>
            <a:endParaRPr lang="da-DK" sz="900" b="1" noProof="0">
              <a:solidFill>
                <a:srgbClr val="36465A"/>
              </a:solidFill>
            </a:endParaRPr>
          </a:p>
          <a:p>
            <a:pPr>
              <a:lnSpc>
                <a:spcPct val="150000"/>
              </a:lnSpc>
            </a:pPr>
            <a:r>
              <a:rPr lang="da-DK" sz="900" b="1" noProof="0">
                <a:solidFill>
                  <a:srgbClr val="36465A"/>
                </a:solidFill>
              </a:rPr>
              <a:t>Driftsomkostninger</a:t>
            </a:r>
          </a:p>
          <a:p>
            <a:pPr>
              <a:lnSpc>
                <a:spcPct val="200000"/>
              </a:lnSpc>
            </a:pPr>
            <a:r>
              <a:rPr lang="da-DK" sz="900" noProof="0">
                <a:solidFill>
                  <a:schemeClr val="accent4">
                    <a:lumMod val="50000"/>
                  </a:schemeClr>
                </a:solidFill>
              </a:rPr>
              <a:t>  Teknologi</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Nye kompetencer </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Drift og support</a:t>
            </a:r>
          </a:p>
        </p:txBody>
      </p:sp>
      <p:sp>
        <p:nvSpPr>
          <p:cNvPr id="21" name="TextBox 20">
            <a:extLst>
              <a:ext uri="{FF2B5EF4-FFF2-40B4-BE49-F238E27FC236}">
                <a16:creationId xmlns:a16="http://schemas.microsoft.com/office/drawing/2014/main" id="{879F6695-085A-A1E5-CEC1-3A45BD1062D7}"/>
              </a:ext>
            </a:extLst>
          </p:cNvPr>
          <p:cNvSpPr txBox="1"/>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Nøgletal</a:t>
            </a:r>
          </a:p>
        </p:txBody>
      </p:sp>
      <p:sp>
        <p:nvSpPr>
          <p:cNvPr id="22" name="TextBox 21">
            <a:extLst>
              <a:ext uri="{FF2B5EF4-FFF2-40B4-BE49-F238E27FC236}">
                <a16:creationId xmlns:a16="http://schemas.microsoft.com/office/drawing/2014/main" id="{1E61A223-9CE6-C49E-E12F-EE00983868B0}"/>
              </a:ext>
            </a:extLst>
          </p:cNvPr>
          <p:cNvSpPr txBox="1"/>
          <p:nvPr/>
        </p:nvSpPr>
        <p:spPr>
          <a:xfrm>
            <a:off x="10330124" y="2033118"/>
            <a:ext cx="1519861" cy="830997"/>
          </a:xfrm>
          <a:prstGeom prst="rect">
            <a:avLst/>
          </a:prstGeom>
          <a:noFill/>
        </p:spPr>
        <p:txBody>
          <a:bodyPr wrap="square">
            <a:spAutoFit/>
          </a:bodyPr>
          <a:lstStyle/>
          <a:p>
            <a:r>
              <a:rPr lang="da-DK" sz="1400" noProof="0" dirty="0">
                <a:solidFill>
                  <a:srgbClr val="EE2F66"/>
                </a:solidFill>
              </a:rPr>
              <a:t>5 mio. kr. </a:t>
            </a:r>
            <a:endParaRPr lang="da-DK" sz="1400" noProof="0" dirty="0">
              <a:solidFill>
                <a:srgbClr val="2C8027"/>
              </a:solidFill>
              <a:highlight>
                <a:srgbClr val="FFFF00"/>
              </a:highlight>
            </a:endParaRPr>
          </a:p>
          <a:p>
            <a:r>
              <a:rPr lang="da-DK" sz="800" noProof="0" dirty="0"/>
              <a:t>forventede besparelser i 2028 og stigende til 7 mio. kr. årligt fra 2029 og frem. </a:t>
            </a:r>
          </a:p>
          <a:p>
            <a:endParaRPr lang="da-DK" sz="800" noProof="0" dirty="0"/>
          </a:p>
        </p:txBody>
      </p:sp>
      <p:sp>
        <p:nvSpPr>
          <p:cNvPr id="38" name="TextBox 37">
            <a:extLst>
              <a:ext uri="{FF2B5EF4-FFF2-40B4-BE49-F238E27FC236}">
                <a16:creationId xmlns:a16="http://schemas.microsoft.com/office/drawing/2014/main" id="{9259F9FE-E607-650B-5621-DB30A50F3ABA}"/>
              </a:ext>
            </a:extLst>
          </p:cNvPr>
          <p:cNvSpPr txBox="1"/>
          <p:nvPr/>
        </p:nvSpPr>
        <p:spPr>
          <a:xfrm>
            <a:off x="10330124" y="3670590"/>
            <a:ext cx="1519861" cy="553998"/>
          </a:xfrm>
          <a:prstGeom prst="rect">
            <a:avLst/>
          </a:prstGeom>
          <a:noFill/>
        </p:spPr>
        <p:txBody>
          <a:bodyPr wrap="square">
            <a:spAutoFit/>
          </a:bodyPr>
          <a:lstStyle/>
          <a:p>
            <a:r>
              <a:rPr lang="da-DK" sz="1400" noProof="0">
                <a:solidFill>
                  <a:srgbClr val="EE2F66"/>
                </a:solidFill>
              </a:rPr>
              <a:t>9 mio. kr. </a:t>
            </a:r>
            <a:endParaRPr lang="da-DK" sz="1400" noProof="0">
              <a:solidFill>
                <a:srgbClr val="2C8027"/>
              </a:solidFill>
              <a:highlight>
                <a:srgbClr val="FFFF00"/>
              </a:highlight>
            </a:endParaRPr>
          </a:p>
          <a:p>
            <a:r>
              <a:rPr lang="da-DK" sz="800" noProof="0"/>
              <a:t>afsat i perioden 2026-2029.</a:t>
            </a:r>
          </a:p>
          <a:p>
            <a:endParaRPr lang="da-DK" sz="800" noProof="0"/>
          </a:p>
        </p:txBody>
      </p:sp>
      <p:sp>
        <p:nvSpPr>
          <p:cNvPr id="37" name="TextBox 36">
            <a:extLst>
              <a:ext uri="{FF2B5EF4-FFF2-40B4-BE49-F238E27FC236}">
                <a16:creationId xmlns:a16="http://schemas.microsoft.com/office/drawing/2014/main" id="{96F98290-CA22-95B6-1610-F40274B62946}"/>
              </a:ext>
            </a:extLst>
          </p:cNvPr>
          <p:cNvSpPr txBox="1"/>
          <p:nvPr/>
        </p:nvSpPr>
        <p:spPr>
          <a:xfrm>
            <a:off x="10330124" y="2928798"/>
            <a:ext cx="1519861" cy="677108"/>
          </a:xfrm>
          <a:prstGeom prst="rect">
            <a:avLst/>
          </a:prstGeom>
          <a:noFill/>
        </p:spPr>
        <p:txBody>
          <a:bodyPr wrap="square">
            <a:spAutoFit/>
          </a:bodyPr>
          <a:lstStyle/>
          <a:p>
            <a:r>
              <a:rPr lang="da-DK" sz="1400" noProof="0" dirty="0">
                <a:solidFill>
                  <a:srgbClr val="EE2F66"/>
                </a:solidFill>
              </a:rPr>
              <a:t>Min. 25%</a:t>
            </a:r>
            <a:endParaRPr lang="da-DK" sz="1400" noProof="0" dirty="0">
              <a:solidFill>
                <a:srgbClr val="2C8027"/>
              </a:solidFill>
            </a:endParaRPr>
          </a:p>
          <a:p>
            <a:r>
              <a:rPr lang="da-DK" sz="800" noProof="0" dirty="0"/>
              <a:t>af licenser flyttet til open source-løsninger inden 2030.</a:t>
            </a:r>
          </a:p>
          <a:p>
            <a:endParaRPr lang="da-DK" sz="800" noProof="0" dirty="0"/>
          </a:p>
        </p:txBody>
      </p:sp>
      <p:grpSp>
        <p:nvGrpSpPr>
          <p:cNvPr id="147" name="Group 146">
            <a:extLst>
              <a:ext uri="{FF2B5EF4-FFF2-40B4-BE49-F238E27FC236}">
                <a16:creationId xmlns:a16="http://schemas.microsoft.com/office/drawing/2014/main" id="{251D8B9D-CF86-FA77-4CC8-5BFE497FF9BF}"/>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148" name="Oval 147">
              <a:extLst>
                <a:ext uri="{FF2B5EF4-FFF2-40B4-BE49-F238E27FC236}">
                  <a16:creationId xmlns:a16="http://schemas.microsoft.com/office/drawing/2014/main" id="{5A82D9B5-4469-1CA6-01D8-24BB6B12C139}"/>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9" name="Freeform 11">
              <a:extLst>
                <a:ext uri="{FF2B5EF4-FFF2-40B4-BE49-F238E27FC236}">
                  <a16:creationId xmlns:a16="http://schemas.microsoft.com/office/drawing/2014/main" id="{48C5BAEB-AD3B-BAE9-75F4-4A6802394497}"/>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160" name="Group 159">
            <a:extLst>
              <a:ext uri="{FF2B5EF4-FFF2-40B4-BE49-F238E27FC236}">
                <a16:creationId xmlns:a16="http://schemas.microsoft.com/office/drawing/2014/main" id="{8A56F188-36BF-9622-DD70-4F882A933564}"/>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161" name="Oval 160">
              <a:extLst>
                <a:ext uri="{FF2B5EF4-FFF2-40B4-BE49-F238E27FC236}">
                  <a16:creationId xmlns:a16="http://schemas.microsoft.com/office/drawing/2014/main" id="{9052AB5A-4311-4A5F-19FB-DAF2752FC66E}"/>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62" name="Freeform 19">
              <a:extLst>
                <a:ext uri="{FF2B5EF4-FFF2-40B4-BE49-F238E27FC236}">
                  <a16:creationId xmlns:a16="http://schemas.microsoft.com/office/drawing/2014/main" id="{205B3164-06AC-F2F9-1A19-DBF072B95C03}"/>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grpSp>
        <p:nvGrpSpPr>
          <p:cNvPr id="214" name="Group 213">
            <a:extLst>
              <a:ext uri="{FF2B5EF4-FFF2-40B4-BE49-F238E27FC236}">
                <a16:creationId xmlns:a16="http://schemas.microsoft.com/office/drawing/2014/main" id="{F7D62132-D652-D7D2-582F-BA7B179086E4}"/>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215" name="Rectangle 214">
              <a:extLst>
                <a:ext uri="{FF2B5EF4-FFF2-40B4-BE49-F238E27FC236}">
                  <a16:creationId xmlns:a16="http://schemas.microsoft.com/office/drawing/2014/main" id="{808B9B21-7404-0E64-9EB1-DAE8FA444987}"/>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16" name="Rectangle 215">
              <a:extLst>
                <a:ext uri="{FF2B5EF4-FFF2-40B4-BE49-F238E27FC236}">
                  <a16:creationId xmlns:a16="http://schemas.microsoft.com/office/drawing/2014/main" id="{8DE31846-2D65-E9F9-348D-0C208ED5CC66}"/>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13" name="TextBox 12">
            <a:extLst>
              <a:ext uri="{FF2B5EF4-FFF2-40B4-BE49-F238E27FC236}">
                <a16:creationId xmlns:a16="http://schemas.microsoft.com/office/drawing/2014/main" id="{53CF84BB-BAA9-BD80-F0D1-B69200D6AD8E}"/>
              </a:ext>
            </a:extLst>
          </p:cNvPr>
          <p:cNvSpPr txBox="1"/>
          <p:nvPr/>
        </p:nvSpPr>
        <p:spPr>
          <a:xfrm>
            <a:off x="9390197" y="4446717"/>
            <a:ext cx="2628702" cy="1795363"/>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mn-ea"/>
                <a:cs typeface="Times New Roman" panose="02020603050405020304" pitchFamily="18" charset="0"/>
              </a:rPr>
              <a:t>Vi har sat et strategisk mål, hvor vi gerne vil styrke vores handlefrihed. Det betyder, at vi gerne vil styrke Aarhus Kommunes ejerskab til vores egne data, og vi vil gerne styrke vores frihed til at vælge de bedste digitale leverandører</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a:t>
            </a:r>
            <a:endParaRPr kumimoji="0" lang="da-DK" sz="800" b="0" i="1"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Lone Juric Sørensen</a:t>
            </a:r>
            <a:b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b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Chef for Fælles IT og Digitalisering i Aarhus Kommune </a:t>
            </a:r>
          </a:p>
        </p:txBody>
      </p:sp>
    </p:spTree>
    <p:extLst>
      <p:ext uri="{BB962C8B-B14F-4D97-AF65-F5344CB8AC3E}">
        <p14:creationId xmlns:p14="http://schemas.microsoft.com/office/powerpoint/2010/main" val="1843923550"/>
      </p:ext>
    </p:extLst>
  </p:cSld>
  <p:clrMapOvr>
    <a:masterClrMapping/>
  </p:clrMapOvr>
  <p:transition>
    <p:fade/>
  </p:transition>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B13166D-71E8-3A92-38A5-61B236723C3D}"/>
            </a:ext>
          </a:extLst>
        </p:cNvPr>
        <p:cNvGrpSpPr/>
        <p:nvPr/>
      </p:nvGrpSpPr>
      <p:grpSpPr>
        <a:xfrm>
          <a:off x="0" y="0"/>
          <a:ext cx="0" cy="0"/>
          <a:chOff x="0" y="0"/>
          <a:chExt cx="0" cy="0"/>
        </a:xfrm>
      </p:grpSpPr>
      <p:sp>
        <p:nvSpPr>
          <p:cNvPr id="126" name="Rectangle: Rounded Corners 125">
            <a:extLst>
              <a:ext uri="{FF2B5EF4-FFF2-40B4-BE49-F238E27FC236}">
                <a16:creationId xmlns:a16="http://schemas.microsoft.com/office/drawing/2014/main" id="{C553065B-6D16-4314-AC63-8EA6A8B68461}"/>
              </a:ext>
            </a:extLst>
          </p:cNvPr>
          <p:cNvSpPr/>
          <p:nvPr/>
        </p:nvSpPr>
        <p:spPr>
          <a:xfrm>
            <a:off x="169304" y="11734"/>
            <a:ext cx="6165122"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a:solidFill>
                  <a:srgbClr val="36465A"/>
                </a:solidFill>
              </a:rPr>
              <a:t>Case 11 | Europæisk cloud-leverandører i Aarhus Kommune</a:t>
            </a:r>
          </a:p>
        </p:txBody>
      </p:sp>
      <p:pic>
        <p:nvPicPr>
          <p:cNvPr id="157" name="Picture 2">
            <a:extLst>
              <a:ext uri="{FF2B5EF4-FFF2-40B4-BE49-F238E27FC236}">
                <a16:creationId xmlns:a16="http://schemas.microsoft.com/office/drawing/2014/main" id="{48CDBABA-49B6-AC54-A76D-26C789B912FD}"/>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007612" y="219635"/>
            <a:ext cx="2016000" cy="1028730"/>
          </a:xfrm>
          <a:prstGeom prst="rect">
            <a:avLst/>
          </a:prstGeom>
          <a:noFill/>
          <a:extLst>
            <a:ext uri="{909E8E84-426E-40DD-AFC4-6F175D3DCCD1}">
              <a14:hiddenFill xmlns:a14="http://schemas.microsoft.com/office/drawing/2010/main">
                <a:solidFill>
                  <a:srgbClr val="FFFFFF"/>
                </a:solidFill>
              </a14:hiddenFill>
            </a:ext>
          </a:extLst>
        </p:spPr>
      </p:pic>
      <p:sp>
        <p:nvSpPr>
          <p:cNvPr id="4" name="Rectangle: Rounded Corners 3">
            <a:extLst>
              <a:ext uri="{FF2B5EF4-FFF2-40B4-BE49-F238E27FC236}">
                <a16:creationId xmlns:a16="http://schemas.microsoft.com/office/drawing/2014/main" id="{E0925478-B443-77EC-472D-52461C31337C}"/>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3" name="Rectangle: Rounded Corners 52">
            <a:extLst>
              <a:ext uri="{FF2B5EF4-FFF2-40B4-BE49-F238E27FC236}">
                <a16:creationId xmlns:a16="http://schemas.microsoft.com/office/drawing/2014/main" id="{CE0FCDB2-5D7D-F250-5FDD-097FD0913BFE}"/>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 name="Title 1">
            <a:extLst>
              <a:ext uri="{FF2B5EF4-FFF2-40B4-BE49-F238E27FC236}">
                <a16:creationId xmlns:a16="http://schemas.microsoft.com/office/drawing/2014/main" id="{EE158AF0-FA3C-97D8-F5BB-C7B62B7DF50A}"/>
              </a:ext>
            </a:extLst>
          </p:cNvPr>
          <p:cNvSpPr>
            <a:spLocks noGrp="1"/>
          </p:cNvSpPr>
          <p:nvPr>
            <p:ph type="title"/>
          </p:nvPr>
        </p:nvSpPr>
        <p:spPr/>
        <p:txBody>
          <a:bodyPr/>
          <a:lstStyle/>
          <a:p>
            <a:r>
              <a:rPr lang="da-DK" sz="2200" noProof="0" dirty="0"/>
              <a:t>Side 1/3 | </a:t>
            </a:r>
            <a:r>
              <a:rPr lang="da-DK" sz="2200" b="1" noProof="0" dirty="0"/>
              <a:t>Sammenfatning af casen</a:t>
            </a:r>
          </a:p>
        </p:txBody>
      </p:sp>
      <p:sp>
        <p:nvSpPr>
          <p:cNvPr id="9" name="Rectangle: Rounded Corners 8">
            <a:extLst>
              <a:ext uri="{FF2B5EF4-FFF2-40B4-BE49-F238E27FC236}">
                <a16:creationId xmlns:a16="http://schemas.microsoft.com/office/drawing/2014/main" id="{B3517562-20D6-E82A-CC47-71E1B5D22316}"/>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3" name="Content Placeholder 5">
            <a:extLst>
              <a:ext uri="{FF2B5EF4-FFF2-40B4-BE49-F238E27FC236}">
                <a16:creationId xmlns:a16="http://schemas.microsoft.com/office/drawing/2014/main" id="{B4B21E5E-1C2D-CF34-BD5B-085FCD5A0BD1}"/>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11" name="Rectangle 10">
            <a:extLst>
              <a:ext uri="{FF2B5EF4-FFF2-40B4-BE49-F238E27FC236}">
                <a16:creationId xmlns:a16="http://schemas.microsoft.com/office/drawing/2014/main" id="{7E38B9AA-23AD-D504-E902-CA520C5420AC}"/>
              </a:ext>
            </a:extLst>
          </p:cNvPr>
          <p:cNvSpPr/>
          <p:nvPr/>
        </p:nvSpPr>
        <p:spPr>
          <a:xfrm>
            <a:off x="552449" y="2139037"/>
            <a:ext cx="2757177"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noProof="0" dirty="0">
                <a:solidFill>
                  <a:schemeClr val="tx1"/>
                </a:solidFill>
                <a:sym typeface="Wingdings" panose="05000000000000000000" pitchFamily="2" charset="2"/>
              </a:rPr>
              <a:t>Aarhus Kommunes Magistratsafdeling for Kultur og Borgerservice har gennemført en strategisk omlægning af sin cloud-infrastruktur ved at udskifte Microsoft </a:t>
            </a:r>
            <a:r>
              <a:rPr lang="da-DK" sz="900" noProof="0" dirty="0" err="1">
                <a:solidFill>
                  <a:schemeClr val="tx1"/>
                </a:solidFill>
                <a:sym typeface="Wingdings" panose="05000000000000000000" pitchFamily="2" charset="2"/>
              </a:rPr>
              <a:t>Azure</a:t>
            </a:r>
            <a:r>
              <a:rPr lang="da-DK" sz="900" noProof="0" dirty="0">
                <a:solidFill>
                  <a:schemeClr val="tx1"/>
                </a:solidFill>
                <a:sym typeface="Wingdings" panose="05000000000000000000" pitchFamily="2" charset="2"/>
              </a:rPr>
              <a:t> med den tyske leverandør </a:t>
            </a:r>
            <a:r>
              <a:rPr lang="da-DK" sz="900" noProof="0" dirty="0" err="1">
                <a:solidFill>
                  <a:schemeClr val="tx1"/>
                </a:solidFill>
                <a:sym typeface="Wingdings" panose="05000000000000000000" pitchFamily="2" charset="2"/>
              </a:rPr>
              <a:t>Hetzner</a:t>
            </a:r>
            <a:r>
              <a:rPr lang="da-DK" sz="900" noProof="0" dirty="0">
                <a:solidFill>
                  <a:schemeClr val="tx1"/>
                </a:solidFill>
                <a:sym typeface="Wingdings" panose="05000000000000000000" pitchFamily="2" charset="2"/>
              </a:rPr>
              <a:t>.</a:t>
            </a:r>
          </a:p>
          <a:p>
            <a:endParaRPr lang="da-DK" sz="900" noProof="0" dirty="0">
              <a:solidFill>
                <a:schemeClr val="tx1"/>
              </a:solidFill>
              <a:sym typeface="Wingdings" panose="05000000000000000000" pitchFamily="2" charset="2"/>
            </a:endParaRPr>
          </a:p>
          <a:p>
            <a:r>
              <a:rPr lang="da-DK" sz="900" noProof="0" dirty="0">
                <a:solidFill>
                  <a:schemeClr val="tx1"/>
                </a:solidFill>
                <a:sym typeface="Wingdings" panose="05000000000000000000" pitchFamily="2" charset="2"/>
              </a:rPr>
              <a:t>Casen berører cloud-services. O</a:t>
            </a:r>
            <a:r>
              <a:rPr lang="da-DK" sz="900" noProof="0" dirty="0">
                <a:solidFill>
                  <a:schemeClr val="tx1"/>
                </a:solidFill>
              </a:rPr>
              <a:t>mlægningen har berørt ca. 60 løsninger, primært mindre systemer og værktøjer, som kommunen selv har haft ansvar for drift og udvikling af.</a:t>
            </a:r>
            <a:endParaRPr lang="da-DK" sz="900" noProof="0" dirty="0">
              <a:solidFill>
                <a:schemeClr val="tx1"/>
              </a:solidFill>
              <a:sym typeface="Wingdings" panose="05000000000000000000" pitchFamily="2" charset="2"/>
            </a:endParaRPr>
          </a:p>
          <a:p>
            <a:pPr lvl="0">
              <a:spcAft>
                <a:spcPts val="350"/>
              </a:spcAft>
              <a:defRPr/>
            </a:pPr>
            <a:endParaRPr lang="da-DK" sz="900" i="1" noProof="0" dirty="0">
              <a:solidFill>
                <a:schemeClr val="tx1"/>
              </a:solidFill>
            </a:endParaRPr>
          </a:p>
        </p:txBody>
      </p:sp>
      <p:grpSp>
        <p:nvGrpSpPr>
          <p:cNvPr id="127" name="Group 126" descr="Oversigt over teknologistakken og hvor casen rammer. Denne case rammer cloud services">
            <a:extLst>
              <a:ext uri="{FF2B5EF4-FFF2-40B4-BE49-F238E27FC236}">
                <a16:creationId xmlns:a16="http://schemas.microsoft.com/office/drawing/2014/main" id="{A081DDF8-B63F-82B2-8223-166247505863}"/>
              </a:ext>
              <a:ext uri="{C183D7F6-B498-43B3-948B-1728B52AA6E4}">
                <adec:decorative xmlns:adec="http://schemas.microsoft.com/office/drawing/2017/decorative" val="0"/>
              </a:ext>
            </a:extLst>
          </p:cNvPr>
          <p:cNvGrpSpPr/>
          <p:nvPr/>
        </p:nvGrpSpPr>
        <p:grpSpPr>
          <a:xfrm>
            <a:off x="713385" y="4086154"/>
            <a:ext cx="2338961" cy="2232878"/>
            <a:chOff x="713385" y="4086154"/>
            <a:chExt cx="2338961" cy="2232878"/>
          </a:xfrm>
        </p:grpSpPr>
        <p:sp>
          <p:nvSpPr>
            <p:cNvPr id="128" name="Rectangle: Rounded Corners 127">
              <a:extLst>
                <a:ext uri="{FF2B5EF4-FFF2-40B4-BE49-F238E27FC236}">
                  <a16:creationId xmlns:a16="http://schemas.microsoft.com/office/drawing/2014/main" id="{D79DD38C-670A-AFD9-D1E1-C407D9303D58}"/>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Digitale løsninger</a:t>
              </a:r>
            </a:p>
          </p:txBody>
        </p:sp>
        <p:sp>
          <p:nvSpPr>
            <p:cNvPr id="129" name="Rectangle: Rounded Corners 128">
              <a:extLst>
                <a:ext uri="{FF2B5EF4-FFF2-40B4-BE49-F238E27FC236}">
                  <a16:creationId xmlns:a16="http://schemas.microsoft.com/office/drawing/2014/main" id="{31551F35-0832-CA70-8254-9B3711E529F3}"/>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It-infrastruktur</a:t>
              </a:r>
            </a:p>
          </p:txBody>
        </p:sp>
        <p:sp>
          <p:nvSpPr>
            <p:cNvPr id="130" name="Rectangle 36">
              <a:extLst>
                <a:ext uri="{FF2B5EF4-FFF2-40B4-BE49-F238E27FC236}">
                  <a16:creationId xmlns:a16="http://schemas.microsoft.com/office/drawing/2014/main" id="{8983C442-003A-E31C-9749-814D1BF9F183}"/>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AI og digitale services</a:t>
              </a:r>
            </a:p>
          </p:txBody>
        </p:sp>
        <p:sp>
          <p:nvSpPr>
            <p:cNvPr id="131" name="Rectangle 43">
              <a:extLst>
                <a:ext uri="{FF2B5EF4-FFF2-40B4-BE49-F238E27FC236}">
                  <a16:creationId xmlns:a16="http://schemas.microsoft.com/office/drawing/2014/main" id="{3611D796-B717-FEA7-BDA0-029F55F2A4EF}"/>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a:solidFill>
                    <a:schemeClr val="bg1"/>
                  </a:solidFill>
                </a:rPr>
                <a:t>Teknologistak</a:t>
              </a:r>
            </a:p>
          </p:txBody>
        </p:sp>
        <p:sp>
          <p:nvSpPr>
            <p:cNvPr id="132" name="Rectangle 36">
              <a:extLst>
                <a:ext uri="{FF2B5EF4-FFF2-40B4-BE49-F238E27FC236}">
                  <a16:creationId xmlns:a16="http://schemas.microsoft.com/office/drawing/2014/main" id="{16AC5B1D-5DC6-9022-C5F6-1862232A5012}"/>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Koncern- og fagsystemer</a:t>
              </a:r>
            </a:p>
          </p:txBody>
        </p:sp>
        <p:sp>
          <p:nvSpPr>
            <p:cNvPr id="133" name="Rectangle 36">
              <a:extLst>
                <a:ext uri="{FF2B5EF4-FFF2-40B4-BE49-F238E27FC236}">
                  <a16:creationId xmlns:a16="http://schemas.microsoft.com/office/drawing/2014/main" id="{E619124E-FE3D-F5D9-7ECA-03A8BAB21F15}"/>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igital arbejdsplads</a:t>
              </a:r>
            </a:p>
          </p:txBody>
        </p:sp>
        <p:sp>
          <p:nvSpPr>
            <p:cNvPr id="134" name="Rectangle 36">
              <a:extLst>
                <a:ext uri="{FF2B5EF4-FFF2-40B4-BE49-F238E27FC236}">
                  <a16:creationId xmlns:a16="http://schemas.microsoft.com/office/drawing/2014/main" id="{CF8AD1AE-4129-E454-6AAC-6082925EF43F}"/>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ikkerhedsløsninger</a:t>
              </a:r>
            </a:p>
          </p:txBody>
        </p:sp>
        <p:sp>
          <p:nvSpPr>
            <p:cNvPr id="135" name="Rectangle 36">
              <a:extLst>
                <a:ext uri="{FF2B5EF4-FFF2-40B4-BE49-F238E27FC236}">
                  <a16:creationId xmlns:a16="http://schemas.microsoft.com/office/drawing/2014/main" id="{584EB846-9ABC-4C9B-9D6E-F1BAA1F69FE7}"/>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deling og basis-software</a:t>
              </a:r>
            </a:p>
          </p:txBody>
        </p:sp>
        <p:sp>
          <p:nvSpPr>
            <p:cNvPr id="136" name="Rectangle 36">
              <a:extLst>
                <a:ext uri="{FF2B5EF4-FFF2-40B4-BE49-F238E27FC236}">
                  <a16:creationId xmlns:a16="http://schemas.microsoft.com/office/drawing/2014/main" id="{EBC8F400-0CC1-AD52-C37C-B8A126B3B26D}"/>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Cloud services</a:t>
              </a:r>
            </a:p>
          </p:txBody>
        </p:sp>
        <p:sp>
          <p:nvSpPr>
            <p:cNvPr id="137" name="Rectangle 36">
              <a:extLst>
                <a:ext uri="{FF2B5EF4-FFF2-40B4-BE49-F238E27FC236}">
                  <a16:creationId xmlns:a16="http://schemas.microsoft.com/office/drawing/2014/main" id="{242A8946-3E76-C10B-E315-F655D13D0C35}"/>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evices og slutbrugerudstyr</a:t>
              </a:r>
            </a:p>
          </p:txBody>
        </p:sp>
        <p:sp>
          <p:nvSpPr>
            <p:cNvPr id="139" name="Rectangle 36">
              <a:extLst>
                <a:ext uri="{FF2B5EF4-FFF2-40B4-BE49-F238E27FC236}">
                  <a16:creationId xmlns:a16="http://schemas.microsoft.com/office/drawing/2014/main" id="{A54FCF89-A6F5-BBC2-6BF6-E1E08BB1C040}"/>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centerinfrastruktur</a:t>
              </a:r>
            </a:p>
          </p:txBody>
        </p:sp>
        <p:sp>
          <p:nvSpPr>
            <p:cNvPr id="140" name="Rectangle 36">
              <a:extLst>
                <a:ext uri="{FF2B5EF4-FFF2-40B4-BE49-F238E27FC236}">
                  <a16:creationId xmlns:a16="http://schemas.microsoft.com/office/drawing/2014/main" id="{BB6406BC-1990-5F92-F584-69DEEE7107EB}"/>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Netværksinfrastruktur</a:t>
              </a:r>
            </a:p>
          </p:txBody>
        </p:sp>
      </p:grpSp>
      <p:sp>
        <p:nvSpPr>
          <p:cNvPr id="3" name="Content Placeholder 5">
            <a:extLst>
              <a:ext uri="{FF2B5EF4-FFF2-40B4-BE49-F238E27FC236}">
                <a16:creationId xmlns:a16="http://schemas.microsoft.com/office/drawing/2014/main" id="{ED5C1BB2-9296-CA78-763D-ED3BB2F8395F}"/>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Karakteristika, gevinster og barrierer</a:t>
            </a:r>
          </a:p>
        </p:txBody>
      </p:sp>
      <p:grpSp>
        <p:nvGrpSpPr>
          <p:cNvPr id="142" name="Group 141" descr="Casen er i driftsfasen">
            <a:extLst>
              <a:ext uri="{FF2B5EF4-FFF2-40B4-BE49-F238E27FC236}">
                <a16:creationId xmlns:a16="http://schemas.microsoft.com/office/drawing/2014/main" id="{44ED4A56-76F9-A5F7-BB0C-2533233F7AEA}"/>
              </a:ext>
              <a:ext uri="{C183D7F6-B498-43B3-948B-1728B52AA6E4}">
                <adec:decorative xmlns:adec="http://schemas.microsoft.com/office/drawing/2017/decorative" val="0"/>
              </a:ext>
            </a:extLst>
          </p:cNvPr>
          <p:cNvGrpSpPr/>
          <p:nvPr/>
        </p:nvGrpSpPr>
        <p:grpSpPr>
          <a:xfrm>
            <a:off x="6937091" y="1945363"/>
            <a:ext cx="2371002" cy="260416"/>
            <a:chOff x="6937091" y="1945363"/>
            <a:chExt cx="2371002" cy="260416"/>
          </a:xfrm>
        </p:grpSpPr>
        <p:grpSp>
          <p:nvGrpSpPr>
            <p:cNvPr id="143" name="Group 142">
              <a:extLst>
                <a:ext uri="{FF2B5EF4-FFF2-40B4-BE49-F238E27FC236}">
                  <a16:creationId xmlns:a16="http://schemas.microsoft.com/office/drawing/2014/main" id="{056511BA-AB53-B617-1C1A-DC65E639FC9E}"/>
                </a:ext>
              </a:extLst>
            </p:cNvPr>
            <p:cNvGrpSpPr/>
            <p:nvPr/>
          </p:nvGrpSpPr>
          <p:grpSpPr>
            <a:xfrm>
              <a:off x="6937091" y="1945363"/>
              <a:ext cx="2371002" cy="233209"/>
              <a:chOff x="579065" y="3721174"/>
              <a:chExt cx="2371002" cy="233209"/>
            </a:xfrm>
          </p:grpSpPr>
          <p:cxnSp>
            <p:nvCxnSpPr>
              <p:cNvPr id="145" name="Straight Connector 144">
                <a:extLst>
                  <a:ext uri="{FF2B5EF4-FFF2-40B4-BE49-F238E27FC236}">
                    <a16:creationId xmlns:a16="http://schemas.microsoft.com/office/drawing/2014/main" id="{C8806E10-4236-CD78-3A32-8B3266A223B3}"/>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146" name="Straight Connector 145">
                <a:extLst>
                  <a:ext uri="{FF2B5EF4-FFF2-40B4-BE49-F238E27FC236}">
                    <a16:creationId xmlns:a16="http://schemas.microsoft.com/office/drawing/2014/main" id="{9BCE2906-A829-657C-D831-92CD9357D7F4}"/>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47" name="TextBox 146">
                <a:extLst>
                  <a:ext uri="{FF2B5EF4-FFF2-40B4-BE49-F238E27FC236}">
                    <a16:creationId xmlns:a16="http://schemas.microsoft.com/office/drawing/2014/main" id="{08375CAB-EEE4-16B7-35EB-1BD6C6AFDC21}"/>
                  </a:ext>
                </a:extLst>
              </p:cNvPr>
              <p:cNvSpPr txBox="1"/>
              <p:nvPr/>
            </p:nvSpPr>
            <p:spPr>
              <a:xfrm>
                <a:off x="579065" y="3723935"/>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dé</a:t>
                </a:r>
              </a:p>
            </p:txBody>
          </p:sp>
          <p:sp>
            <p:nvSpPr>
              <p:cNvPr id="148" name="TextBox 147">
                <a:extLst>
                  <a:ext uri="{FF2B5EF4-FFF2-40B4-BE49-F238E27FC236}">
                    <a16:creationId xmlns:a16="http://schemas.microsoft.com/office/drawing/2014/main" id="{A368ACBE-E4BB-B92E-CBEE-1B70F77709D0}"/>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Projekt</a:t>
                </a:r>
              </a:p>
            </p:txBody>
          </p:sp>
          <p:sp>
            <p:nvSpPr>
              <p:cNvPr id="149" name="TextBox 148">
                <a:extLst>
                  <a:ext uri="{FF2B5EF4-FFF2-40B4-BE49-F238E27FC236}">
                    <a16:creationId xmlns:a16="http://schemas.microsoft.com/office/drawing/2014/main" id="{55701366-ABCA-1217-FD6A-D8ADF7E2F6D5}"/>
                  </a:ext>
                </a:extLst>
              </p:cNvPr>
              <p:cNvSpPr txBox="1"/>
              <p:nvPr/>
            </p:nvSpPr>
            <p:spPr>
              <a:xfrm>
                <a:off x="1681056" y="3722668"/>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mplementering</a:t>
                </a:r>
              </a:p>
            </p:txBody>
          </p:sp>
          <p:sp>
            <p:nvSpPr>
              <p:cNvPr id="150" name="TextBox 149">
                <a:extLst>
                  <a:ext uri="{FF2B5EF4-FFF2-40B4-BE49-F238E27FC236}">
                    <a16:creationId xmlns:a16="http://schemas.microsoft.com/office/drawing/2014/main" id="{45872328-4A10-BCCD-50F0-4817366E0D8C}"/>
                  </a:ext>
                </a:extLst>
              </p:cNvPr>
              <p:cNvSpPr txBox="1"/>
              <p:nvPr/>
            </p:nvSpPr>
            <p:spPr>
              <a:xfrm>
                <a:off x="2299837" y="3723935"/>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Drift</a:t>
                </a:r>
              </a:p>
            </p:txBody>
          </p:sp>
          <p:cxnSp>
            <p:nvCxnSpPr>
              <p:cNvPr id="151" name="Straight Connector 150">
                <a:extLst>
                  <a:ext uri="{FF2B5EF4-FFF2-40B4-BE49-F238E27FC236}">
                    <a16:creationId xmlns:a16="http://schemas.microsoft.com/office/drawing/2014/main" id="{F5F2C80B-2F8B-B98C-C3BC-B7D6E25DA1FF}"/>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152" name="Straight Connector 151">
                <a:extLst>
                  <a:ext uri="{FF2B5EF4-FFF2-40B4-BE49-F238E27FC236}">
                    <a16:creationId xmlns:a16="http://schemas.microsoft.com/office/drawing/2014/main" id="{AC8CCF3C-EF45-5771-FCEC-0F45FA7C852B}"/>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153" name="Straight Connector 152">
                <a:extLst>
                  <a:ext uri="{FF2B5EF4-FFF2-40B4-BE49-F238E27FC236}">
                    <a16:creationId xmlns:a16="http://schemas.microsoft.com/office/drawing/2014/main" id="{8717F638-297D-B90E-50E8-B1F0CEB65DF2}"/>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144" name="Oval 143">
              <a:extLst>
                <a:ext uri="{FF2B5EF4-FFF2-40B4-BE49-F238E27FC236}">
                  <a16:creationId xmlns:a16="http://schemas.microsoft.com/office/drawing/2014/main" id="{5844E1D2-14EF-F3F6-0420-7475A3C379A2}"/>
                </a:ext>
              </a:extLst>
            </p:cNvPr>
            <p:cNvSpPr/>
            <p:nvPr/>
          </p:nvSpPr>
          <p:spPr>
            <a:xfrm>
              <a:off x="8919000"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4" name="Rectangle 13">
            <a:extLst>
              <a:ext uri="{FF2B5EF4-FFF2-40B4-BE49-F238E27FC236}">
                <a16:creationId xmlns:a16="http://schemas.microsoft.com/office/drawing/2014/main" id="{10041863-389A-CFB8-E552-2164974E3E9B}"/>
              </a:ext>
            </a:extLst>
          </p:cNvPr>
          <p:cNvSpPr/>
          <p:nvPr/>
        </p:nvSpPr>
        <p:spPr>
          <a:xfrm>
            <a:off x="3408013" y="2146124"/>
            <a:ext cx="5681357"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1000" b="1" noProof="0" dirty="0">
                <a:solidFill>
                  <a:srgbClr val="36465A"/>
                </a:solidFill>
              </a:rPr>
              <a:t>Generelle karakteristika</a:t>
            </a:r>
          </a:p>
          <a:p>
            <a:pPr marL="171450" indent="-171450">
              <a:buFont typeface="Wingdings" panose="05000000000000000000" pitchFamily="2" charset="2"/>
              <a:buChar char="Ø"/>
            </a:pPr>
            <a:r>
              <a:rPr lang="da-DK" sz="900" b="1" noProof="0" dirty="0">
                <a:solidFill>
                  <a:schemeClr val="tx1"/>
                </a:solidFill>
              </a:rPr>
              <a:t>Status på projekt: </a:t>
            </a:r>
            <a:r>
              <a:rPr lang="da-DK" sz="900" noProof="0" dirty="0">
                <a:solidFill>
                  <a:schemeClr val="tx1"/>
                </a:solidFill>
              </a:rPr>
              <a:t>Transitionen er gennemført i en proces over ca. seks måneder.</a:t>
            </a:r>
          </a:p>
          <a:p>
            <a:pPr marL="171450" indent="-171450">
              <a:buFont typeface="Wingdings" panose="05000000000000000000" pitchFamily="2" charset="2"/>
              <a:buChar char="Ø"/>
            </a:pPr>
            <a:r>
              <a:rPr lang="da-DK" sz="900" b="1" noProof="0" dirty="0">
                <a:solidFill>
                  <a:schemeClr val="tx1"/>
                </a:solidFill>
              </a:rPr>
              <a:t>Antal myndigheder/organisationer: </a:t>
            </a:r>
            <a:r>
              <a:rPr lang="da-DK" sz="900" noProof="0" dirty="0">
                <a:solidFill>
                  <a:schemeClr val="tx1"/>
                </a:solidFill>
              </a:rPr>
              <a:t>Omlægningen har alene omfattet Aarhus Kommune og har ikke involveret andre myndigheder.</a:t>
            </a:r>
            <a:endParaRPr lang="da-DK" sz="900" b="1" noProof="0" dirty="0">
              <a:solidFill>
                <a:schemeClr val="tx1"/>
              </a:solidFill>
            </a:endParaRPr>
          </a:p>
          <a:p>
            <a:pPr marL="171450" indent="-171450">
              <a:buFont typeface="Wingdings" panose="05000000000000000000" pitchFamily="2" charset="2"/>
              <a:buChar char="Ø"/>
            </a:pPr>
            <a:r>
              <a:rPr lang="da-DK" sz="900" b="1" noProof="0" dirty="0">
                <a:solidFill>
                  <a:schemeClr val="tx1"/>
                </a:solidFill>
              </a:rPr>
              <a:t>Geografisk omfang: </a:t>
            </a:r>
            <a:r>
              <a:rPr lang="da-DK" sz="900" noProof="0" dirty="0">
                <a:solidFill>
                  <a:schemeClr val="tx1"/>
                </a:solidFill>
              </a:rPr>
              <a:t>Omlægning har primært haft betydning for Magistratsafdelingen for Kultur og Borgerservices it-miljø. </a:t>
            </a:r>
            <a:endParaRPr lang="da-DK" sz="900" b="1" noProof="0" dirty="0">
              <a:solidFill>
                <a:schemeClr val="tx1"/>
              </a:solidFill>
            </a:endParaRPr>
          </a:p>
          <a:p>
            <a:pPr marL="171450" indent="-171450">
              <a:buFont typeface="Wingdings" panose="05000000000000000000" pitchFamily="2" charset="2"/>
              <a:buChar char="Ø"/>
            </a:pPr>
            <a:r>
              <a:rPr lang="da-DK" sz="900" b="1" noProof="0" dirty="0">
                <a:solidFill>
                  <a:schemeClr val="tx1"/>
                </a:solidFill>
              </a:rPr>
              <a:t>Antal brugere omfattet: </a:t>
            </a:r>
            <a:r>
              <a:rPr lang="da-DK" sz="900" noProof="0" dirty="0">
                <a:solidFill>
                  <a:schemeClr val="tx1"/>
                </a:solidFill>
              </a:rPr>
              <a:t>Omlægningen har primært påvirket interne it-miljøer og systemejere i Kultur og Borgerservice samt Innovation, Teknologi og Kreativitet i Aarhus Kommune (ITK). Slutbrugerne er således ikke direkte påvirket, da der alene er tale om en ændring af cloud-</a:t>
            </a:r>
            <a:r>
              <a:rPr lang="da-DK" sz="900" noProof="0" dirty="0" err="1">
                <a:solidFill>
                  <a:schemeClr val="tx1"/>
                </a:solidFill>
              </a:rPr>
              <a:t>hosting</a:t>
            </a:r>
            <a:r>
              <a:rPr lang="da-DK" sz="900" noProof="0" dirty="0">
                <a:solidFill>
                  <a:schemeClr val="tx1"/>
                </a:solidFill>
              </a:rPr>
              <a:t>. Systemernes funktionalitet og brugergrænseflade er uændret. Konkret er ca. 20 it-medarbejdere omfattet af forandringen.</a:t>
            </a:r>
            <a:endParaRPr lang="da-DK" sz="900" b="1" noProof="0" dirty="0">
              <a:solidFill>
                <a:schemeClr val="tx1"/>
              </a:solidFill>
            </a:endParaRPr>
          </a:p>
          <a:p>
            <a:pPr marL="171450" indent="-171450">
              <a:buFont typeface="Wingdings" panose="05000000000000000000" pitchFamily="2" charset="2"/>
              <a:buChar char="Ø"/>
            </a:pPr>
            <a:r>
              <a:rPr lang="da-DK" sz="900" b="1" noProof="0" dirty="0">
                <a:solidFill>
                  <a:schemeClr val="tx1"/>
                </a:solidFill>
              </a:rPr>
              <a:t>Antal systemer berørt: </a:t>
            </a:r>
            <a:r>
              <a:rPr lang="da-DK" sz="900" noProof="0" dirty="0">
                <a:solidFill>
                  <a:schemeClr val="tx1"/>
                </a:solidFill>
              </a:rPr>
              <a:t>Ca. 60 løsninger, primært mindre systemer og værktøjer, som kommunen selv har haft ansvar for drift og udvikling af, fx Borgerinvolveringsplatformen (deltag.aarhus.dk) og bibliotekssystemer.</a:t>
            </a:r>
            <a:r>
              <a:rPr lang="da-DK" sz="900" noProof="0" dirty="0">
                <a:solidFill>
                  <a:srgbClr val="000000"/>
                </a:solidFill>
                <a:sym typeface="Wingdings" panose="05000000000000000000" pitchFamily="2" charset="2"/>
              </a:rPr>
              <a:t> </a:t>
            </a:r>
            <a:endParaRPr lang="da-DK" sz="900" noProof="0" dirty="0">
              <a:solidFill>
                <a:schemeClr val="tx1"/>
              </a:solidFill>
            </a:endParaRPr>
          </a:p>
          <a:p>
            <a:pPr marL="171450" indent="-171450">
              <a:buFont typeface="Wingdings" panose="05000000000000000000" pitchFamily="2" charset="2"/>
              <a:buChar char="Ø"/>
            </a:pPr>
            <a:endParaRPr lang="da-DK" sz="900" b="1" noProof="0" dirty="0">
              <a:solidFill>
                <a:schemeClr val="tx1"/>
              </a:solidFill>
            </a:endParaRPr>
          </a:p>
        </p:txBody>
      </p:sp>
      <p:sp>
        <p:nvSpPr>
          <p:cNvPr id="49" name="Isosceles Triangle 48">
            <a:extLst>
              <a:ext uri="{FF2B5EF4-FFF2-40B4-BE49-F238E27FC236}">
                <a16:creationId xmlns:a16="http://schemas.microsoft.com/office/drawing/2014/main" id="{DC566286-10DA-A20B-9F6E-D7EAE73E89C2}"/>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6" name="Straight Connector 5">
            <a:extLst>
              <a:ext uri="{FF2B5EF4-FFF2-40B4-BE49-F238E27FC236}">
                <a16:creationId xmlns:a16="http://schemas.microsoft.com/office/drawing/2014/main" id="{1110C615-D349-8309-D01E-E0178CAC0FB6}"/>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F1E6FEF9-7895-4486-8886-8F99AE747F86}"/>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Gevinster</a:t>
            </a:r>
            <a:r>
              <a:rPr lang="da-DK" sz="900" noProof="0" dirty="0">
                <a:solidFill>
                  <a:srgbClr val="024D78"/>
                </a:solidFill>
              </a:rPr>
              <a:t> </a:t>
            </a:r>
          </a:p>
        </p:txBody>
      </p:sp>
      <p:sp>
        <p:nvSpPr>
          <p:cNvPr id="59" name="Content Placeholder 5">
            <a:extLst>
              <a:ext uri="{FF2B5EF4-FFF2-40B4-BE49-F238E27FC236}">
                <a16:creationId xmlns:a16="http://schemas.microsoft.com/office/drawing/2014/main" id="{A0159760-9B67-A2EC-5FB9-F9F04B3076F1}"/>
              </a:ext>
            </a:extLst>
          </p:cNvPr>
          <p:cNvSpPr txBox="1">
            <a:spLocks/>
          </p:cNvSpPr>
          <p:nvPr/>
        </p:nvSpPr>
        <p:spPr>
          <a:xfrm>
            <a:off x="3484616" y="4578217"/>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dirty="0">
                <a:solidFill>
                  <a:schemeClr val="tx1"/>
                </a:solidFill>
              </a:rPr>
              <a:t>Øget kontrol: </a:t>
            </a:r>
            <a:r>
              <a:rPr lang="da-DK" sz="900" b="0" noProof="0" dirty="0">
                <a:solidFill>
                  <a:schemeClr val="tx1"/>
                </a:solidFill>
              </a:rPr>
              <a:t>Som følge af bedre overblik over og kontrol med data.</a:t>
            </a:r>
          </a:p>
          <a:p>
            <a:pPr marL="171450" indent="-171450">
              <a:buFont typeface="Wingdings" panose="05000000000000000000" pitchFamily="2" charset="2"/>
              <a:buChar char="Ø"/>
            </a:pPr>
            <a:r>
              <a:rPr lang="da-DK" sz="900" noProof="0" dirty="0">
                <a:solidFill>
                  <a:schemeClr val="tx1"/>
                </a:solidFill>
              </a:rPr>
              <a:t>Reduceret afhængighed: </a:t>
            </a:r>
            <a:r>
              <a:rPr lang="da-DK" sz="900" b="0" noProof="0" dirty="0">
                <a:solidFill>
                  <a:schemeClr val="tx1"/>
                </a:solidFill>
              </a:rPr>
              <a:t>Mindre afhængighed af en dominerende it-leverandør</a:t>
            </a:r>
          </a:p>
          <a:p>
            <a:pPr marL="171450" indent="-171450">
              <a:buFont typeface="Wingdings" panose="05000000000000000000" pitchFamily="2" charset="2"/>
              <a:buChar char="Ø"/>
            </a:pPr>
            <a:r>
              <a:rPr lang="da-DK" sz="900" noProof="0" dirty="0">
                <a:solidFill>
                  <a:schemeClr val="tx1"/>
                </a:solidFill>
              </a:rPr>
              <a:t>Øget handlefrihed:</a:t>
            </a:r>
            <a:r>
              <a:rPr lang="da-DK" sz="900" b="0" noProof="0" dirty="0">
                <a:solidFill>
                  <a:schemeClr val="tx1"/>
                </a:solidFill>
              </a:rPr>
              <a:t> Gennem omlægning til containerbaseret arkitektur.</a:t>
            </a:r>
          </a:p>
          <a:p>
            <a:pPr marL="171450" indent="-171450">
              <a:buFont typeface="Wingdings" panose="05000000000000000000" pitchFamily="2" charset="2"/>
              <a:buChar char="Ø"/>
            </a:pPr>
            <a:r>
              <a:rPr lang="da-DK" sz="900" noProof="0" dirty="0">
                <a:solidFill>
                  <a:schemeClr val="tx1"/>
                </a:solidFill>
              </a:rPr>
              <a:t>Reducerede omkostninger: </a:t>
            </a:r>
            <a:r>
              <a:rPr lang="da-DK" sz="900" b="0" noProof="0">
                <a:solidFill>
                  <a:schemeClr val="tx1"/>
                </a:solidFill>
              </a:rPr>
              <a:t>Reduktion af årlige leverandøromkostninger fra 842.000 kr. til ca. 233.000 kr., svarende til en årlig bruttobesparelse på ca. 600.000 kr.</a:t>
            </a:r>
          </a:p>
          <a:p>
            <a:endParaRPr lang="da-DK" sz="800" noProof="0"/>
          </a:p>
        </p:txBody>
      </p:sp>
      <p:sp>
        <p:nvSpPr>
          <p:cNvPr id="23" name="Content Placeholder 5">
            <a:extLst>
              <a:ext uri="{FF2B5EF4-FFF2-40B4-BE49-F238E27FC236}">
                <a16:creationId xmlns:a16="http://schemas.microsoft.com/office/drawing/2014/main" id="{D14237F1-1931-AA92-CC6B-799664DC942C}"/>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Barrierer</a:t>
            </a:r>
          </a:p>
        </p:txBody>
      </p:sp>
      <p:sp>
        <p:nvSpPr>
          <p:cNvPr id="60" name="Content Placeholder 5">
            <a:extLst>
              <a:ext uri="{FF2B5EF4-FFF2-40B4-BE49-F238E27FC236}">
                <a16:creationId xmlns:a16="http://schemas.microsoft.com/office/drawing/2014/main" id="{8117CB84-8DCA-5853-4244-D23205D32090}"/>
              </a:ext>
            </a:extLst>
          </p:cNvPr>
          <p:cNvSpPr txBox="1">
            <a:spLocks/>
          </p:cNvSpPr>
          <p:nvPr/>
        </p:nvSpPr>
        <p:spPr>
          <a:xfrm>
            <a:off x="6347181" y="4578217"/>
            <a:ext cx="2883606" cy="163562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ts val="300"/>
              </a:spcAft>
              <a:buFont typeface="Wingdings" panose="05000000000000000000" pitchFamily="2" charset="2"/>
              <a:buChar char="Ø"/>
            </a:pPr>
            <a:r>
              <a:rPr lang="da-DK" sz="900" noProof="0">
                <a:solidFill>
                  <a:srgbClr val="000000"/>
                </a:solidFill>
              </a:rPr>
              <a:t>Nye kompetencer og opgaver: </a:t>
            </a:r>
            <a:r>
              <a:rPr lang="da-DK" sz="900" b="0" noProof="0">
                <a:solidFill>
                  <a:srgbClr val="000000"/>
                </a:solidFill>
              </a:rPr>
              <a:t>Omlægningen har krævet øget </a:t>
            </a:r>
            <a:r>
              <a:rPr lang="da-DK" sz="900" b="0" noProof="0">
                <a:solidFill>
                  <a:srgbClr val="000000"/>
                </a:solidFill>
                <a:sym typeface="Wingdings" panose="05000000000000000000" pitchFamily="2" charset="2"/>
              </a:rPr>
              <a:t>intern kapacitet og</a:t>
            </a:r>
            <a:r>
              <a:rPr lang="da-DK" sz="900" b="0" noProof="0" dirty="0">
                <a:solidFill>
                  <a:srgbClr val="000000"/>
                </a:solidFill>
                <a:sym typeface="Wingdings" panose="05000000000000000000" pitchFamily="2" charset="2"/>
              </a:rPr>
              <a:t> nye</a:t>
            </a:r>
            <a:r>
              <a:rPr lang="da-DK" sz="900" b="0" noProof="0">
                <a:solidFill>
                  <a:srgbClr val="000000"/>
                </a:solidFill>
                <a:sym typeface="Wingdings" panose="05000000000000000000" pitchFamily="2" charset="2"/>
              </a:rPr>
              <a:t> kompetencer til at overtage drifts- og overvågningsopgaver, som ikke længere håndteres af MS, da </a:t>
            </a:r>
            <a:r>
              <a:rPr lang="da-DK" sz="900" b="0" noProof="0" err="1">
                <a:solidFill>
                  <a:srgbClr val="000000"/>
                </a:solidFill>
                <a:sym typeface="Wingdings" panose="05000000000000000000" pitchFamily="2" charset="2"/>
              </a:rPr>
              <a:t>Hetzner</a:t>
            </a:r>
            <a:r>
              <a:rPr lang="da-DK" sz="900" b="0" noProof="0">
                <a:solidFill>
                  <a:srgbClr val="000000"/>
                </a:solidFill>
                <a:sym typeface="Wingdings" panose="05000000000000000000" pitchFamily="2" charset="2"/>
              </a:rPr>
              <a:t> ikke tilbyder samme automatisering og ”</a:t>
            </a:r>
            <a:r>
              <a:rPr lang="da-DK" sz="900" b="0" noProof="0" err="1">
                <a:solidFill>
                  <a:srgbClr val="000000"/>
                </a:solidFill>
                <a:sym typeface="Wingdings" panose="05000000000000000000" pitchFamily="2" charset="2"/>
              </a:rPr>
              <a:t>managed</a:t>
            </a:r>
            <a:r>
              <a:rPr lang="da-DK" sz="900" b="0" noProof="0">
                <a:solidFill>
                  <a:srgbClr val="000000"/>
                </a:solidFill>
                <a:sym typeface="Wingdings" panose="05000000000000000000" pitchFamily="2" charset="2"/>
              </a:rPr>
              <a:t> services”.</a:t>
            </a:r>
            <a:endParaRPr lang="da-DK" sz="900" b="0" noProof="0">
              <a:solidFill>
                <a:srgbClr val="000000"/>
              </a:solidFill>
            </a:endParaRPr>
          </a:p>
          <a:p>
            <a:pPr marL="171450" indent="-171450" defTabSz="914400" eaLnBrk="0" fontAlgn="base" hangingPunct="0">
              <a:spcBef>
                <a:spcPct val="0"/>
              </a:spcBef>
              <a:spcAft>
                <a:spcPts val="300"/>
              </a:spcAft>
              <a:buFont typeface="Wingdings" panose="05000000000000000000" pitchFamily="2" charset="2"/>
              <a:buChar char="Ø"/>
            </a:pPr>
            <a:r>
              <a:rPr lang="da-DK" sz="900" noProof="0">
                <a:solidFill>
                  <a:srgbClr val="000000"/>
                </a:solidFill>
              </a:rPr>
              <a:t>Bindinger på tværs af løsninger:</a:t>
            </a:r>
            <a:r>
              <a:rPr lang="da-DK" sz="900" b="0" noProof="0">
                <a:solidFill>
                  <a:srgbClr val="000000"/>
                </a:solidFill>
              </a:rPr>
              <a:t> En barriere for yderligere udskiftning er bindinger til MS i eksisterende systemer, som kan begrænse overgangen til et mere europæisk miljø. Hvis bindinger ikke håndteres, kan potentialet ved omlægning til europæiske leverandører være begrænset.</a:t>
            </a:r>
          </a:p>
          <a:p>
            <a:pPr marL="171450" lvl="0" indent="-171450" defTabSz="914400" eaLnBrk="0" fontAlgn="base" hangingPunct="0">
              <a:spcBef>
                <a:spcPct val="0"/>
              </a:spcBef>
              <a:spcAft>
                <a:spcPct val="0"/>
              </a:spcAft>
              <a:buFont typeface="Wingdings" panose="05000000000000000000" pitchFamily="2" charset="2"/>
              <a:buChar char="Ø"/>
            </a:pPr>
            <a:endParaRPr lang="da-DK" sz="800" b="0" noProof="0">
              <a:solidFill>
                <a:srgbClr val="36465A"/>
              </a:solidFill>
            </a:endParaRPr>
          </a:p>
          <a:p>
            <a:pPr marL="171450" indent="-171450">
              <a:spcAft>
                <a:spcPts val="300"/>
              </a:spcAft>
              <a:buFont typeface="Arial" panose="020B0604020202020204" pitchFamily="34" charset="0"/>
              <a:buChar char="•"/>
            </a:pPr>
            <a:endParaRPr lang="da-DK" sz="800" noProof="0">
              <a:solidFill>
                <a:schemeClr val="tx1"/>
              </a:solidFill>
            </a:endParaRPr>
          </a:p>
          <a:p>
            <a:pPr marL="171450" indent="-171450">
              <a:spcAft>
                <a:spcPts val="300"/>
              </a:spcAft>
              <a:buFont typeface="Arial" panose="020B0604020202020204" pitchFamily="34" charset="0"/>
              <a:buChar char="•"/>
            </a:pPr>
            <a:endParaRPr lang="da-DK" sz="800" b="0" noProof="0">
              <a:solidFill>
                <a:schemeClr val="tx1"/>
              </a:solidFill>
            </a:endParaRPr>
          </a:p>
        </p:txBody>
      </p:sp>
      <p:cxnSp>
        <p:nvCxnSpPr>
          <p:cNvPr id="25" name="Straight Connector 24">
            <a:extLst>
              <a:ext uri="{FF2B5EF4-FFF2-40B4-BE49-F238E27FC236}">
                <a16:creationId xmlns:a16="http://schemas.microsoft.com/office/drawing/2014/main" id="{9FF3E7C5-BDD2-0B26-1090-23CCE5B72361}"/>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AF18A487-5D0D-955E-2633-9FFCF46B591B}"/>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cxnSp>
        <p:nvCxnSpPr>
          <p:cNvPr id="57" name="Straight Connector 56">
            <a:extLst>
              <a:ext uri="{FF2B5EF4-FFF2-40B4-BE49-F238E27FC236}">
                <a16:creationId xmlns:a16="http://schemas.microsoft.com/office/drawing/2014/main" id="{734F3842-40AC-6450-F7F4-4615E68267F3}"/>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90E40060-2AB7-DDF8-A69E-6F268DA8615A}"/>
              </a:ext>
              <a:ext uri="{C183D7F6-B498-43B3-948B-1728B52AA6E4}">
                <adec:decorative xmlns:adec="http://schemas.microsoft.com/office/drawing/2017/decorative" val="1"/>
              </a:ext>
            </a:extLst>
          </p:cNvPr>
          <p:cNvCxnSpPr>
            <a:cxnSpLocks/>
          </p:cNvCxnSpPr>
          <p:nvPr/>
        </p:nvCxnSpPr>
        <p:spPr>
          <a:xfrm>
            <a:off x="6585098"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5" name="Rectangle 114">
            <a:extLst>
              <a:ext uri="{FF2B5EF4-FFF2-40B4-BE49-F238E27FC236}">
                <a16:creationId xmlns:a16="http://schemas.microsoft.com/office/drawing/2014/main" id="{6D866280-F2A4-CF90-D24D-BD572204A03A}"/>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endParaRPr lang="da-DK" sz="900" b="1" noProof="0">
              <a:solidFill>
                <a:schemeClr val="tx1"/>
              </a:solidFill>
            </a:endParaRPr>
          </a:p>
        </p:txBody>
      </p:sp>
      <p:cxnSp>
        <p:nvCxnSpPr>
          <p:cNvPr id="30" name="Straight Connector 29">
            <a:extLst>
              <a:ext uri="{FF2B5EF4-FFF2-40B4-BE49-F238E27FC236}">
                <a16:creationId xmlns:a16="http://schemas.microsoft.com/office/drawing/2014/main" id="{BFB849D4-8056-C87F-F9C7-0E4E0BCDBC99}"/>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5DCB6D84-ECFB-5883-1A1D-C213A8D82AE5}"/>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26" name="Rectangle 25">
            <a:extLst>
              <a:ext uri="{FF2B5EF4-FFF2-40B4-BE49-F238E27FC236}">
                <a16:creationId xmlns:a16="http://schemas.microsoft.com/office/drawing/2014/main" id="{E722F664-BB39-8876-FA2F-1280F206279A}"/>
              </a:ext>
              <a:ext uri="{C183D7F6-B498-43B3-948B-1728B52AA6E4}">
                <adec:decorative xmlns:adec="http://schemas.microsoft.com/office/drawing/2017/decorative" val="1"/>
              </a:ext>
            </a:extLst>
          </p:cNvPr>
          <p:cNvSpPr>
            <a:spLocks/>
          </p:cNvSpPr>
          <p:nvPr/>
        </p:nvSpPr>
        <p:spPr>
          <a:xfrm>
            <a:off x="1074367" y="5907730"/>
            <a:ext cx="1977638" cy="411301"/>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7" name="Rectangle 26">
            <a:extLst>
              <a:ext uri="{FF2B5EF4-FFF2-40B4-BE49-F238E27FC236}">
                <a16:creationId xmlns:a16="http://schemas.microsoft.com/office/drawing/2014/main" id="{156DABC5-BA86-AAF2-2868-684F4C20EB25}"/>
              </a:ext>
              <a:ext uri="{C183D7F6-B498-43B3-948B-1728B52AA6E4}">
                <adec:decorative xmlns:adec="http://schemas.microsoft.com/office/drawing/2017/decorative" val="1"/>
              </a:ext>
            </a:extLst>
          </p:cNvPr>
          <p:cNvSpPr>
            <a:spLocks/>
          </p:cNvSpPr>
          <p:nvPr/>
        </p:nvSpPr>
        <p:spPr>
          <a:xfrm>
            <a:off x="1053582" y="4291708"/>
            <a:ext cx="1999072" cy="1338719"/>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cxnSp>
        <p:nvCxnSpPr>
          <p:cNvPr id="141" name="Straight Connector 140">
            <a:extLst>
              <a:ext uri="{FF2B5EF4-FFF2-40B4-BE49-F238E27FC236}">
                <a16:creationId xmlns:a16="http://schemas.microsoft.com/office/drawing/2014/main" id="{A39D48A2-097A-950A-E901-E41E18AAC420}"/>
              </a:ext>
              <a:ext uri="{C183D7F6-B498-43B3-948B-1728B52AA6E4}">
                <adec:decorative xmlns:adec="http://schemas.microsoft.com/office/drawing/2017/decorative" val="1"/>
              </a:ext>
            </a:extLst>
          </p:cNvPr>
          <p:cNvCxnSpPr>
            <a:cxnSpLocks/>
          </p:cNvCxnSpPr>
          <p:nvPr/>
        </p:nvCxnSpPr>
        <p:spPr>
          <a:xfrm>
            <a:off x="3408176" y="2122972"/>
            <a:ext cx="3493285" cy="16064"/>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154" name="Group 153">
            <a:extLst>
              <a:ext uri="{FF2B5EF4-FFF2-40B4-BE49-F238E27FC236}">
                <a16:creationId xmlns:a16="http://schemas.microsoft.com/office/drawing/2014/main" id="{6620DC28-7910-A117-727E-1BA162D296A2}"/>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55" name="Rectangle 154">
              <a:extLst>
                <a:ext uri="{FF2B5EF4-FFF2-40B4-BE49-F238E27FC236}">
                  <a16:creationId xmlns:a16="http://schemas.microsoft.com/office/drawing/2014/main" id="{CBBE6FFF-0AA9-0A2A-E962-59B833FEC262}"/>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56" name="Rectangle 155">
              <a:extLst>
                <a:ext uri="{FF2B5EF4-FFF2-40B4-BE49-F238E27FC236}">
                  <a16:creationId xmlns:a16="http://schemas.microsoft.com/office/drawing/2014/main" id="{D022C35F-D8FA-D56C-7372-8E3E1A0CA94E}"/>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grpSp>
        <p:nvGrpSpPr>
          <p:cNvPr id="7" name="Group 6" descr="Casen addresserer virkemidlerne arkitektur og åbne standarder samt indkøb, krav og leverandørsamarbejde ">
            <a:extLst>
              <a:ext uri="{FF2B5EF4-FFF2-40B4-BE49-F238E27FC236}">
                <a16:creationId xmlns:a16="http://schemas.microsoft.com/office/drawing/2014/main" id="{3AE7F69A-F145-0645-9587-FE9D22D641D8}"/>
              </a:ext>
            </a:extLst>
          </p:cNvPr>
          <p:cNvGrpSpPr/>
          <p:nvPr/>
        </p:nvGrpSpPr>
        <p:grpSpPr>
          <a:xfrm>
            <a:off x="9603525" y="1810298"/>
            <a:ext cx="2399666" cy="2088724"/>
            <a:chOff x="6170312" y="1801370"/>
            <a:chExt cx="2399666" cy="2088724"/>
          </a:xfrm>
        </p:grpSpPr>
        <p:sp>
          <p:nvSpPr>
            <p:cNvPr id="8" name="Content Placeholder 5">
              <a:extLst>
                <a:ext uri="{FF2B5EF4-FFF2-40B4-BE49-F238E27FC236}">
                  <a16:creationId xmlns:a16="http://schemas.microsoft.com/office/drawing/2014/main" id="{942FFB52-D35B-7091-7C7F-86CE4651A71B}"/>
                </a:ext>
              </a:extLst>
            </p:cNvPr>
            <p:cNvSpPr txBox="1">
              <a:spLocks/>
            </p:cNvSpPr>
            <p:nvPr/>
          </p:nvSpPr>
          <p:spPr>
            <a:xfrm>
              <a:off x="6292650" y="1860060"/>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Virkemidler</a:t>
              </a:r>
            </a:p>
          </p:txBody>
        </p:sp>
        <p:sp>
          <p:nvSpPr>
            <p:cNvPr id="10" name="Rectangle: Rounded Corners 9">
              <a:extLst>
                <a:ext uri="{FF2B5EF4-FFF2-40B4-BE49-F238E27FC236}">
                  <a16:creationId xmlns:a16="http://schemas.microsoft.com/office/drawing/2014/main" id="{17FE0C06-1FEC-8E90-8FDB-D7FFAB158BEC}"/>
                </a:ext>
              </a:extLst>
            </p:cNvPr>
            <p:cNvSpPr/>
            <p:nvPr/>
          </p:nvSpPr>
          <p:spPr>
            <a:xfrm>
              <a:off x="6170312" y="1801370"/>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solidFill>
                  <a:srgbClr val="A2B3C9"/>
                </a:solidFill>
              </a:endParaRPr>
            </a:p>
          </p:txBody>
        </p:sp>
        <p:cxnSp>
          <p:nvCxnSpPr>
            <p:cNvPr id="12" name="Straight Connector 11">
              <a:extLst>
                <a:ext uri="{FF2B5EF4-FFF2-40B4-BE49-F238E27FC236}">
                  <a16:creationId xmlns:a16="http://schemas.microsoft.com/office/drawing/2014/main" id="{FE4CD518-7F8B-49AA-14ED-BFB02E077241}"/>
                </a:ext>
              </a:extLst>
            </p:cNvPr>
            <p:cNvCxnSpPr>
              <a:cxnSpLocks/>
            </p:cNvCxnSpPr>
            <p:nvPr/>
          </p:nvCxnSpPr>
          <p:spPr>
            <a:xfrm>
              <a:off x="6281165" y="2112275"/>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5" name="Rektangel: afrundede hjørner 10">
              <a:extLst>
                <a:ext uri="{FF2B5EF4-FFF2-40B4-BE49-F238E27FC236}">
                  <a16:creationId xmlns:a16="http://schemas.microsoft.com/office/drawing/2014/main" id="{325C662E-A65B-5645-8987-5E23A0D779F1}"/>
                </a:ext>
              </a:extLst>
            </p:cNvPr>
            <p:cNvSpPr>
              <a:spLocks/>
            </p:cNvSpPr>
            <p:nvPr/>
          </p:nvSpPr>
          <p:spPr>
            <a:xfrm>
              <a:off x="6281355" y="2161059"/>
              <a:ext cx="2190658" cy="252000"/>
            </a:xfrm>
            <a:prstGeom prst="roundRect">
              <a:avLst>
                <a:gd name="adj" fmla="val 5714"/>
              </a:avLst>
            </a:prstGeom>
            <a:solidFill>
              <a:srgbClr val="B7E5E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6" name="TextBox 4">
              <a:extLst>
                <a:ext uri="{FF2B5EF4-FFF2-40B4-BE49-F238E27FC236}">
                  <a16:creationId xmlns:a16="http://schemas.microsoft.com/office/drawing/2014/main" id="{849944D8-5F1E-A123-D612-FCC5497F8669}"/>
                </a:ext>
              </a:extLst>
            </p:cNvPr>
            <p:cNvSpPr txBox="1">
              <a:spLocks/>
            </p:cNvSpPr>
            <p:nvPr/>
          </p:nvSpPr>
          <p:spPr>
            <a:xfrm>
              <a:off x="6579387" y="2172005"/>
              <a:ext cx="1955475" cy="230108"/>
            </a:xfrm>
            <a:prstGeom prst="rect">
              <a:avLst/>
            </a:prstGeom>
            <a:noFill/>
          </p:spPr>
          <p:txBody>
            <a:bodyPr wrap="square" lIns="0" rtlCol="0" anchor="ctr">
              <a:noAutofit/>
            </a:bodyPr>
            <a:lstStyle/>
            <a:p>
              <a:r>
                <a:rPr lang="da-DK" sz="700" noProof="0" dirty="0">
                  <a:solidFill>
                    <a:srgbClr val="024D78"/>
                  </a:solidFill>
                </a:rPr>
                <a:t>01 | Strategi og organisation</a:t>
              </a:r>
            </a:p>
          </p:txBody>
        </p:sp>
        <p:sp>
          <p:nvSpPr>
            <p:cNvPr id="17" name="Rektangel: afrundede hjørner 5">
              <a:extLst>
                <a:ext uri="{FF2B5EF4-FFF2-40B4-BE49-F238E27FC236}">
                  <a16:creationId xmlns:a16="http://schemas.microsoft.com/office/drawing/2014/main" id="{3C9D7167-5B09-1FD9-4221-309C2E8D29C2}"/>
                </a:ext>
              </a:extLst>
            </p:cNvPr>
            <p:cNvSpPr>
              <a:spLocks/>
            </p:cNvSpPr>
            <p:nvPr/>
          </p:nvSpPr>
          <p:spPr>
            <a:xfrm>
              <a:off x="6280700" y="3209658"/>
              <a:ext cx="2190658" cy="252000"/>
            </a:xfrm>
            <a:prstGeom prst="roundRect">
              <a:avLst>
                <a:gd name="adj" fmla="val 5714"/>
              </a:avLst>
            </a:prstGeom>
            <a:solidFill>
              <a:srgbClr val="B7E5EE">
                <a:alpha val="2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8" name="Rektangel: afrundede hjørner 9">
              <a:extLst>
                <a:ext uri="{FF2B5EF4-FFF2-40B4-BE49-F238E27FC236}">
                  <a16:creationId xmlns:a16="http://schemas.microsoft.com/office/drawing/2014/main" id="{DC54A2C6-1DFF-DBF7-F091-A0D0228448D5}"/>
                </a:ext>
              </a:extLst>
            </p:cNvPr>
            <p:cNvSpPr>
              <a:spLocks/>
            </p:cNvSpPr>
            <p:nvPr/>
          </p:nvSpPr>
          <p:spPr>
            <a:xfrm>
              <a:off x="6281618" y="2861617"/>
              <a:ext cx="2190193" cy="252000"/>
            </a:xfrm>
            <a:prstGeom prst="roundRect">
              <a:avLst>
                <a:gd name="adj" fmla="val 5714"/>
              </a:avLst>
            </a:prstGeom>
            <a:solidFill>
              <a:srgbClr val="B7E5EE">
                <a:alpha val="50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9" name="Rektangel: afrundede hjørner 39">
              <a:extLst>
                <a:ext uri="{FF2B5EF4-FFF2-40B4-BE49-F238E27FC236}">
                  <a16:creationId xmlns:a16="http://schemas.microsoft.com/office/drawing/2014/main" id="{82067F49-FC9B-6381-4C07-34802A77F727}"/>
                </a:ext>
              </a:extLst>
            </p:cNvPr>
            <p:cNvSpPr>
              <a:spLocks/>
            </p:cNvSpPr>
            <p:nvPr/>
          </p:nvSpPr>
          <p:spPr>
            <a:xfrm>
              <a:off x="6280700" y="2490331"/>
              <a:ext cx="2190193" cy="252000"/>
            </a:xfrm>
            <a:prstGeom prst="roundRect">
              <a:avLst>
                <a:gd name="adj" fmla="val 5714"/>
              </a:avLst>
            </a:prstGeom>
            <a:solidFill>
              <a:srgbClr val="B7E5EE">
                <a:alpha val="7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0" name="Rektangel: afrundede hjørner 39">
              <a:extLst>
                <a:ext uri="{FF2B5EF4-FFF2-40B4-BE49-F238E27FC236}">
                  <a16:creationId xmlns:a16="http://schemas.microsoft.com/office/drawing/2014/main" id="{2497F17D-EA1C-1A6D-8B9A-258A5C7640C9}"/>
                </a:ext>
              </a:extLst>
            </p:cNvPr>
            <p:cNvSpPr>
              <a:spLocks/>
            </p:cNvSpPr>
            <p:nvPr/>
          </p:nvSpPr>
          <p:spPr>
            <a:xfrm>
              <a:off x="6281165" y="3562176"/>
              <a:ext cx="2190193" cy="252000"/>
            </a:xfrm>
            <a:prstGeom prst="roundRect">
              <a:avLst>
                <a:gd name="adj" fmla="val 5714"/>
              </a:avLst>
            </a:prstGeom>
            <a:solidFill>
              <a:srgbClr val="B7E5EE">
                <a:alpha val="1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1" name="TextBox 4">
              <a:extLst>
                <a:ext uri="{FF2B5EF4-FFF2-40B4-BE49-F238E27FC236}">
                  <a16:creationId xmlns:a16="http://schemas.microsoft.com/office/drawing/2014/main" id="{89AACA6B-CC67-281C-E310-F7CC8D036E3F}"/>
                </a:ext>
              </a:extLst>
            </p:cNvPr>
            <p:cNvSpPr txBox="1">
              <a:spLocks/>
            </p:cNvSpPr>
            <p:nvPr/>
          </p:nvSpPr>
          <p:spPr>
            <a:xfrm>
              <a:off x="6578922" y="3220604"/>
              <a:ext cx="1955475" cy="230108"/>
            </a:xfrm>
            <a:prstGeom prst="rect">
              <a:avLst/>
            </a:prstGeom>
            <a:noFill/>
          </p:spPr>
          <p:txBody>
            <a:bodyPr wrap="square" lIns="0" rtlCol="0" anchor="ctr">
              <a:noAutofit/>
            </a:bodyPr>
            <a:lstStyle/>
            <a:p>
              <a:r>
                <a:rPr lang="da-DK" sz="700" b="1" noProof="0" dirty="0">
                  <a:solidFill>
                    <a:srgbClr val="024D78"/>
                  </a:solidFill>
                </a:rPr>
                <a:t>04 | Indkøb, krav og leverandørsamarbejde</a:t>
              </a:r>
            </a:p>
          </p:txBody>
        </p:sp>
        <p:sp>
          <p:nvSpPr>
            <p:cNvPr id="24" name="TextBox 4">
              <a:extLst>
                <a:ext uri="{FF2B5EF4-FFF2-40B4-BE49-F238E27FC236}">
                  <a16:creationId xmlns:a16="http://schemas.microsoft.com/office/drawing/2014/main" id="{5C8EBA84-3017-D189-466B-136C860D66BF}"/>
                </a:ext>
              </a:extLst>
            </p:cNvPr>
            <p:cNvSpPr txBox="1">
              <a:spLocks/>
            </p:cNvSpPr>
            <p:nvPr/>
          </p:nvSpPr>
          <p:spPr>
            <a:xfrm>
              <a:off x="6579387" y="2872563"/>
              <a:ext cx="1955475" cy="230108"/>
            </a:xfrm>
            <a:prstGeom prst="rect">
              <a:avLst/>
            </a:prstGeom>
            <a:noFill/>
          </p:spPr>
          <p:txBody>
            <a:bodyPr wrap="square" lIns="0" rtlCol="0" anchor="ctr">
              <a:noAutofit/>
            </a:bodyPr>
            <a:lstStyle/>
            <a:p>
              <a:r>
                <a:rPr lang="da-DK" sz="700" b="1" noProof="0" dirty="0">
                  <a:solidFill>
                    <a:srgbClr val="024D78"/>
                  </a:solidFill>
                </a:rPr>
                <a:t>03 | Arkitektur og åbne standarder</a:t>
              </a:r>
            </a:p>
          </p:txBody>
        </p:sp>
        <p:sp>
          <p:nvSpPr>
            <p:cNvPr id="28" name="TextBox 4">
              <a:extLst>
                <a:ext uri="{FF2B5EF4-FFF2-40B4-BE49-F238E27FC236}">
                  <a16:creationId xmlns:a16="http://schemas.microsoft.com/office/drawing/2014/main" id="{F3476674-D79B-F90C-3CBB-A8BB1556F610}"/>
                </a:ext>
              </a:extLst>
            </p:cNvPr>
            <p:cNvSpPr txBox="1">
              <a:spLocks/>
            </p:cNvSpPr>
            <p:nvPr/>
          </p:nvSpPr>
          <p:spPr>
            <a:xfrm>
              <a:off x="6578469" y="2501277"/>
              <a:ext cx="1955475" cy="230108"/>
            </a:xfrm>
            <a:prstGeom prst="rect">
              <a:avLst/>
            </a:prstGeom>
            <a:noFill/>
          </p:spPr>
          <p:txBody>
            <a:bodyPr wrap="square" lIns="0" rtlCol="0" anchor="ctr">
              <a:noAutofit/>
            </a:bodyPr>
            <a:lstStyle/>
            <a:p>
              <a:r>
                <a:rPr lang="da-DK" sz="700" noProof="0" dirty="0">
                  <a:solidFill>
                    <a:srgbClr val="024D78"/>
                  </a:solidFill>
                </a:rPr>
                <a:t>02 | Risikobaseret styring af afhængigheder</a:t>
              </a:r>
            </a:p>
          </p:txBody>
        </p:sp>
        <p:sp>
          <p:nvSpPr>
            <p:cNvPr id="33" name="TextBox 4">
              <a:extLst>
                <a:ext uri="{FF2B5EF4-FFF2-40B4-BE49-F238E27FC236}">
                  <a16:creationId xmlns:a16="http://schemas.microsoft.com/office/drawing/2014/main" id="{4861E2BE-AE46-93A4-19FD-26CD5500F77D}"/>
                </a:ext>
              </a:extLst>
            </p:cNvPr>
            <p:cNvSpPr txBox="1">
              <a:spLocks/>
            </p:cNvSpPr>
            <p:nvPr/>
          </p:nvSpPr>
          <p:spPr>
            <a:xfrm>
              <a:off x="6579387" y="3573122"/>
              <a:ext cx="1955475" cy="230108"/>
            </a:xfrm>
            <a:prstGeom prst="rect">
              <a:avLst/>
            </a:prstGeom>
            <a:noFill/>
          </p:spPr>
          <p:txBody>
            <a:bodyPr wrap="square" lIns="0" rtlCol="0" anchor="ctr">
              <a:noAutofit/>
            </a:bodyPr>
            <a:lstStyle/>
            <a:p>
              <a:r>
                <a:rPr lang="da-DK" sz="700" noProof="0" dirty="0">
                  <a:solidFill>
                    <a:srgbClr val="024D78"/>
                  </a:solidFill>
                </a:rPr>
                <a:t>05 | Alternative løsninger</a:t>
              </a:r>
            </a:p>
          </p:txBody>
        </p:sp>
        <p:sp>
          <p:nvSpPr>
            <p:cNvPr id="34" name="Freeform 7">
              <a:extLst>
                <a:ext uri="{FF2B5EF4-FFF2-40B4-BE49-F238E27FC236}">
                  <a16:creationId xmlns:a16="http://schemas.microsoft.com/office/drawing/2014/main" id="{BF4AB7CB-562F-1DA0-687C-5CC5381999FC}"/>
                </a:ext>
              </a:extLst>
            </p:cNvPr>
            <p:cNvSpPr>
              <a:spLocks noEditPoints="1"/>
            </p:cNvSpPr>
            <p:nvPr/>
          </p:nvSpPr>
          <p:spPr bwMode="auto">
            <a:xfrm>
              <a:off x="6353426" y="3250371"/>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35" name="Group 34">
              <a:extLst>
                <a:ext uri="{FF2B5EF4-FFF2-40B4-BE49-F238E27FC236}">
                  <a16:creationId xmlns:a16="http://schemas.microsoft.com/office/drawing/2014/main" id="{18EE4539-2035-3276-06FF-8D73F2E1A452}"/>
                </a:ext>
              </a:extLst>
            </p:cNvPr>
            <p:cNvGrpSpPr/>
            <p:nvPr/>
          </p:nvGrpSpPr>
          <p:grpSpPr>
            <a:xfrm>
              <a:off x="6345364" y="2912838"/>
              <a:ext cx="193946" cy="152578"/>
              <a:chOff x="8675444" y="2927353"/>
              <a:chExt cx="573087" cy="450850"/>
            </a:xfrm>
            <a:solidFill>
              <a:srgbClr val="024D78"/>
            </a:solidFill>
          </p:grpSpPr>
          <p:sp>
            <p:nvSpPr>
              <p:cNvPr id="42" name="Freeform 257">
                <a:extLst>
                  <a:ext uri="{FF2B5EF4-FFF2-40B4-BE49-F238E27FC236}">
                    <a16:creationId xmlns:a16="http://schemas.microsoft.com/office/drawing/2014/main" id="{039E1DAC-308C-AE13-1B78-25A3FDA4DC95}"/>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43" name="Freeform 258">
                <a:extLst>
                  <a:ext uri="{FF2B5EF4-FFF2-40B4-BE49-F238E27FC236}">
                    <a16:creationId xmlns:a16="http://schemas.microsoft.com/office/drawing/2014/main" id="{7D980252-28FA-6310-FF24-A863EC263083}"/>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44" name="Freeform 259">
                <a:extLst>
                  <a:ext uri="{FF2B5EF4-FFF2-40B4-BE49-F238E27FC236}">
                    <a16:creationId xmlns:a16="http://schemas.microsoft.com/office/drawing/2014/main" id="{D109AD15-04B7-F566-433B-FABC73D88A1F}"/>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36" name="Group 35">
              <a:extLst>
                <a:ext uri="{FF2B5EF4-FFF2-40B4-BE49-F238E27FC236}">
                  <a16:creationId xmlns:a16="http://schemas.microsoft.com/office/drawing/2014/main" id="{43F2C2A9-7EB9-B341-4DDF-7A7451D4219E}"/>
                </a:ext>
              </a:extLst>
            </p:cNvPr>
            <p:cNvGrpSpPr/>
            <p:nvPr/>
          </p:nvGrpSpPr>
          <p:grpSpPr>
            <a:xfrm>
              <a:off x="6352025" y="2519193"/>
              <a:ext cx="178788" cy="179199"/>
              <a:chOff x="8695953" y="3768979"/>
              <a:chExt cx="531804" cy="533027"/>
            </a:xfrm>
            <a:solidFill>
              <a:srgbClr val="024D78"/>
            </a:solidFill>
          </p:grpSpPr>
          <p:sp>
            <p:nvSpPr>
              <p:cNvPr id="39" name="Freeform 291">
                <a:extLst>
                  <a:ext uri="{FF2B5EF4-FFF2-40B4-BE49-F238E27FC236}">
                    <a16:creationId xmlns:a16="http://schemas.microsoft.com/office/drawing/2014/main" id="{689FB606-BBA7-7506-FC8A-C66B0D8E01D8}"/>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40" name="Freeform 292">
                <a:extLst>
                  <a:ext uri="{FF2B5EF4-FFF2-40B4-BE49-F238E27FC236}">
                    <a16:creationId xmlns:a16="http://schemas.microsoft.com/office/drawing/2014/main" id="{0105A315-BD91-1FF1-791C-B7AE5D787C59}"/>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41" name="Freeform 293">
                <a:extLst>
                  <a:ext uri="{FF2B5EF4-FFF2-40B4-BE49-F238E27FC236}">
                    <a16:creationId xmlns:a16="http://schemas.microsoft.com/office/drawing/2014/main" id="{64EB21F4-06B6-5E45-DCB9-BC30C38DB4AC}"/>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37" name="Freeform 25">
              <a:extLst>
                <a:ext uri="{FF2B5EF4-FFF2-40B4-BE49-F238E27FC236}">
                  <a16:creationId xmlns:a16="http://schemas.microsoft.com/office/drawing/2014/main" id="{CE993B67-EB75-1478-91F5-C878E1E34544}"/>
                </a:ext>
              </a:extLst>
            </p:cNvPr>
            <p:cNvSpPr>
              <a:spLocks noEditPoints="1"/>
            </p:cNvSpPr>
            <p:nvPr/>
          </p:nvSpPr>
          <p:spPr bwMode="auto">
            <a:xfrm>
              <a:off x="6336953" y="3594116"/>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38" name="Freeform 17">
              <a:extLst>
                <a:ext uri="{FF2B5EF4-FFF2-40B4-BE49-F238E27FC236}">
                  <a16:creationId xmlns:a16="http://schemas.microsoft.com/office/drawing/2014/main" id="{14D1CE47-CAF5-14D9-258F-7EF3A41F480E}"/>
                </a:ext>
              </a:extLst>
            </p:cNvPr>
            <p:cNvSpPr>
              <a:spLocks noEditPoints="1"/>
            </p:cNvSpPr>
            <p:nvPr/>
          </p:nvSpPr>
          <p:spPr bwMode="auto">
            <a:xfrm>
              <a:off x="6352866" y="2197783"/>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grpSp>
      <p:sp>
        <p:nvSpPr>
          <p:cNvPr id="29" name="Content Placeholder 5">
            <a:extLst>
              <a:ext uri="{FF2B5EF4-FFF2-40B4-BE49-F238E27FC236}">
                <a16:creationId xmlns:a16="http://schemas.microsoft.com/office/drawing/2014/main" id="{A317436C-CDFB-79E5-2BDE-C480F554DFD5}"/>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Nøgleerfaringer og </a:t>
            </a:r>
            <a:r>
              <a:rPr lang="da-DK" sz="1100" noProof="0" err="1">
                <a:solidFill>
                  <a:srgbClr val="36465A"/>
                </a:solidFill>
              </a:rPr>
              <a:t>læringer</a:t>
            </a:r>
            <a:endParaRPr lang="da-DK" sz="1100" noProof="0">
              <a:solidFill>
                <a:srgbClr val="36465A"/>
              </a:solidFill>
            </a:endParaRPr>
          </a:p>
        </p:txBody>
      </p:sp>
      <p:sp>
        <p:nvSpPr>
          <p:cNvPr id="32" name="Content Placeholder 5">
            <a:extLst>
              <a:ext uri="{FF2B5EF4-FFF2-40B4-BE49-F238E27FC236}">
                <a16:creationId xmlns:a16="http://schemas.microsoft.com/office/drawing/2014/main" id="{8B7F8D2D-899D-184F-435B-E77F7EFA30D8}"/>
              </a:ext>
            </a:extLst>
          </p:cNvPr>
          <p:cNvSpPr txBox="1">
            <a:spLocks/>
          </p:cNvSpPr>
          <p:nvPr/>
        </p:nvSpPr>
        <p:spPr>
          <a:xfrm>
            <a:off x="9739805" y="4346558"/>
            <a:ext cx="2227352" cy="183627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ct val="0"/>
              </a:spcAft>
              <a:buFont typeface="Wingdings" panose="05000000000000000000" pitchFamily="2" charset="2"/>
              <a:buChar char="ü"/>
            </a:pPr>
            <a:r>
              <a:rPr lang="da-DK" sz="900" noProof="0">
                <a:solidFill>
                  <a:schemeClr val="tx1"/>
                </a:solidFill>
              </a:rPr>
              <a:t>Reelle europæiske cloud-alternativer</a:t>
            </a:r>
            <a:br>
              <a:rPr lang="da-DK" sz="900" noProof="0"/>
            </a:br>
            <a:r>
              <a:rPr lang="da-DK" sz="900" b="0" noProof="0"/>
              <a:t>Det er muligt at skifte til europæiske alternativer, der giver bedre kontrol med data.</a:t>
            </a:r>
            <a:endParaRPr lang="da-DK" sz="900" noProof="0">
              <a:solidFill>
                <a:schemeClr val="tx1"/>
              </a:solidFill>
            </a:endParaRPr>
          </a:p>
          <a:p>
            <a:pPr marL="171450" indent="-171450" defTabSz="914400" eaLnBrk="0" fontAlgn="base" hangingPunct="0">
              <a:spcBef>
                <a:spcPct val="0"/>
              </a:spcBef>
              <a:spcAft>
                <a:spcPct val="0"/>
              </a:spcAft>
              <a:buFont typeface="Wingdings" panose="05000000000000000000" pitchFamily="2" charset="2"/>
              <a:buChar char="ü"/>
            </a:pPr>
            <a:r>
              <a:rPr lang="da-DK" sz="900" noProof="0">
                <a:solidFill>
                  <a:schemeClr val="tx1"/>
                </a:solidFill>
              </a:rPr>
              <a:t>Omlægning kræver ny tilførsel af ressourcer og kompetencer</a:t>
            </a:r>
            <a:br>
              <a:rPr lang="da-DK" sz="900" noProof="0"/>
            </a:br>
            <a:r>
              <a:rPr lang="da-DK" sz="900" b="0" noProof="0"/>
              <a:t>Når en ”</a:t>
            </a:r>
            <a:r>
              <a:rPr lang="da-DK" sz="900" b="0" noProof="0" err="1"/>
              <a:t>best</a:t>
            </a:r>
            <a:r>
              <a:rPr lang="da-DK" sz="900" b="0" noProof="0"/>
              <a:t> in class”-</a:t>
            </a:r>
            <a:r>
              <a:rPr lang="da-DK" sz="900" b="0" noProof="0" err="1"/>
              <a:t>hyperscaler</a:t>
            </a:r>
            <a:r>
              <a:rPr lang="da-DK" sz="900" b="0" noProof="0"/>
              <a:t> udskiftes med en mindre, europæisk virksomhed, vil der være services, som ikke længere tilbydes, og som skal håndteres på nye måder.</a:t>
            </a:r>
            <a:endParaRPr lang="da-DK" sz="900" noProof="0"/>
          </a:p>
          <a:p>
            <a:pPr marL="171450" indent="-171450" defTabSz="914400" eaLnBrk="0" fontAlgn="base" hangingPunct="0">
              <a:spcBef>
                <a:spcPct val="0"/>
              </a:spcBef>
              <a:spcAft>
                <a:spcPct val="0"/>
              </a:spcAft>
              <a:buFont typeface="Wingdings" panose="05000000000000000000" pitchFamily="2" charset="2"/>
              <a:buChar char="ü"/>
            </a:pPr>
            <a:r>
              <a:rPr lang="da-DK" sz="900" noProof="0"/>
              <a:t>Omlægning kan reducere licensomkostninger centralt</a:t>
            </a:r>
            <a:br>
              <a:rPr lang="da-DK" sz="900" noProof="0"/>
            </a:br>
            <a:r>
              <a:rPr lang="da-DK" sz="900" b="0" noProof="0"/>
              <a:t>Men nye opgaver kræver tilførsel af ressourcer og kompetencer. </a:t>
            </a:r>
            <a:endParaRPr lang="da-DK" sz="900" noProof="0">
              <a:solidFill>
                <a:srgbClr val="000000"/>
              </a:solidFill>
              <a:sym typeface="Wingdings" panose="05000000000000000000" pitchFamily="2" charset="2"/>
            </a:endParaRPr>
          </a:p>
          <a:p>
            <a:pPr marL="171450" lvl="0" indent="-171450" defTabSz="914400" eaLnBrk="0" fontAlgn="base" hangingPunct="0">
              <a:spcBef>
                <a:spcPct val="0"/>
              </a:spcBef>
              <a:spcAft>
                <a:spcPct val="0"/>
              </a:spcAft>
              <a:buFont typeface="Wingdings" panose="05000000000000000000" pitchFamily="2" charset="2"/>
              <a:buChar char="ü"/>
            </a:pPr>
            <a:endParaRPr lang="da-DK" sz="800" b="0" noProof="0">
              <a:solidFill>
                <a:srgbClr val="36465A"/>
              </a:solidFill>
              <a:highlight>
                <a:srgbClr val="FFFF00"/>
              </a:highlight>
            </a:endParaRPr>
          </a:p>
          <a:p>
            <a:pPr marL="171450" indent="-171450">
              <a:spcAft>
                <a:spcPts val="300"/>
              </a:spcAft>
              <a:buFont typeface="Arial" panose="020B0604020202020204" pitchFamily="34" charset="0"/>
              <a:buChar char="•"/>
            </a:pPr>
            <a:endParaRPr lang="da-DK" sz="800" noProof="0">
              <a:solidFill>
                <a:schemeClr val="tx1"/>
              </a:solidFill>
            </a:endParaRPr>
          </a:p>
          <a:p>
            <a:pPr marL="171450" indent="-171450">
              <a:spcAft>
                <a:spcPts val="300"/>
              </a:spcAft>
              <a:buFont typeface="Arial" panose="020B0604020202020204" pitchFamily="34" charset="0"/>
              <a:buChar char="•"/>
            </a:pPr>
            <a:endParaRPr lang="da-DK" sz="800" b="0" noProof="0">
              <a:solidFill>
                <a:schemeClr val="tx1"/>
              </a:solidFill>
            </a:endParaRPr>
          </a:p>
        </p:txBody>
      </p:sp>
      <p:sp>
        <p:nvSpPr>
          <p:cNvPr id="118" name="Rectangle 117">
            <a:extLst>
              <a:ext uri="{FF2B5EF4-FFF2-40B4-BE49-F238E27FC236}">
                <a16:creationId xmlns:a16="http://schemas.microsoft.com/office/drawing/2014/main" id="{AE058B05-4119-F8EE-3657-F64A9DDEC7BE}"/>
              </a:ext>
              <a:ext uri="{C183D7F6-B498-43B3-948B-1728B52AA6E4}">
                <adec:decorative xmlns:adec="http://schemas.microsoft.com/office/drawing/2017/decorative" val="1"/>
              </a:ext>
            </a:extLst>
          </p:cNvPr>
          <p:cNvSpPr>
            <a:spLocks/>
          </p:cNvSpPr>
          <p:nvPr/>
        </p:nvSpPr>
        <p:spPr>
          <a:xfrm>
            <a:off x="9680130" y="2161089"/>
            <a:ext cx="2257757" cy="705465"/>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19" name="Rectangle 118">
            <a:extLst>
              <a:ext uri="{FF2B5EF4-FFF2-40B4-BE49-F238E27FC236}">
                <a16:creationId xmlns:a16="http://schemas.microsoft.com/office/drawing/2014/main" id="{705E5FB7-264E-B785-C892-4CEE903619AA}"/>
              </a:ext>
              <a:ext uri="{C183D7F6-B498-43B3-948B-1728B52AA6E4}">
                <adec:decorative xmlns:adec="http://schemas.microsoft.com/office/drawing/2017/decorative" val="1"/>
              </a:ext>
            </a:extLst>
          </p:cNvPr>
          <p:cNvSpPr>
            <a:spLocks/>
          </p:cNvSpPr>
          <p:nvPr/>
        </p:nvSpPr>
        <p:spPr>
          <a:xfrm>
            <a:off x="9676385" y="3542166"/>
            <a:ext cx="2265245" cy="30783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Tree>
    <p:extLst>
      <p:ext uri="{BB962C8B-B14F-4D97-AF65-F5344CB8AC3E}">
        <p14:creationId xmlns:p14="http://schemas.microsoft.com/office/powerpoint/2010/main" val="580969683"/>
      </p:ext>
    </p:extLst>
  </p:cSld>
  <p:clrMapOvr>
    <a:masterClrMapping/>
  </p:clrMapOvr>
  <p:transition>
    <p:fade/>
  </p:transition>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17B0ADD-650B-33EC-4403-33001CC65C28}"/>
            </a:ext>
          </a:extLst>
        </p:cNvPr>
        <p:cNvGrpSpPr/>
        <p:nvPr/>
      </p:nvGrpSpPr>
      <p:grpSpPr>
        <a:xfrm>
          <a:off x="0" y="0"/>
          <a:ext cx="0" cy="0"/>
          <a:chOff x="0" y="0"/>
          <a:chExt cx="0" cy="0"/>
        </a:xfrm>
      </p:grpSpPr>
      <p:sp>
        <p:nvSpPr>
          <p:cNvPr id="27" name="Rectangle: Rounded Corners 26">
            <a:extLst>
              <a:ext uri="{FF2B5EF4-FFF2-40B4-BE49-F238E27FC236}">
                <a16:creationId xmlns:a16="http://schemas.microsoft.com/office/drawing/2014/main" id="{B5A9342D-7B0F-0C83-9072-DC01F9918284}"/>
              </a:ext>
            </a:extLst>
          </p:cNvPr>
          <p:cNvSpPr/>
          <p:nvPr/>
        </p:nvSpPr>
        <p:spPr>
          <a:xfrm>
            <a:off x="169304" y="11734"/>
            <a:ext cx="6165122"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1 | Europæisk cloud-leverandører i Aarhus Kommune</a:t>
            </a:r>
          </a:p>
        </p:txBody>
      </p:sp>
      <p:pic>
        <p:nvPicPr>
          <p:cNvPr id="31" name="Picture 2">
            <a:extLst>
              <a:ext uri="{FF2B5EF4-FFF2-40B4-BE49-F238E27FC236}">
                <a16:creationId xmlns:a16="http://schemas.microsoft.com/office/drawing/2014/main" id="{B1DB374F-2BE6-F6B9-8EF7-58A35865729D}"/>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007612" y="219635"/>
            <a:ext cx="2016000" cy="1028730"/>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69169E4C-C1B3-9AB5-E1E9-926F28D8CE92}"/>
              </a:ext>
            </a:extLst>
          </p:cNvPr>
          <p:cNvSpPr>
            <a:spLocks noGrp="1"/>
          </p:cNvSpPr>
          <p:nvPr>
            <p:ph type="title"/>
          </p:nvPr>
        </p:nvSpPr>
        <p:spPr/>
        <p:txBody>
          <a:bodyPr/>
          <a:lstStyle/>
          <a:p>
            <a:r>
              <a:rPr lang="da-DK" sz="2200" noProof="0" dirty="0"/>
              <a:t>Side 2/3 | </a:t>
            </a:r>
            <a:r>
              <a:rPr lang="da-DK" sz="2200" b="1" noProof="0" dirty="0"/>
              <a:t>Formål, baggrund og kontekst</a:t>
            </a:r>
            <a:endParaRPr lang="da-DK" sz="2200" noProof="0" dirty="0"/>
          </a:p>
        </p:txBody>
      </p:sp>
      <p:sp>
        <p:nvSpPr>
          <p:cNvPr id="10" name="Rectangle: Rounded Corners 9">
            <a:extLst>
              <a:ext uri="{FF2B5EF4-FFF2-40B4-BE49-F238E27FC236}">
                <a16:creationId xmlns:a16="http://schemas.microsoft.com/office/drawing/2014/main" id="{79CF780A-734D-6A71-1E69-6CC1824CDCFA}"/>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Formål og strategi</a:t>
            </a:r>
          </a:p>
        </p:txBody>
      </p:sp>
      <p:sp>
        <p:nvSpPr>
          <p:cNvPr id="3" name="Rectangle 2">
            <a:extLst>
              <a:ext uri="{FF2B5EF4-FFF2-40B4-BE49-F238E27FC236}">
                <a16:creationId xmlns:a16="http://schemas.microsoft.com/office/drawing/2014/main" id="{852CE435-4ACE-4A48-3833-69FF819BD249}"/>
              </a:ext>
            </a:extLst>
          </p:cNvPr>
          <p:cNvSpPr/>
          <p:nvPr/>
        </p:nvSpPr>
        <p:spPr>
          <a:xfrm>
            <a:off x="560498" y="2069025"/>
            <a:ext cx="2172039" cy="43178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sym typeface="Wingdings" panose="05000000000000000000" pitchFamily="2" charset="2"/>
              </a:rPr>
              <a:t>Formål</a:t>
            </a:r>
          </a:p>
          <a:p>
            <a:r>
              <a:rPr lang="da-DK" sz="900" noProof="0" dirty="0">
                <a:solidFill>
                  <a:schemeClr val="tx1"/>
                </a:solidFill>
                <a:sym typeface="Wingdings" panose="05000000000000000000" pitchFamily="2" charset="2"/>
              </a:rPr>
              <a:t>Formålet med omlægningen har været at sikre:</a:t>
            </a:r>
          </a:p>
          <a:p>
            <a:pPr marL="171450" indent="-171450">
              <a:buFont typeface="Arial" panose="020B0604020202020204" pitchFamily="34" charset="0"/>
              <a:buChar char="•"/>
            </a:pPr>
            <a:r>
              <a:rPr lang="da-DK" sz="900" noProof="0" dirty="0">
                <a:solidFill>
                  <a:schemeClr val="tx1"/>
                </a:solidFill>
                <a:sym typeface="Wingdings" panose="05000000000000000000" pitchFamily="2" charset="2"/>
              </a:rPr>
              <a:t>Øget digital suverænitet og kontrol over data</a:t>
            </a:r>
          </a:p>
          <a:p>
            <a:pPr marL="171450" indent="-171450">
              <a:buFont typeface="Arial" panose="020B0604020202020204" pitchFamily="34" charset="0"/>
              <a:buChar char="•"/>
            </a:pPr>
            <a:r>
              <a:rPr lang="da-DK" sz="900" noProof="0" dirty="0">
                <a:solidFill>
                  <a:schemeClr val="tx1"/>
                </a:solidFill>
                <a:sym typeface="Wingdings" panose="05000000000000000000" pitchFamily="2" charset="2"/>
              </a:rPr>
              <a:t>Overholdelse af GDPR ved at sikre, at data opbevares inden for EU</a:t>
            </a:r>
          </a:p>
          <a:p>
            <a:pPr marL="171450" indent="-171450">
              <a:buFont typeface="Arial" panose="020B0604020202020204" pitchFamily="34" charset="0"/>
              <a:buChar char="•"/>
            </a:pPr>
            <a:r>
              <a:rPr lang="da-DK" sz="900" noProof="0" dirty="0">
                <a:solidFill>
                  <a:schemeClr val="tx1"/>
                </a:solidFill>
                <a:sym typeface="Wingdings" panose="05000000000000000000" pitchFamily="2" charset="2"/>
              </a:rPr>
              <a:t>Økonomisk effektivitet i kommunens it-drift</a:t>
            </a:r>
          </a:p>
          <a:p>
            <a:endParaRPr lang="da-DK" sz="900" noProof="0" dirty="0">
              <a:solidFill>
                <a:schemeClr val="tx1"/>
              </a:solidFill>
            </a:endParaRPr>
          </a:p>
          <a:p>
            <a:r>
              <a:rPr lang="da-DK" sz="900" noProof="0" dirty="0">
                <a:solidFill>
                  <a:schemeClr val="tx1"/>
                </a:solidFill>
              </a:rPr>
              <a:t>Aarhus Kommune har haft som ambition at:</a:t>
            </a:r>
          </a:p>
          <a:p>
            <a:pPr marL="171450" indent="-171450">
              <a:buFont typeface="Arial" panose="020B0604020202020204" pitchFamily="34" charset="0"/>
              <a:buChar char="•"/>
            </a:pPr>
            <a:r>
              <a:rPr lang="da-DK" sz="900" noProof="0" dirty="0">
                <a:solidFill>
                  <a:schemeClr val="tx1"/>
                </a:solidFill>
              </a:rPr>
              <a:t>Skabe et hybridt it-miljø, hvor både Microsoft- og open source-brugere kan samarbejde</a:t>
            </a:r>
          </a:p>
          <a:p>
            <a:pPr marL="171450" indent="-171450">
              <a:buFont typeface="Arial" panose="020B0604020202020204" pitchFamily="34" charset="0"/>
              <a:buChar char="•"/>
            </a:pPr>
            <a:r>
              <a:rPr lang="da-DK" sz="900" noProof="0" dirty="0">
                <a:solidFill>
                  <a:schemeClr val="tx1"/>
                </a:solidFill>
              </a:rPr>
              <a:t>Stå stærkere i fremtidige forhandlinger med leverandører</a:t>
            </a:r>
          </a:p>
          <a:p>
            <a:pPr marL="171450" indent="-171450">
              <a:buFont typeface="Arial" panose="020B0604020202020204" pitchFamily="34" charset="0"/>
              <a:buChar char="•"/>
            </a:pPr>
            <a:r>
              <a:rPr lang="da-DK" sz="900" noProof="0" dirty="0">
                <a:solidFill>
                  <a:schemeClr val="tx1"/>
                </a:solidFill>
              </a:rPr>
              <a:t>Inspirere andre offentlige aktører til at overveje europæiske alternativer</a:t>
            </a:r>
          </a:p>
          <a:p>
            <a:pPr marL="171450" indent="-171450">
              <a:buFont typeface="Arial" panose="020B0604020202020204" pitchFamily="34" charset="0"/>
              <a:buChar char="•"/>
            </a:pPr>
            <a:r>
              <a:rPr lang="da-DK" sz="900" noProof="0" dirty="0">
                <a:solidFill>
                  <a:schemeClr val="tx1"/>
                </a:solidFill>
              </a:rPr>
              <a:t>Skabe en mere modulær og containerbaseret arkitektur.</a:t>
            </a:r>
          </a:p>
          <a:p>
            <a:endParaRPr lang="da-DK" sz="900" b="1" noProof="0" dirty="0">
              <a:solidFill>
                <a:schemeClr val="tx1"/>
              </a:solidFill>
              <a:sym typeface="Wingdings" panose="05000000000000000000" pitchFamily="2" charset="2"/>
            </a:endParaRPr>
          </a:p>
          <a:p>
            <a:r>
              <a:rPr lang="da-DK" sz="900" b="1" noProof="0" dirty="0">
                <a:solidFill>
                  <a:srgbClr val="36465A"/>
                </a:solidFill>
                <a:sym typeface="Wingdings" panose="05000000000000000000" pitchFamily="2" charset="2"/>
              </a:rPr>
              <a:t>Strategisk ophæng</a:t>
            </a:r>
          </a:p>
          <a:p>
            <a:r>
              <a:rPr lang="da-DK" sz="900" noProof="0" dirty="0">
                <a:solidFill>
                  <a:schemeClr val="tx1"/>
                </a:solidFill>
                <a:sym typeface="Wingdings" panose="05000000000000000000" pitchFamily="2" charset="2"/>
              </a:rPr>
              <a:t>Omlægningen har været drevet af Magistratsafdelingen for Kultur og Borgerservice via en administrativ beslutningsproces. Sidenhen er arbejdet med digital suverænitet blevet en vigtig og større politisk dagsorden for Aarhus Kommune (se case 11).  </a:t>
            </a:r>
            <a:endParaRPr lang="da-DK" sz="900" b="1" noProof="0" dirty="0">
              <a:solidFill>
                <a:schemeClr val="tx1"/>
              </a:solidFill>
              <a:sym typeface="Wingdings" panose="05000000000000000000" pitchFamily="2" charset="2"/>
            </a:endParaRPr>
          </a:p>
          <a:p>
            <a:r>
              <a:rPr lang="da-DK" sz="900" b="1" noProof="0" dirty="0">
                <a:solidFill>
                  <a:schemeClr val="tx1"/>
                </a:solidFill>
              </a:rPr>
              <a:t> </a:t>
            </a:r>
          </a:p>
        </p:txBody>
      </p:sp>
      <p:sp>
        <p:nvSpPr>
          <p:cNvPr id="11" name="Rectangle: Rounded Corners 10">
            <a:extLst>
              <a:ext uri="{FF2B5EF4-FFF2-40B4-BE49-F238E27FC236}">
                <a16:creationId xmlns:a16="http://schemas.microsoft.com/office/drawing/2014/main" id="{15622FAC-3B94-2BED-6E48-C9959418557B}"/>
              </a:ext>
            </a:extLst>
          </p:cNvPr>
          <p:cNvSpPr>
            <a:spLocks/>
          </p:cNvSpPr>
          <p:nvPr/>
        </p:nvSpPr>
        <p:spPr>
          <a:xfrm>
            <a:off x="3351279"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Baggrund og kontekst</a:t>
            </a:r>
          </a:p>
        </p:txBody>
      </p:sp>
      <p:sp>
        <p:nvSpPr>
          <p:cNvPr id="5" name="Rectangle 4">
            <a:extLst>
              <a:ext uri="{FF2B5EF4-FFF2-40B4-BE49-F238E27FC236}">
                <a16:creationId xmlns:a16="http://schemas.microsoft.com/office/drawing/2014/main" id="{9A4EDB12-D22C-CFFA-16DA-83DDCD51EE26}"/>
              </a:ext>
            </a:extLst>
          </p:cNvPr>
          <p:cNvSpPr/>
          <p:nvPr/>
        </p:nvSpPr>
        <p:spPr>
          <a:xfrm>
            <a:off x="3002495" y="2069026"/>
            <a:ext cx="3452044" cy="424222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rPr>
              <a:t>Baggrund</a:t>
            </a:r>
          </a:p>
          <a:p>
            <a:r>
              <a:rPr lang="da-DK" sz="900" noProof="0">
                <a:solidFill>
                  <a:schemeClr val="tx1"/>
                </a:solidFill>
              </a:rPr>
              <a:t>Beslutningen om at skifte cloud-leverandør blev truffet på baggrund af:</a:t>
            </a:r>
          </a:p>
          <a:p>
            <a:pPr marL="171450" indent="-171450">
              <a:buFont typeface="Arial" panose="020B0604020202020204" pitchFamily="34" charset="0"/>
              <a:buChar char="•"/>
            </a:pPr>
            <a:r>
              <a:rPr lang="da-DK" sz="900" b="1" noProof="0">
                <a:solidFill>
                  <a:schemeClr val="tx1"/>
                </a:solidFill>
              </a:rPr>
              <a:t>Stigende omkostninger</a:t>
            </a:r>
            <a:r>
              <a:rPr lang="da-DK" sz="900" noProof="0">
                <a:solidFill>
                  <a:schemeClr val="tx1"/>
                </a:solidFill>
              </a:rPr>
              <a:t>: </a:t>
            </a:r>
            <a:r>
              <a:rPr lang="da-DK" sz="900" noProof="0">
                <a:solidFill>
                  <a:schemeClr val="tx1"/>
                </a:solidFill>
                <a:sym typeface="Wingdings" panose="05000000000000000000" pitchFamily="2" charset="2"/>
              </a:rPr>
              <a:t>Magistratsafdelingen for Kultur og Borgerservice</a:t>
            </a:r>
            <a:r>
              <a:rPr lang="da-DK" sz="900" noProof="0">
                <a:solidFill>
                  <a:schemeClr val="tx1"/>
                </a:solidFill>
              </a:rPr>
              <a:t> betalte ca. 800.000 kr. årligt for </a:t>
            </a:r>
            <a:r>
              <a:rPr lang="da-DK" sz="900" noProof="0" dirty="0" err="1">
                <a:solidFill>
                  <a:schemeClr val="tx1"/>
                </a:solidFill>
              </a:rPr>
              <a:t>hosting</a:t>
            </a:r>
            <a:r>
              <a:rPr lang="da-DK" sz="900" noProof="0">
                <a:solidFill>
                  <a:schemeClr val="tx1"/>
                </a:solidFill>
              </a:rPr>
              <a:t> i </a:t>
            </a:r>
            <a:r>
              <a:rPr lang="da-DK" sz="900" noProof="0" dirty="0" err="1">
                <a:solidFill>
                  <a:schemeClr val="tx1"/>
                </a:solidFill>
              </a:rPr>
              <a:t>Mircosoft</a:t>
            </a:r>
            <a:r>
              <a:rPr lang="da-DK" sz="900" noProof="0">
                <a:solidFill>
                  <a:schemeClr val="tx1"/>
                </a:solidFill>
              </a:rPr>
              <a:t> </a:t>
            </a:r>
            <a:r>
              <a:rPr lang="da-DK" sz="900" noProof="0" dirty="0" err="1">
                <a:solidFill>
                  <a:schemeClr val="tx1"/>
                </a:solidFill>
              </a:rPr>
              <a:t>Azure</a:t>
            </a:r>
            <a:r>
              <a:rPr lang="da-DK" sz="900" noProof="0">
                <a:solidFill>
                  <a:schemeClr val="tx1"/>
                </a:solidFill>
              </a:rPr>
              <a:t>.</a:t>
            </a:r>
          </a:p>
          <a:p>
            <a:pPr marL="171450" indent="-171450">
              <a:buFont typeface="Arial" panose="020B0604020202020204" pitchFamily="34" charset="0"/>
              <a:buChar char="•"/>
            </a:pPr>
            <a:r>
              <a:rPr lang="da-DK" sz="900" b="1" noProof="0">
                <a:solidFill>
                  <a:schemeClr val="tx1"/>
                </a:solidFill>
              </a:rPr>
              <a:t>Overdimensionering</a:t>
            </a:r>
            <a:r>
              <a:rPr lang="da-DK" sz="900" noProof="0">
                <a:solidFill>
                  <a:schemeClr val="tx1"/>
                </a:solidFill>
              </a:rPr>
              <a:t>: </a:t>
            </a:r>
            <a:r>
              <a:rPr lang="da-DK" sz="900" noProof="0" dirty="0" err="1">
                <a:solidFill>
                  <a:schemeClr val="tx1"/>
                </a:solidFill>
              </a:rPr>
              <a:t>Azure</a:t>
            </a:r>
            <a:r>
              <a:rPr lang="da-DK" sz="900" noProof="0">
                <a:solidFill>
                  <a:schemeClr val="tx1"/>
                </a:solidFill>
              </a:rPr>
              <a:t> leveres som en samlet pakke med en lang række avancerede funktioner, </a:t>
            </a:r>
            <a:r>
              <a:rPr lang="da-DK" sz="900" noProof="0" dirty="0">
                <a:solidFill>
                  <a:schemeClr val="tx1"/>
                </a:solidFill>
              </a:rPr>
              <a:t>der</a:t>
            </a:r>
            <a:r>
              <a:rPr lang="da-DK" sz="900" noProof="0">
                <a:solidFill>
                  <a:schemeClr val="tx1"/>
                </a:solidFill>
              </a:rPr>
              <a:t> ikke kan fravælges. </a:t>
            </a:r>
            <a:r>
              <a:rPr lang="da-DK" sz="900" noProof="0" dirty="0">
                <a:solidFill>
                  <a:schemeClr val="tx1"/>
                </a:solidFill>
              </a:rPr>
              <a:t>Da</a:t>
            </a:r>
            <a:r>
              <a:rPr lang="da-DK" sz="900" noProof="0">
                <a:solidFill>
                  <a:schemeClr val="tx1"/>
                </a:solidFill>
              </a:rPr>
              <a:t> flere funktioner ikke blev udnyttet, betalte kommunen for kapacitet og funktionalitet, der ikke svarede til det faktiske behov.</a:t>
            </a:r>
          </a:p>
          <a:p>
            <a:pPr marL="171450" indent="-171450">
              <a:buFont typeface="Arial" panose="020B0604020202020204" pitchFamily="34" charset="0"/>
              <a:buChar char="•"/>
            </a:pPr>
            <a:r>
              <a:rPr lang="da-DK" sz="900" b="1" noProof="0">
                <a:solidFill>
                  <a:schemeClr val="tx1"/>
                </a:solidFill>
              </a:rPr>
              <a:t>Datasuverænitet: </a:t>
            </a:r>
            <a:r>
              <a:rPr lang="da-DK" sz="900" noProof="0" dirty="0" err="1">
                <a:solidFill>
                  <a:schemeClr val="tx1"/>
                </a:solidFill>
              </a:rPr>
              <a:t>Azure</a:t>
            </a:r>
            <a:r>
              <a:rPr lang="da-DK" sz="900" noProof="0">
                <a:solidFill>
                  <a:schemeClr val="tx1"/>
                </a:solidFill>
              </a:rPr>
              <a:t> anvender en global supportmodel, hvor teknisk adgang og support kan ske fra forskellige geografiske lokationer, herunder USA. Det betyder, at data i princippet kan tilgås af medarbejdere uden for EU. Det skaber usikkerhed om databeskyttelse og GDPR.</a:t>
            </a:r>
            <a:endParaRPr lang="da-DK" sz="900" b="1" noProof="0">
              <a:solidFill>
                <a:schemeClr val="tx1"/>
              </a:solidFill>
            </a:endParaRPr>
          </a:p>
          <a:p>
            <a:endParaRPr lang="da-DK" sz="900" b="1" noProof="0">
              <a:solidFill>
                <a:schemeClr val="tx1"/>
              </a:solidFill>
            </a:endParaRPr>
          </a:p>
          <a:p>
            <a:r>
              <a:rPr lang="da-DK" sz="900" b="1" noProof="0">
                <a:solidFill>
                  <a:srgbClr val="36465A"/>
                </a:solidFill>
              </a:rPr>
              <a:t>Kontekst </a:t>
            </a:r>
          </a:p>
          <a:p>
            <a:r>
              <a:rPr lang="da-DK" sz="900" noProof="0">
                <a:solidFill>
                  <a:schemeClr val="tx1"/>
                </a:solidFill>
              </a:rPr>
              <a:t>Omlægningen kan karakteriseres som mindre kompleks, da de </a:t>
            </a:r>
            <a:r>
              <a:rPr lang="da-DK" sz="900" noProof="0">
                <a:solidFill>
                  <a:srgbClr val="000000"/>
                </a:solidFill>
                <a:sym typeface="Wingdings" panose="05000000000000000000" pitchFamily="2" charset="2"/>
              </a:rPr>
              <a:t>berørte systemer overvejende er mere simple, webbaserede løsninger uden avancerede integrationer. Mere komplekse systemer vil forventeligt indebære en mere omfattende og ressourcekrævende omstilling.</a:t>
            </a:r>
            <a:endParaRPr lang="da-DK" sz="900" noProof="0">
              <a:solidFill>
                <a:schemeClr val="tx1"/>
              </a:solidFill>
            </a:endParaRPr>
          </a:p>
          <a:p>
            <a:r>
              <a:rPr lang="da-DK" sz="900" noProof="0">
                <a:solidFill>
                  <a:schemeClr val="tx1"/>
                </a:solidFill>
              </a:rPr>
              <a:t>Omlægningen skal desuden ses i lyset af: </a:t>
            </a:r>
          </a:p>
          <a:p>
            <a:pPr marL="228600" indent="-228600">
              <a:buFont typeface="Arial" panose="020B0604020202020204" pitchFamily="34" charset="0"/>
              <a:buChar char="•"/>
            </a:pPr>
            <a:r>
              <a:rPr lang="da-DK" sz="900" noProof="0">
                <a:solidFill>
                  <a:schemeClr val="tx1"/>
                </a:solidFill>
              </a:rPr>
              <a:t>En generel tendens mod stigende kompleksitet og usikkerhed om anvendelsen af cloud-tjenester med adgang fra tredjelande</a:t>
            </a:r>
          </a:p>
          <a:p>
            <a:pPr marL="228600" indent="-228600">
              <a:buFont typeface="Arial" panose="020B0604020202020204" pitchFamily="34" charset="0"/>
              <a:buChar char="•"/>
            </a:pPr>
            <a:r>
              <a:rPr lang="da-DK" sz="900" noProof="0">
                <a:solidFill>
                  <a:schemeClr val="tx1"/>
                </a:solidFill>
              </a:rPr>
              <a:t>Flere kommuner oplever at være bundet af faste licensmodeller og funktioner, der ikke kan fravælges</a:t>
            </a:r>
          </a:p>
          <a:p>
            <a:pPr marL="228600" indent="-228600">
              <a:buFont typeface="Arial" panose="020B0604020202020204" pitchFamily="34" charset="0"/>
              <a:buChar char="•"/>
            </a:pPr>
            <a:r>
              <a:rPr lang="da-DK" sz="900" noProof="0">
                <a:solidFill>
                  <a:schemeClr val="tx1"/>
                </a:solidFill>
              </a:rPr>
              <a:t>Aarhus Kommunes position som toneangivende på open source-dagsordenen ved at gå forrest i initiativer som OS2 (se case 8) og Opendata.dk.</a:t>
            </a:r>
          </a:p>
          <a:p>
            <a:endParaRPr lang="da-DK" sz="900" noProof="0">
              <a:solidFill>
                <a:schemeClr val="tx1"/>
              </a:solidFill>
            </a:endParaRPr>
          </a:p>
          <a:p>
            <a:endParaRPr lang="da-DK" sz="800" noProof="0">
              <a:solidFill>
                <a:schemeClr val="tx1"/>
              </a:solidFill>
            </a:endParaRPr>
          </a:p>
        </p:txBody>
      </p:sp>
      <p:sp>
        <p:nvSpPr>
          <p:cNvPr id="7" name="Rectangle 6">
            <a:extLst>
              <a:ext uri="{FF2B5EF4-FFF2-40B4-BE49-F238E27FC236}">
                <a16:creationId xmlns:a16="http://schemas.microsoft.com/office/drawing/2014/main" id="{138A561F-3F73-4F47-3182-E03B2A3524A3}"/>
              </a:ext>
              <a:ext uri="{C183D7F6-B498-43B3-948B-1728B52AA6E4}">
                <adec:decorative xmlns:adec="http://schemas.microsoft.com/office/drawing/2017/decorative" val="1"/>
              </a:ext>
            </a:extLst>
          </p:cNvPr>
          <p:cNvSpPr>
            <a:spLocks/>
          </p:cNvSpPr>
          <p:nvPr/>
        </p:nvSpPr>
        <p:spPr>
          <a:xfrm rot="5400000">
            <a:off x="555050"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35F69005-ECD2-B61E-B9B2-21AAF35B003D}"/>
              </a:ext>
              <a:ext uri="{C183D7F6-B498-43B3-948B-1728B52AA6E4}">
                <adec:decorative xmlns:adec="http://schemas.microsoft.com/office/drawing/2017/decorative" val="1"/>
              </a:ext>
            </a:extLst>
          </p:cNvPr>
          <p:cNvCxnSpPr>
            <a:cxnSpLocks/>
          </p:cNvCxnSpPr>
          <p:nvPr/>
        </p:nvCxnSpPr>
        <p:spPr>
          <a:xfrm>
            <a:off x="652803" y="2069026"/>
            <a:ext cx="20797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415BD12A-6AC1-7BD8-3FD7-E5960CEF7318}"/>
              </a:ext>
              <a:ext uri="{C183D7F6-B498-43B3-948B-1728B52AA6E4}">
                <adec:decorative xmlns:adec="http://schemas.microsoft.com/office/drawing/2017/decorative" val="1"/>
              </a:ext>
            </a:extLst>
          </p:cNvPr>
          <p:cNvCxnSpPr>
            <a:cxnSpLocks/>
          </p:cNvCxnSpPr>
          <p:nvPr/>
        </p:nvCxnSpPr>
        <p:spPr>
          <a:xfrm>
            <a:off x="2982351" y="2069026"/>
            <a:ext cx="3386642"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D9D309E0-0DF6-DB1B-0516-383B6EAE456C}"/>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4" name="Freeform 16">
            <a:extLst>
              <a:ext uri="{FF2B5EF4-FFF2-40B4-BE49-F238E27FC236}">
                <a16:creationId xmlns:a16="http://schemas.microsoft.com/office/drawing/2014/main" id="{848CDEDE-2686-5753-678E-0A695217362C}"/>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34">
            <a:extLst>
              <a:ext uri="{FF2B5EF4-FFF2-40B4-BE49-F238E27FC236}">
                <a16:creationId xmlns:a16="http://schemas.microsoft.com/office/drawing/2014/main" id="{CC025A4D-809C-CD47-4CE0-DD14C5880119}"/>
              </a:ext>
              <a:ext uri="{C183D7F6-B498-43B3-948B-1728B52AA6E4}">
                <adec:decorative xmlns:adec="http://schemas.microsoft.com/office/drawing/2017/decorative" val="1"/>
              </a:ext>
            </a:extLst>
          </p:cNvPr>
          <p:cNvSpPr>
            <a:spLocks noEditPoints="1"/>
          </p:cNvSpPr>
          <p:nvPr/>
        </p:nvSpPr>
        <p:spPr bwMode="auto">
          <a:xfrm>
            <a:off x="3056237"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3" name="Rectangle: Rounded Corners 12">
            <a:extLst>
              <a:ext uri="{FF2B5EF4-FFF2-40B4-BE49-F238E27FC236}">
                <a16:creationId xmlns:a16="http://schemas.microsoft.com/office/drawing/2014/main" id="{C04EB7ED-05FD-DDD0-98DE-7F4B0DF8D735}"/>
              </a:ext>
              <a:ext uri="{C183D7F6-B498-43B3-948B-1728B52AA6E4}">
                <adec:decorative xmlns:adec="http://schemas.microsoft.com/office/drawing/2017/decorative" val="1"/>
              </a:ext>
            </a:extLst>
          </p:cNvPr>
          <p:cNvSpPr>
            <a:spLocks/>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66" name="Rectangle 65">
            <a:extLst>
              <a:ext uri="{FF2B5EF4-FFF2-40B4-BE49-F238E27FC236}">
                <a16:creationId xmlns:a16="http://schemas.microsoft.com/office/drawing/2014/main" id="{B7D0E076-ADE5-1069-92D8-4D4FE7C864D9}"/>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dirty="0"/>
          </a:p>
        </p:txBody>
      </p:sp>
      <p:graphicFrame>
        <p:nvGraphicFramePr>
          <p:cNvPr id="72" name="Diagram 71">
            <a:extLst>
              <a:ext uri="{FF2B5EF4-FFF2-40B4-BE49-F238E27FC236}">
                <a16:creationId xmlns:a16="http://schemas.microsoft.com/office/drawing/2014/main" id="{939170C3-F87C-D662-EF85-BB4EA6537838}"/>
              </a:ext>
              <a:ext uri="{C183D7F6-B498-43B3-948B-1728B52AA6E4}">
                <adec:decorative xmlns:adec="http://schemas.microsoft.com/office/drawing/2017/decorative" val="1"/>
              </a:ext>
            </a:extLst>
          </p:cNvPr>
          <p:cNvGraphicFramePr>
            <a:graphicFrameLocks/>
          </p:cNvGraphicFramePr>
          <p:nvPr>
            <p:extLst>
              <p:ext uri="{D42A27DB-BD31-4B8C-83A1-F6EECF244321}">
                <p14:modId xmlns:p14="http://schemas.microsoft.com/office/powerpoint/2010/main" val="2307392113"/>
              </p:ext>
            </p:extLst>
          </p:nvPr>
        </p:nvGraphicFramePr>
        <p:xfrm>
          <a:off x="6839873" y="3935663"/>
          <a:ext cx="4927088" cy="2318718"/>
        </p:xfrm>
        <a:graphic>
          <a:graphicData uri="http://schemas.openxmlformats.org/drawingml/2006/chart">
            <c:chart xmlns:c="http://schemas.openxmlformats.org/drawingml/2006/chart" xmlns:r="http://schemas.openxmlformats.org/officeDocument/2006/relationships" r:id="rId4"/>
          </a:graphicData>
        </a:graphic>
      </p:graphicFrame>
      <p:cxnSp>
        <p:nvCxnSpPr>
          <p:cNvPr id="20" name="Forbindelse: vinklet 19">
            <a:extLst>
              <a:ext uri="{FF2B5EF4-FFF2-40B4-BE49-F238E27FC236}">
                <a16:creationId xmlns:a16="http://schemas.microsoft.com/office/drawing/2014/main" id="{A5CB5698-5B44-30BD-B487-13B0F29D6541}"/>
              </a:ext>
              <a:ext uri="{C183D7F6-B498-43B3-948B-1728B52AA6E4}">
                <adec:decorative xmlns:adec="http://schemas.microsoft.com/office/drawing/2017/decorative" val="1"/>
              </a:ext>
            </a:extLst>
          </p:cNvPr>
          <p:cNvCxnSpPr>
            <a:cxnSpLocks/>
          </p:cNvCxnSpPr>
          <p:nvPr/>
        </p:nvCxnSpPr>
        <p:spPr>
          <a:xfrm>
            <a:off x="8699025" y="4312839"/>
            <a:ext cx="1571278" cy="1255164"/>
          </a:xfrm>
          <a:prstGeom prst="bentConnector3">
            <a:avLst>
              <a:gd name="adj1" fmla="val 50000"/>
            </a:avLst>
          </a:prstGeom>
          <a:ln w="6350" cap="flat" cmpd="sng" algn="ctr">
            <a:solidFill>
              <a:srgbClr val="024D78"/>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nvGrpSpPr>
          <p:cNvPr id="317" name="Gruppe 316">
            <a:extLst>
              <a:ext uri="{FF2B5EF4-FFF2-40B4-BE49-F238E27FC236}">
                <a16:creationId xmlns:a16="http://schemas.microsoft.com/office/drawing/2014/main" id="{D3484E3C-0E5F-32CD-B540-1B0B92B3D3EC}"/>
              </a:ext>
              <a:ext uri="{C183D7F6-B498-43B3-948B-1728B52AA6E4}">
                <adec:decorative xmlns:adec="http://schemas.microsoft.com/office/drawing/2017/decorative" val="1"/>
              </a:ext>
            </a:extLst>
          </p:cNvPr>
          <p:cNvGrpSpPr/>
          <p:nvPr/>
        </p:nvGrpSpPr>
        <p:grpSpPr>
          <a:xfrm>
            <a:off x="9129466" y="4802520"/>
            <a:ext cx="710407" cy="261144"/>
            <a:chOff x="9319473" y="4067117"/>
            <a:chExt cx="710407" cy="261144"/>
          </a:xfrm>
        </p:grpSpPr>
        <p:sp>
          <p:nvSpPr>
            <p:cNvPr id="21" name="Ellipse 20">
              <a:extLst>
                <a:ext uri="{FF2B5EF4-FFF2-40B4-BE49-F238E27FC236}">
                  <a16:creationId xmlns:a16="http://schemas.microsoft.com/office/drawing/2014/main" id="{A38B15F5-288C-83D3-1070-5271ECD9DBBF}"/>
                </a:ext>
              </a:extLst>
            </p:cNvPr>
            <p:cNvSpPr>
              <a:spLocks/>
            </p:cNvSpPr>
            <p:nvPr/>
          </p:nvSpPr>
          <p:spPr>
            <a:xfrm>
              <a:off x="9319473" y="4085601"/>
              <a:ext cx="710407" cy="224177"/>
            </a:xfrm>
            <a:prstGeom prst="ellipse">
              <a:avLst/>
            </a:prstGeom>
            <a:solidFill>
              <a:srgbClr val="FFFFFF"/>
            </a:solidFill>
            <a:ln w="3175">
              <a:solidFill>
                <a:srgbClr val="024D78"/>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600" noProof="0" dirty="0">
                <a:solidFill>
                  <a:schemeClr val="tx1"/>
                </a:solidFill>
              </a:endParaRPr>
            </a:p>
          </p:txBody>
        </p:sp>
        <p:sp>
          <p:nvSpPr>
            <p:cNvPr id="22" name="Pladsholder til indhold 1">
              <a:extLst>
                <a:ext uri="{FF2B5EF4-FFF2-40B4-BE49-F238E27FC236}">
                  <a16:creationId xmlns:a16="http://schemas.microsoft.com/office/drawing/2014/main" id="{723A02D6-5C2E-D970-E4BC-6FCC2F584786}"/>
                </a:ext>
              </a:extLst>
            </p:cNvPr>
            <p:cNvSpPr txBox="1">
              <a:spLocks/>
            </p:cNvSpPr>
            <p:nvPr/>
          </p:nvSpPr>
          <p:spPr>
            <a:xfrm>
              <a:off x="9350118" y="4067117"/>
              <a:ext cx="646425" cy="261144"/>
            </a:xfrm>
            <a:prstGeom prst="rect">
              <a:avLst/>
            </a:prstGeom>
            <a:noFill/>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baseline="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r>
                <a:rPr lang="da-DK" sz="700" b="0" noProof="0" dirty="0">
                  <a:solidFill>
                    <a:srgbClr val="024D78"/>
                  </a:solidFill>
                </a:rPr>
                <a:t>-609.000 kr.</a:t>
              </a:r>
            </a:p>
          </p:txBody>
        </p:sp>
      </p:grpSp>
      <p:sp>
        <p:nvSpPr>
          <p:cNvPr id="122" name="Taleboble: rektangel 121">
            <a:extLst>
              <a:ext uri="{FF2B5EF4-FFF2-40B4-BE49-F238E27FC236}">
                <a16:creationId xmlns:a16="http://schemas.microsoft.com/office/drawing/2014/main" id="{FCA2B2F1-268B-4248-4A5C-8EA5BAB7FB82}"/>
              </a:ext>
              <a:ext uri="{C183D7F6-B498-43B3-948B-1728B52AA6E4}">
                <adec:decorative xmlns:adec="http://schemas.microsoft.com/office/drawing/2017/decorative" val="1"/>
              </a:ext>
            </a:extLst>
          </p:cNvPr>
          <p:cNvSpPr/>
          <p:nvPr/>
        </p:nvSpPr>
        <p:spPr>
          <a:xfrm>
            <a:off x="10832010" y="4370739"/>
            <a:ext cx="953846" cy="352588"/>
          </a:xfrm>
          <a:prstGeom prst="wedgeRectCallout">
            <a:avLst>
              <a:gd name="adj1" fmla="val -49775"/>
              <a:gd name="adj2" fmla="val 143793"/>
            </a:avLst>
          </a:prstGeom>
          <a:solidFill>
            <a:srgbClr val="FFFFFF"/>
          </a:solidFill>
          <a:ln w="3175">
            <a:solidFill>
              <a:srgbClr val="024D78"/>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700" noProof="0" dirty="0">
                <a:solidFill>
                  <a:srgbClr val="024D78"/>
                </a:solidFill>
              </a:rPr>
              <a:t>Engangsudgifter ifm. transitionen</a:t>
            </a:r>
          </a:p>
        </p:txBody>
      </p:sp>
      <p:grpSp>
        <p:nvGrpSpPr>
          <p:cNvPr id="134" name="Gruppe 133">
            <a:extLst>
              <a:ext uri="{FF2B5EF4-FFF2-40B4-BE49-F238E27FC236}">
                <a16:creationId xmlns:a16="http://schemas.microsoft.com/office/drawing/2014/main" id="{89F78A24-9CBA-A888-C1E7-D1D66796F0A6}"/>
              </a:ext>
              <a:ext uri="{C183D7F6-B498-43B3-948B-1728B52AA6E4}">
                <adec:decorative xmlns:adec="http://schemas.microsoft.com/office/drawing/2017/decorative" val="1"/>
              </a:ext>
            </a:extLst>
          </p:cNvPr>
          <p:cNvGrpSpPr>
            <a:grpSpLocks/>
          </p:cNvGrpSpPr>
          <p:nvPr/>
        </p:nvGrpSpPr>
        <p:grpSpPr>
          <a:xfrm>
            <a:off x="7000636" y="3595996"/>
            <a:ext cx="4605562" cy="367317"/>
            <a:chOff x="7037163" y="3496490"/>
            <a:chExt cx="4605562" cy="367317"/>
          </a:xfrm>
        </p:grpSpPr>
        <p:cxnSp>
          <p:nvCxnSpPr>
            <p:cNvPr id="128" name="Straight Connector 40">
              <a:extLst>
                <a:ext uri="{FF2B5EF4-FFF2-40B4-BE49-F238E27FC236}">
                  <a16:creationId xmlns:a16="http://schemas.microsoft.com/office/drawing/2014/main" id="{8F01E3F9-3394-4A1B-9A18-CFFE29FB1C2B}"/>
                </a:ext>
              </a:extLst>
            </p:cNvPr>
            <p:cNvCxnSpPr>
              <a:cxnSpLocks/>
            </p:cNvCxnSpPr>
            <p:nvPr/>
          </p:nvCxnSpPr>
          <p:spPr>
            <a:xfrm flipH="1">
              <a:off x="7037163" y="3669095"/>
              <a:ext cx="4605562" cy="0"/>
            </a:xfrm>
            <a:prstGeom prst="line">
              <a:avLst/>
            </a:prstGeom>
            <a:ln>
              <a:solidFill>
                <a:srgbClr val="024D78"/>
              </a:solidFill>
              <a:prstDash val="dash"/>
            </a:ln>
          </p:spPr>
          <p:style>
            <a:lnRef idx="1">
              <a:schemeClr val="accent1"/>
            </a:lnRef>
            <a:fillRef idx="0">
              <a:schemeClr val="accent1"/>
            </a:fillRef>
            <a:effectRef idx="0">
              <a:schemeClr val="accent1"/>
            </a:effectRef>
            <a:fontRef idx="minor">
              <a:schemeClr val="tx1"/>
            </a:fontRef>
          </p:style>
        </p:cxnSp>
        <p:grpSp>
          <p:nvGrpSpPr>
            <p:cNvPr id="129" name="Gruppe 128">
              <a:extLst>
                <a:ext uri="{FF2B5EF4-FFF2-40B4-BE49-F238E27FC236}">
                  <a16:creationId xmlns:a16="http://schemas.microsoft.com/office/drawing/2014/main" id="{AAFD0054-AD69-08AA-30F9-2326FBECEA2E}"/>
                </a:ext>
              </a:extLst>
            </p:cNvPr>
            <p:cNvGrpSpPr>
              <a:grpSpLocks/>
            </p:cNvGrpSpPr>
            <p:nvPr/>
          </p:nvGrpSpPr>
          <p:grpSpPr>
            <a:xfrm rot="5400000">
              <a:off x="9156292" y="3516384"/>
              <a:ext cx="367317" cy="327530"/>
              <a:chOff x="5842491" y="4282822"/>
              <a:chExt cx="367317" cy="327530"/>
            </a:xfrm>
          </p:grpSpPr>
          <p:sp>
            <p:nvSpPr>
              <p:cNvPr id="130" name="Rectangle 46">
                <a:extLst>
                  <a:ext uri="{FF2B5EF4-FFF2-40B4-BE49-F238E27FC236}">
                    <a16:creationId xmlns:a16="http://schemas.microsoft.com/office/drawing/2014/main" id="{D3FD1C16-D042-5EE6-FD0C-6B638DFDF37D}"/>
                  </a:ext>
                </a:extLst>
              </p:cNvPr>
              <p:cNvSpPr>
                <a:spLocks/>
              </p:cNvSpPr>
              <p:nvPr/>
            </p:nvSpPr>
            <p:spPr>
              <a:xfrm>
                <a:off x="5842491" y="4285706"/>
                <a:ext cx="365788" cy="321764"/>
              </a:xfrm>
              <a:prstGeom prst="rect">
                <a:avLst/>
              </a:prstGeom>
              <a:solidFill>
                <a:srgbClr val="E6F5F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dirty="0">
                  <a:ln>
                    <a:noFill/>
                  </a:ln>
                  <a:solidFill>
                    <a:srgbClr val="FFFFFF"/>
                  </a:solidFill>
                  <a:effectLst/>
                  <a:uLnTx/>
                  <a:uFillTx/>
                  <a:latin typeface="Arial" panose="020B0604020202020204"/>
                  <a:ea typeface="+mn-ea"/>
                  <a:cs typeface="+mn-cs"/>
                </a:endParaRPr>
              </a:p>
            </p:txBody>
          </p:sp>
          <p:pic>
            <p:nvPicPr>
              <p:cNvPr id="131" name="Graphic 47" descr="Caret Left with solid fill">
                <a:extLst>
                  <a:ext uri="{FF2B5EF4-FFF2-40B4-BE49-F238E27FC236}">
                    <a16:creationId xmlns:a16="http://schemas.microsoft.com/office/drawing/2014/main" id="{E379FCAF-2984-758C-18D4-F5A1CF5CB45A}"/>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10800000">
                <a:off x="5842492" y="4282822"/>
                <a:ext cx="367316" cy="327530"/>
              </a:xfrm>
              <a:prstGeom prst="rect">
                <a:avLst/>
              </a:prstGeom>
            </p:spPr>
          </p:pic>
        </p:grpSp>
      </p:grpSp>
      <p:grpSp>
        <p:nvGrpSpPr>
          <p:cNvPr id="284" name="Gruppe 283">
            <a:extLst>
              <a:ext uri="{FF2B5EF4-FFF2-40B4-BE49-F238E27FC236}">
                <a16:creationId xmlns:a16="http://schemas.microsoft.com/office/drawing/2014/main" id="{99BE2994-304A-3C05-2F9B-0EC31FAAA53C}"/>
              </a:ext>
              <a:ext uri="{C183D7F6-B498-43B3-948B-1728B52AA6E4}">
                <adec:decorative xmlns:adec="http://schemas.microsoft.com/office/drawing/2017/decorative" val="1"/>
              </a:ext>
            </a:extLst>
          </p:cNvPr>
          <p:cNvGrpSpPr>
            <a:grpSpLocks/>
          </p:cNvGrpSpPr>
          <p:nvPr/>
        </p:nvGrpSpPr>
        <p:grpSpPr>
          <a:xfrm>
            <a:off x="9119759" y="2809043"/>
            <a:ext cx="367317" cy="327530"/>
            <a:chOff x="5842491" y="4282822"/>
            <a:chExt cx="367317" cy="327530"/>
          </a:xfrm>
        </p:grpSpPr>
        <p:sp>
          <p:nvSpPr>
            <p:cNvPr id="285" name="Rectangle 46">
              <a:extLst>
                <a:ext uri="{FF2B5EF4-FFF2-40B4-BE49-F238E27FC236}">
                  <a16:creationId xmlns:a16="http://schemas.microsoft.com/office/drawing/2014/main" id="{CF2656B2-BE76-2422-1C2E-B3C2C11FB92F}"/>
                </a:ext>
              </a:extLst>
            </p:cNvPr>
            <p:cNvSpPr>
              <a:spLocks/>
            </p:cNvSpPr>
            <p:nvPr/>
          </p:nvSpPr>
          <p:spPr>
            <a:xfrm>
              <a:off x="5842491" y="4285706"/>
              <a:ext cx="365788" cy="321764"/>
            </a:xfrm>
            <a:prstGeom prst="rect">
              <a:avLst/>
            </a:prstGeom>
            <a:solidFill>
              <a:srgbClr val="E6F5F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dirty="0">
                <a:ln>
                  <a:noFill/>
                </a:ln>
                <a:solidFill>
                  <a:srgbClr val="FFFFFF"/>
                </a:solidFill>
                <a:effectLst/>
                <a:uLnTx/>
                <a:uFillTx/>
                <a:latin typeface="Arial" panose="020B0604020202020204"/>
                <a:ea typeface="+mn-ea"/>
                <a:cs typeface="+mn-cs"/>
              </a:endParaRPr>
            </a:p>
          </p:txBody>
        </p:sp>
        <p:pic>
          <p:nvPicPr>
            <p:cNvPr id="286" name="Graphic 47" descr="Caret Left with solid fill">
              <a:extLst>
                <a:ext uri="{FF2B5EF4-FFF2-40B4-BE49-F238E27FC236}">
                  <a16:creationId xmlns:a16="http://schemas.microsoft.com/office/drawing/2014/main" id="{008CFDAF-41B0-4C28-B940-384A4083D6CD}"/>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10800000">
              <a:off x="5842492" y="4282822"/>
              <a:ext cx="367316" cy="327530"/>
            </a:xfrm>
            <a:prstGeom prst="rect">
              <a:avLst/>
            </a:prstGeom>
          </p:spPr>
        </p:pic>
      </p:grpSp>
      <p:sp>
        <p:nvSpPr>
          <p:cNvPr id="291" name="TextBox 10">
            <a:extLst>
              <a:ext uri="{FF2B5EF4-FFF2-40B4-BE49-F238E27FC236}">
                <a16:creationId xmlns:a16="http://schemas.microsoft.com/office/drawing/2014/main" id="{B362ABD1-9C4F-7539-BA5C-75182B929B05}"/>
              </a:ext>
              <a:ext uri="{C183D7F6-B498-43B3-948B-1728B52AA6E4}">
                <adec:decorative xmlns:adec="http://schemas.microsoft.com/office/drawing/2017/decorative" val="0"/>
              </a:ext>
            </a:extLst>
          </p:cNvPr>
          <p:cNvSpPr txBox="1">
            <a:spLocks/>
          </p:cNvSpPr>
          <p:nvPr/>
        </p:nvSpPr>
        <p:spPr>
          <a:xfrm>
            <a:off x="6841749" y="1797708"/>
            <a:ext cx="5006751" cy="338554"/>
          </a:xfrm>
          <a:prstGeom prst="rect">
            <a:avLst/>
          </a:prstGeom>
          <a:noFill/>
        </p:spPr>
        <p:txBody>
          <a:bodyPr wrap="square" lIns="0" tIns="0" rIns="0" bIns="0" rtlCol="0" anchor="ctr">
            <a:spAutoFit/>
          </a:bodyPr>
          <a:lstStyle>
            <a:defPPr>
              <a:defRPr lang="en-US"/>
            </a:defPPr>
            <a:lvl1pPr>
              <a:defRPr sz="1100" b="1">
                <a:solidFill>
                  <a:srgbClr val="024D78"/>
                </a:solidFill>
              </a:defRPr>
            </a:lvl1pPr>
          </a:lstStyle>
          <a:p>
            <a:r>
              <a:rPr lang="da-DK" noProof="0" dirty="0"/>
              <a:t>Aarhus Kommunes </a:t>
            </a:r>
            <a:r>
              <a:rPr lang="da-DK" noProof="0" dirty="0">
                <a:sym typeface="Wingdings" panose="05000000000000000000" pitchFamily="2" charset="2"/>
              </a:rPr>
              <a:t>Magistratsafdeling for Kultur og Borgerservice</a:t>
            </a:r>
            <a:r>
              <a:rPr lang="da-DK" noProof="0" dirty="0"/>
              <a:t> har flyttet ca. 60 mindre systemer fra Microsoft </a:t>
            </a:r>
            <a:r>
              <a:rPr lang="da-DK" noProof="0" dirty="0" err="1"/>
              <a:t>Azure</a:t>
            </a:r>
            <a:r>
              <a:rPr lang="da-DK" noProof="0" dirty="0"/>
              <a:t> til tyske </a:t>
            </a:r>
            <a:r>
              <a:rPr lang="da-DK" noProof="0" dirty="0" err="1"/>
              <a:t>Hetzner</a:t>
            </a:r>
            <a:endParaRPr lang="da-DK" noProof="0" dirty="0"/>
          </a:p>
        </p:txBody>
      </p:sp>
      <p:sp>
        <p:nvSpPr>
          <p:cNvPr id="213" name="Rektangel: afrundede hjørner 212">
            <a:extLst>
              <a:ext uri="{FF2B5EF4-FFF2-40B4-BE49-F238E27FC236}">
                <a16:creationId xmlns:a16="http://schemas.microsoft.com/office/drawing/2014/main" id="{66696653-6DD8-88A4-6968-90B25E848170}"/>
              </a:ext>
              <a:ext uri="{C183D7F6-B498-43B3-948B-1728B52AA6E4}">
                <adec:decorative xmlns:adec="http://schemas.microsoft.com/office/drawing/2017/decorative" val="1"/>
              </a:ext>
            </a:extLst>
          </p:cNvPr>
          <p:cNvSpPr>
            <a:spLocks/>
          </p:cNvSpPr>
          <p:nvPr/>
        </p:nvSpPr>
        <p:spPr>
          <a:xfrm>
            <a:off x="6949180" y="2381423"/>
            <a:ext cx="1854200" cy="1132602"/>
          </a:xfrm>
          <a:prstGeom prst="roundRect">
            <a:avLst>
              <a:gd name="adj" fmla="val 4068"/>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grpSp>
        <p:nvGrpSpPr>
          <p:cNvPr id="208" name="Gruppe 207">
            <a:extLst>
              <a:ext uri="{FF2B5EF4-FFF2-40B4-BE49-F238E27FC236}">
                <a16:creationId xmlns:a16="http://schemas.microsoft.com/office/drawing/2014/main" id="{2EF3CCF4-32AE-96E7-95B2-13A570E26340}"/>
              </a:ext>
              <a:ext uri="{C183D7F6-B498-43B3-948B-1728B52AA6E4}">
                <adec:decorative xmlns:adec="http://schemas.microsoft.com/office/drawing/2017/decorative" val="1"/>
              </a:ext>
            </a:extLst>
          </p:cNvPr>
          <p:cNvGrpSpPr>
            <a:grpSpLocks/>
          </p:cNvGrpSpPr>
          <p:nvPr/>
        </p:nvGrpSpPr>
        <p:grpSpPr>
          <a:xfrm>
            <a:off x="7055706" y="2867372"/>
            <a:ext cx="1641148" cy="552813"/>
            <a:chOff x="6869313" y="2103437"/>
            <a:chExt cx="1641148" cy="552813"/>
          </a:xfrm>
          <a:solidFill>
            <a:schemeClr val="bg2">
              <a:lumMod val="50000"/>
            </a:schemeClr>
          </a:solidFill>
        </p:grpSpPr>
        <p:grpSp>
          <p:nvGrpSpPr>
            <p:cNvPr id="138" name="Graphic 2">
              <a:extLst>
                <a:ext uri="{FF2B5EF4-FFF2-40B4-BE49-F238E27FC236}">
                  <a16:creationId xmlns:a16="http://schemas.microsoft.com/office/drawing/2014/main" id="{58BE7F44-6EC7-16DB-F7E0-4D612F3E6E7C}"/>
                </a:ext>
              </a:extLst>
            </p:cNvPr>
            <p:cNvGrpSpPr>
              <a:grpSpLocks/>
            </p:cNvGrpSpPr>
            <p:nvPr/>
          </p:nvGrpSpPr>
          <p:grpSpPr>
            <a:xfrm>
              <a:off x="6869313" y="2103437"/>
              <a:ext cx="154177" cy="154177"/>
              <a:chOff x="1104953" y="1563549"/>
              <a:chExt cx="707937" cy="707936"/>
            </a:xfrm>
            <a:grpFill/>
          </p:grpSpPr>
          <p:sp>
            <p:nvSpPr>
              <p:cNvPr id="139" name="Freeform: Shape 2">
                <a:extLst>
                  <a:ext uri="{FF2B5EF4-FFF2-40B4-BE49-F238E27FC236}">
                    <a16:creationId xmlns:a16="http://schemas.microsoft.com/office/drawing/2014/main" id="{8CD389A5-650C-A74B-9008-397A3776D237}"/>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40" name="Freeform: Shape 3">
                <a:extLst>
                  <a:ext uri="{FF2B5EF4-FFF2-40B4-BE49-F238E27FC236}">
                    <a16:creationId xmlns:a16="http://schemas.microsoft.com/office/drawing/2014/main" id="{1D5E5D6E-8D22-2154-10E1-428FC4EFD09F}"/>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44" name="Graphic 2">
              <a:extLst>
                <a:ext uri="{FF2B5EF4-FFF2-40B4-BE49-F238E27FC236}">
                  <a16:creationId xmlns:a16="http://schemas.microsoft.com/office/drawing/2014/main" id="{3D2A5392-9C02-4B9A-11A6-C1BDF6B85E83}"/>
                </a:ext>
              </a:extLst>
            </p:cNvPr>
            <p:cNvGrpSpPr>
              <a:grpSpLocks/>
            </p:cNvGrpSpPr>
            <p:nvPr/>
          </p:nvGrpSpPr>
          <p:grpSpPr>
            <a:xfrm>
              <a:off x="7117142" y="2103437"/>
              <a:ext cx="154177" cy="154177"/>
              <a:chOff x="1104953" y="1563549"/>
              <a:chExt cx="707937" cy="707936"/>
            </a:xfrm>
            <a:grpFill/>
          </p:grpSpPr>
          <p:sp>
            <p:nvSpPr>
              <p:cNvPr id="145" name="Freeform: Shape 2">
                <a:extLst>
                  <a:ext uri="{FF2B5EF4-FFF2-40B4-BE49-F238E27FC236}">
                    <a16:creationId xmlns:a16="http://schemas.microsoft.com/office/drawing/2014/main" id="{09410091-2835-5011-1795-18ADE8D9D193}"/>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46" name="Freeform: Shape 3">
                <a:extLst>
                  <a:ext uri="{FF2B5EF4-FFF2-40B4-BE49-F238E27FC236}">
                    <a16:creationId xmlns:a16="http://schemas.microsoft.com/office/drawing/2014/main" id="{511C0220-2C89-BF2D-B1C9-0078FF1D9E9D}"/>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47" name="Graphic 2">
              <a:extLst>
                <a:ext uri="{FF2B5EF4-FFF2-40B4-BE49-F238E27FC236}">
                  <a16:creationId xmlns:a16="http://schemas.microsoft.com/office/drawing/2014/main" id="{DE12A8A9-84BB-E0CC-BE78-D5C93B4B8969}"/>
                </a:ext>
              </a:extLst>
            </p:cNvPr>
            <p:cNvGrpSpPr>
              <a:grpSpLocks/>
            </p:cNvGrpSpPr>
            <p:nvPr/>
          </p:nvGrpSpPr>
          <p:grpSpPr>
            <a:xfrm>
              <a:off x="7364970" y="2103437"/>
              <a:ext cx="154177" cy="154177"/>
              <a:chOff x="1104953" y="1563549"/>
              <a:chExt cx="707937" cy="707936"/>
            </a:xfrm>
            <a:grpFill/>
          </p:grpSpPr>
          <p:sp>
            <p:nvSpPr>
              <p:cNvPr id="148" name="Freeform: Shape 2">
                <a:extLst>
                  <a:ext uri="{FF2B5EF4-FFF2-40B4-BE49-F238E27FC236}">
                    <a16:creationId xmlns:a16="http://schemas.microsoft.com/office/drawing/2014/main" id="{AFC54125-55D0-78B0-AF9D-AF049A1A01AD}"/>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49" name="Freeform: Shape 3">
                <a:extLst>
                  <a:ext uri="{FF2B5EF4-FFF2-40B4-BE49-F238E27FC236}">
                    <a16:creationId xmlns:a16="http://schemas.microsoft.com/office/drawing/2014/main" id="{28FDD41F-546A-7AEF-5D3A-203E8E9F4506}"/>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50" name="Graphic 2">
              <a:extLst>
                <a:ext uri="{FF2B5EF4-FFF2-40B4-BE49-F238E27FC236}">
                  <a16:creationId xmlns:a16="http://schemas.microsoft.com/office/drawing/2014/main" id="{77E98019-4D1F-7878-ED18-CAB75F886D95}"/>
                </a:ext>
              </a:extLst>
            </p:cNvPr>
            <p:cNvGrpSpPr>
              <a:grpSpLocks/>
            </p:cNvGrpSpPr>
            <p:nvPr/>
          </p:nvGrpSpPr>
          <p:grpSpPr>
            <a:xfrm>
              <a:off x="7612798" y="2103437"/>
              <a:ext cx="154177" cy="154177"/>
              <a:chOff x="1104953" y="1563549"/>
              <a:chExt cx="707937" cy="707936"/>
            </a:xfrm>
            <a:grpFill/>
          </p:grpSpPr>
          <p:sp>
            <p:nvSpPr>
              <p:cNvPr id="151" name="Freeform: Shape 2">
                <a:extLst>
                  <a:ext uri="{FF2B5EF4-FFF2-40B4-BE49-F238E27FC236}">
                    <a16:creationId xmlns:a16="http://schemas.microsoft.com/office/drawing/2014/main" id="{A0BF0965-6A13-575B-AF25-03394A3017B4}"/>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52" name="Freeform: Shape 3">
                <a:extLst>
                  <a:ext uri="{FF2B5EF4-FFF2-40B4-BE49-F238E27FC236}">
                    <a16:creationId xmlns:a16="http://schemas.microsoft.com/office/drawing/2014/main" id="{8BA3DA29-8207-10CA-2813-F2682144AB15}"/>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53" name="Graphic 2">
              <a:extLst>
                <a:ext uri="{FF2B5EF4-FFF2-40B4-BE49-F238E27FC236}">
                  <a16:creationId xmlns:a16="http://schemas.microsoft.com/office/drawing/2014/main" id="{1A40E092-A4A4-799C-D2B1-5C5BD49C1D33}"/>
                </a:ext>
              </a:extLst>
            </p:cNvPr>
            <p:cNvGrpSpPr>
              <a:grpSpLocks/>
            </p:cNvGrpSpPr>
            <p:nvPr/>
          </p:nvGrpSpPr>
          <p:grpSpPr>
            <a:xfrm>
              <a:off x="7860626" y="2103437"/>
              <a:ext cx="154177" cy="154177"/>
              <a:chOff x="1104953" y="1563549"/>
              <a:chExt cx="707937" cy="707936"/>
            </a:xfrm>
            <a:grpFill/>
          </p:grpSpPr>
          <p:sp>
            <p:nvSpPr>
              <p:cNvPr id="154" name="Freeform: Shape 2">
                <a:extLst>
                  <a:ext uri="{FF2B5EF4-FFF2-40B4-BE49-F238E27FC236}">
                    <a16:creationId xmlns:a16="http://schemas.microsoft.com/office/drawing/2014/main" id="{821FDEBE-CAE7-9E3D-2388-3C86104E46A0}"/>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55" name="Freeform: Shape 3">
                <a:extLst>
                  <a:ext uri="{FF2B5EF4-FFF2-40B4-BE49-F238E27FC236}">
                    <a16:creationId xmlns:a16="http://schemas.microsoft.com/office/drawing/2014/main" id="{EF035079-18A4-ADA8-FF57-A1470795735B}"/>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60" name="Graphic 2">
              <a:extLst>
                <a:ext uri="{FF2B5EF4-FFF2-40B4-BE49-F238E27FC236}">
                  <a16:creationId xmlns:a16="http://schemas.microsoft.com/office/drawing/2014/main" id="{C927C064-48CD-B075-6D5B-7CE261DBC330}"/>
                </a:ext>
              </a:extLst>
            </p:cNvPr>
            <p:cNvGrpSpPr>
              <a:grpSpLocks/>
            </p:cNvGrpSpPr>
            <p:nvPr/>
          </p:nvGrpSpPr>
          <p:grpSpPr>
            <a:xfrm>
              <a:off x="8108455" y="2103437"/>
              <a:ext cx="154177" cy="154177"/>
              <a:chOff x="1104953" y="1563549"/>
              <a:chExt cx="707937" cy="707936"/>
            </a:xfrm>
            <a:grpFill/>
          </p:grpSpPr>
          <p:sp>
            <p:nvSpPr>
              <p:cNvPr id="161" name="Freeform: Shape 2">
                <a:extLst>
                  <a:ext uri="{FF2B5EF4-FFF2-40B4-BE49-F238E27FC236}">
                    <a16:creationId xmlns:a16="http://schemas.microsoft.com/office/drawing/2014/main" id="{683EC54E-237C-88E5-45EC-966ADB6378BF}"/>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62" name="Freeform: Shape 3">
                <a:extLst>
                  <a:ext uri="{FF2B5EF4-FFF2-40B4-BE49-F238E27FC236}">
                    <a16:creationId xmlns:a16="http://schemas.microsoft.com/office/drawing/2014/main" id="{B13ED91F-A2DD-C4DD-5D1C-4919F7C7829A}"/>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63" name="Graphic 2">
              <a:extLst>
                <a:ext uri="{FF2B5EF4-FFF2-40B4-BE49-F238E27FC236}">
                  <a16:creationId xmlns:a16="http://schemas.microsoft.com/office/drawing/2014/main" id="{EE4068BF-E173-D152-AEB4-42830D5DE8C3}"/>
                </a:ext>
              </a:extLst>
            </p:cNvPr>
            <p:cNvGrpSpPr/>
            <p:nvPr/>
          </p:nvGrpSpPr>
          <p:grpSpPr>
            <a:xfrm>
              <a:off x="8356284" y="2103437"/>
              <a:ext cx="154177" cy="154177"/>
              <a:chOff x="1104953" y="1563549"/>
              <a:chExt cx="707937" cy="707936"/>
            </a:xfrm>
            <a:grpFill/>
          </p:grpSpPr>
          <p:sp>
            <p:nvSpPr>
              <p:cNvPr id="164" name="Freeform: Shape 2">
                <a:extLst>
                  <a:ext uri="{FF2B5EF4-FFF2-40B4-BE49-F238E27FC236}">
                    <a16:creationId xmlns:a16="http://schemas.microsoft.com/office/drawing/2014/main" id="{88AD4908-1CCB-D025-A73F-99BE8A8DDFC6}"/>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65" name="Freeform: Shape 3">
                <a:extLst>
                  <a:ext uri="{FF2B5EF4-FFF2-40B4-BE49-F238E27FC236}">
                    <a16:creationId xmlns:a16="http://schemas.microsoft.com/office/drawing/2014/main" id="{DE828E70-1DAE-C5AD-8A7B-EC7CD667D5D8}"/>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66" name="Graphic 2">
              <a:extLst>
                <a:ext uri="{FF2B5EF4-FFF2-40B4-BE49-F238E27FC236}">
                  <a16:creationId xmlns:a16="http://schemas.microsoft.com/office/drawing/2014/main" id="{F494EEBD-4A8E-948E-4231-3978D50FF34F}"/>
                </a:ext>
              </a:extLst>
            </p:cNvPr>
            <p:cNvGrpSpPr>
              <a:grpSpLocks/>
            </p:cNvGrpSpPr>
            <p:nvPr/>
          </p:nvGrpSpPr>
          <p:grpSpPr>
            <a:xfrm>
              <a:off x="6869313" y="2305386"/>
              <a:ext cx="154177" cy="154177"/>
              <a:chOff x="1104953" y="1563549"/>
              <a:chExt cx="707937" cy="707936"/>
            </a:xfrm>
            <a:grpFill/>
          </p:grpSpPr>
          <p:sp>
            <p:nvSpPr>
              <p:cNvPr id="167" name="Freeform: Shape 2">
                <a:extLst>
                  <a:ext uri="{FF2B5EF4-FFF2-40B4-BE49-F238E27FC236}">
                    <a16:creationId xmlns:a16="http://schemas.microsoft.com/office/drawing/2014/main" id="{9FAC31C7-A51E-BAD7-01BA-5A7CC18F6467}"/>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68" name="Freeform: Shape 3">
                <a:extLst>
                  <a:ext uri="{FF2B5EF4-FFF2-40B4-BE49-F238E27FC236}">
                    <a16:creationId xmlns:a16="http://schemas.microsoft.com/office/drawing/2014/main" id="{FD297187-86D5-BD0C-9682-6928749ED682}"/>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69" name="Graphic 2">
              <a:extLst>
                <a:ext uri="{FF2B5EF4-FFF2-40B4-BE49-F238E27FC236}">
                  <a16:creationId xmlns:a16="http://schemas.microsoft.com/office/drawing/2014/main" id="{D05F539C-DF27-A1A1-91F8-0DD44F31FA20}"/>
                </a:ext>
              </a:extLst>
            </p:cNvPr>
            <p:cNvGrpSpPr>
              <a:grpSpLocks/>
            </p:cNvGrpSpPr>
            <p:nvPr/>
          </p:nvGrpSpPr>
          <p:grpSpPr>
            <a:xfrm>
              <a:off x="7117142" y="2305386"/>
              <a:ext cx="154177" cy="154177"/>
              <a:chOff x="1104953" y="1563549"/>
              <a:chExt cx="707937" cy="707936"/>
            </a:xfrm>
            <a:grpFill/>
          </p:grpSpPr>
          <p:sp>
            <p:nvSpPr>
              <p:cNvPr id="170" name="Freeform: Shape 2">
                <a:extLst>
                  <a:ext uri="{FF2B5EF4-FFF2-40B4-BE49-F238E27FC236}">
                    <a16:creationId xmlns:a16="http://schemas.microsoft.com/office/drawing/2014/main" id="{DBDB8CA2-59AB-C41C-632C-2417592BF820}"/>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71" name="Freeform: Shape 3">
                <a:extLst>
                  <a:ext uri="{FF2B5EF4-FFF2-40B4-BE49-F238E27FC236}">
                    <a16:creationId xmlns:a16="http://schemas.microsoft.com/office/drawing/2014/main" id="{7FE22DE0-1267-6C64-9DCF-5C25BFF70553}"/>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72" name="Graphic 2">
              <a:extLst>
                <a:ext uri="{FF2B5EF4-FFF2-40B4-BE49-F238E27FC236}">
                  <a16:creationId xmlns:a16="http://schemas.microsoft.com/office/drawing/2014/main" id="{6495E93B-5F11-B9A9-E20D-702645A1210B}"/>
                </a:ext>
              </a:extLst>
            </p:cNvPr>
            <p:cNvGrpSpPr>
              <a:grpSpLocks/>
            </p:cNvGrpSpPr>
            <p:nvPr/>
          </p:nvGrpSpPr>
          <p:grpSpPr>
            <a:xfrm>
              <a:off x="7364970" y="2305386"/>
              <a:ext cx="154177" cy="154177"/>
              <a:chOff x="1104953" y="1563549"/>
              <a:chExt cx="707937" cy="707936"/>
            </a:xfrm>
            <a:grpFill/>
          </p:grpSpPr>
          <p:sp>
            <p:nvSpPr>
              <p:cNvPr id="173" name="Freeform: Shape 2">
                <a:extLst>
                  <a:ext uri="{FF2B5EF4-FFF2-40B4-BE49-F238E27FC236}">
                    <a16:creationId xmlns:a16="http://schemas.microsoft.com/office/drawing/2014/main" id="{67923D9B-BD2B-F663-31C1-9DBD3864C1CA}"/>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74" name="Freeform: Shape 3">
                <a:extLst>
                  <a:ext uri="{FF2B5EF4-FFF2-40B4-BE49-F238E27FC236}">
                    <a16:creationId xmlns:a16="http://schemas.microsoft.com/office/drawing/2014/main" id="{6C49E1A0-CE34-D187-4895-BDD500509A94}"/>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75" name="Graphic 2">
              <a:extLst>
                <a:ext uri="{FF2B5EF4-FFF2-40B4-BE49-F238E27FC236}">
                  <a16:creationId xmlns:a16="http://schemas.microsoft.com/office/drawing/2014/main" id="{5AFBB266-0B13-677F-3B89-9BCA13B6D004}"/>
                </a:ext>
              </a:extLst>
            </p:cNvPr>
            <p:cNvGrpSpPr>
              <a:grpSpLocks/>
            </p:cNvGrpSpPr>
            <p:nvPr/>
          </p:nvGrpSpPr>
          <p:grpSpPr>
            <a:xfrm>
              <a:off x="7612798" y="2305386"/>
              <a:ext cx="154177" cy="154177"/>
              <a:chOff x="1104953" y="1563549"/>
              <a:chExt cx="707937" cy="707936"/>
            </a:xfrm>
            <a:grpFill/>
          </p:grpSpPr>
          <p:sp>
            <p:nvSpPr>
              <p:cNvPr id="176" name="Freeform: Shape 2">
                <a:extLst>
                  <a:ext uri="{FF2B5EF4-FFF2-40B4-BE49-F238E27FC236}">
                    <a16:creationId xmlns:a16="http://schemas.microsoft.com/office/drawing/2014/main" id="{FE65796E-9179-F67E-DE8B-AF0F2839316B}"/>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77" name="Freeform: Shape 3">
                <a:extLst>
                  <a:ext uri="{FF2B5EF4-FFF2-40B4-BE49-F238E27FC236}">
                    <a16:creationId xmlns:a16="http://schemas.microsoft.com/office/drawing/2014/main" id="{CC63A19D-3501-B871-8052-A7B5D74A0DAA}"/>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78" name="Graphic 2">
              <a:extLst>
                <a:ext uri="{FF2B5EF4-FFF2-40B4-BE49-F238E27FC236}">
                  <a16:creationId xmlns:a16="http://schemas.microsoft.com/office/drawing/2014/main" id="{1EF40FDE-1632-DB3F-7C15-DCE2630632BF}"/>
                </a:ext>
              </a:extLst>
            </p:cNvPr>
            <p:cNvGrpSpPr>
              <a:grpSpLocks/>
            </p:cNvGrpSpPr>
            <p:nvPr/>
          </p:nvGrpSpPr>
          <p:grpSpPr>
            <a:xfrm>
              <a:off x="7860626" y="2305386"/>
              <a:ext cx="154177" cy="154177"/>
              <a:chOff x="1104953" y="1563549"/>
              <a:chExt cx="707937" cy="707936"/>
            </a:xfrm>
            <a:grpFill/>
          </p:grpSpPr>
          <p:sp>
            <p:nvSpPr>
              <p:cNvPr id="179" name="Freeform: Shape 2">
                <a:extLst>
                  <a:ext uri="{FF2B5EF4-FFF2-40B4-BE49-F238E27FC236}">
                    <a16:creationId xmlns:a16="http://schemas.microsoft.com/office/drawing/2014/main" id="{33EE9DA7-7838-9DFF-C3C2-1EBD8C2A6134}"/>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80" name="Freeform: Shape 3">
                <a:extLst>
                  <a:ext uri="{FF2B5EF4-FFF2-40B4-BE49-F238E27FC236}">
                    <a16:creationId xmlns:a16="http://schemas.microsoft.com/office/drawing/2014/main" id="{2386C172-1690-5894-9436-9DA2A2F739E9}"/>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81" name="Graphic 2">
              <a:extLst>
                <a:ext uri="{FF2B5EF4-FFF2-40B4-BE49-F238E27FC236}">
                  <a16:creationId xmlns:a16="http://schemas.microsoft.com/office/drawing/2014/main" id="{7554388F-FB1B-EB65-1C15-C81B6F18A2DC}"/>
                </a:ext>
              </a:extLst>
            </p:cNvPr>
            <p:cNvGrpSpPr>
              <a:grpSpLocks/>
            </p:cNvGrpSpPr>
            <p:nvPr/>
          </p:nvGrpSpPr>
          <p:grpSpPr>
            <a:xfrm>
              <a:off x="8108455" y="2305386"/>
              <a:ext cx="154177" cy="154177"/>
              <a:chOff x="1104953" y="1563549"/>
              <a:chExt cx="707937" cy="707936"/>
            </a:xfrm>
            <a:grpFill/>
          </p:grpSpPr>
          <p:sp>
            <p:nvSpPr>
              <p:cNvPr id="182" name="Freeform: Shape 2">
                <a:extLst>
                  <a:ext uri="{FF2B5EF4-FFF2-40B4-BE49-F238E27FC236}">
                    <a16:creationId xmlns:a16="http://schemas.microsoft.com/office/drawing/2014/main" id="{3DF941E3-DF02-5BF8-9968-06C7516C2E8E}"/>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83" name="Freeform: Shape 3">
                <a:extLst>
                  <a:ext uri="{FF2B5EF4-FFF2-40B4-BE49-F238E27FC236}">
                    <a16:creationId xmlns:a16="http://schemas.microsoft.com/office/drawing/2014/main" id="{E82DF680-89B6-D8DC-2CEB-95D34EC87D92}"/>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84" name="Graphic 2">
              <a:extLst>
                <a:ext uri="{FF2B5EF4-FFF2-40B4-BE49-F238E27FC236}">
                  <a16:creationId xmlns:a16="http://schemas.microsoft.com/office/drawing/2014/main" id="{F0B5A6E8-8EDA-BAFF-AE60-1B7BDA234FFE}"/>
                </a:ext>
              </a:extLst>
            </p:cNvPr>
            <p:cNvGrpSpPr/>
            <p:nvPr/>
          </p:nvGrpSpPr>
          <p:grpSpPr>
            <a:xfrm>
              <a:off x="8356284" y="2305386"/>
              <a:ext cx="154177" cy="154177"/>
              <a:chOff x="1104953" y="1563549"/>
              <a:chExt cx="707937" cy="707936"/>
            </a:xfrm>
            <a:grpFill/>
          </p:grpSpPr>
          <p:sp>
            <p:nvSpPr>
              <p:cNvPr id="185" name="Freeform: Shape 2">
                <a:extLst>
                  <a:ext uri="{FF2B5EF4-FFF2-40B4-BE49-F238E27FC236}">
                    <a16:creationId xmlns:a16="http://schemas.microsoft.com/office/drawing/2014/main" id="{AA8770B5-7E13-A95E-65B7-5E4F43D247B9}"/>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86" name="Freeform: Shape 3">
                <a:extLst>
                  <a:ext uri="{FF2B5EF4-FFF2-40B4-BE49-F238E27FC236}">
                    <a16:creationId xmlns:a16="http://schemas.microsoft.com/office/drawing/2014/main" id="{885DCB2C-43AB-8C90-2EA8-241248978060}"/>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87" name="Graphic 2">
              <a:extLst>
                <a:ext uri="{FF2B5EF4-FFF2-40B4-BE49-F238E27FC236}">
                  <a16:creationId xmlns:a16="http://schemas.microsoft.com/office/drawing/2014/main" id="{0CD384D5-5FA7-47BE-9B6C-0E05C1214B22}"/>
                </a:ext>
              </a:extLst>
            </p:cNvPr>
            <p:cNvGrpSpPr>
              <a:grpSpLocks/>
            </p:cNvGrpSpPr>
            <p:nvPr/>
          </p:nvGrpSpPr>
          <p:grpSpPr>
            <a:xfrm>
              <a:off x="6869313" y="2502073"/>
              <a:ext cx="154177" cy="154177"/>
              <a:chOff x="1104953" y="1563549"/>
              <a:chExt cx="707937" cy="707936"/>
            </a:xfrm>
            <a:grpFill/>
          </p:grpSpPr>
          <p:sp>
            <p:nvSpPr>
              <p:cNvPr id="188" name="Freeform: Shape 2">
                <a:extLst>
                  <a:ext uri="{FF2B5EF4-FFF2-40B4-BE49-F238E27FC236}">
                    <a16:creationId xmlns:a16="http://schemas.microsoft.com/office/drawing/2014/main" id="{65D7E4FB-565F-96B7-E5EB-031D9689218F}"/>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89" name="Freeform: Shape 3">
                <a:extLst>
                  <a:ext uri="{FF2B5EF4-FFF2-40B4-BE49-F238E27FC236}">
                    <a16:creationId xmlns:a16="http://schemas.microsoft.com/office/drawing/2014/main" id="{D48F61B3-85DB-62A6-633E-738F8CF04060}"/>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90" name="Graphic 2">
              <a:extLst>
                <a:ext uri="{FF2B5EF4-FFF2-40B4-BE49-F238E27FC236}">
                  <a16:creationId xmlns:a16="http://schemas.microsoft.com/office/drawing/2014/main" id="{8843118E-B705-EF0F-665D-5D30FE281468}"/>
                </a:ext>
              </a:extLst>
            </p:cNvPr>
            <p:cNvGrpSpPr>
              <a:grpSpLocks/>
            </p:cNvGrpSpPr>
            <p:nvPr/>
          </p:nvGrpSpPr>
          <p:grpSpPr>
            <a:xfrm>
              <a:off x="7117142" y="2502073"/>
              <a:ext cx="154177" cy="154177"/>
              <a:chOff x="1104953" y="1563549"/>
              <a:chExt cx="707937" cy="707936"/>
            </a:xfrm>
            <a:grpFill/>
          </p:grpSpPr>
          <p:sp>
            <p:nvSpPr>
              <p:cNvPr id="191" name="Freeform: Shape 2">
                <a:extLst>
                  <a:ext uri="{FF2B5EF4-FFF2-40B4-BE49-F238E27FC236}">
                    <a16:creationId xmlns:a16="http://schemas.microsoft.com/office/drawing/2014/main" id="{FA255380-BCFE-C61E-61D7-84B0F61E753C}"/>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92" name="Freeform: Shape 3">
                <a:extLst>
                  <a:ext uri="{FF2B5EF4-FFF2-40B4-BE49-F238E27FC236}">
                    <a16:creationId xmlns:a16="http://schemas.microsoft.com/office/drawing/2014/main" id="{0FE86450-A530-41AC-DFFE-9F573AB51999}"/>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93" name="Graphic 2">
              <a:extLst>
                <a:ext uri="{FF2B5EF4-FFF2-40B4-BE49-F238E27FC236}">
                  <a16:creationId xmlns:a16="http://schemas.microsoft.com/office/drawing/2014/main" id="{CB71408D-7944-03BE-70B7-938A166B3187}"/>
                </a:ext>
              </a:extLst>
            </p:cNvPr>
            <p:cNvGrpSpPr>
              <a:grpSpLocks/>
            </p:cNvGrpSpPr>
            <p:nvPr/>
          </p:nvGrpSpPr>
          <p:grpSpPr>
            <a:xfrm>
              <a:off x="7364970" y="2502073"/>
              <a:ext cx="154177" cy="154177"/>
              <a:chOff x="1104953" y="1563549"/>
              <a:chExt cx="707937" cy="707936"/>
            </a:xfrm>
            <a:grpFill/>
          </p:grpSpPr>
          <p:sp>
            <p:nvSpPr>
              <p:cNvPr id="194" name="Freeform: Shape 2">
                <a:extLst>
                  <a:ext uri="{FF2B5EF4-FFF2-40B4-BE49-F238E27FC236}">
                    <a16:creationId xmlns:a16="http://schemas.microsoft.com/office/drawing/2014/main" id="{8BBBE654-5322-34B6-AF39-DFBC22EE33D4}"/>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95" name="Freeform: Shape 3">
                <a:extLst>
                  <a:ext uri="{FF2B5EF4-FFF2-40B4-BE49-F238E27FC236}">
                    <a16:creationId xmlns:a16="http://schemas.microsoft.com/office/drawing/2014/main" id="{F2D6823E-F962-05A8-42E9-87CE978A645A}"/>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96" name="Graphic 2">
              <a:extLst>
                <a:ext uri="{FF2B5EF4-FFF2-40B4-BE49-F238E27FC236}">
                  <a16:creationId xmlns:a16="http://schemas.microsoft.com/office/drawing/2014/main" id="{8B677519-98E4-87F4-4975-C25FF808B40F}"/>
                </a:ext>
              </a:extLst>
            </p:cNvPr>
            <p:cNvGrpSpPr>
              <a:grpSpLocks/>
            </p:cNvGrpSpPr>
            <p:nvPr/>
          </p:nvGrpSpPr>
          <p:grpSpPr>
            <a:xfrm>
              <a:off x="7612798" y="2502073"/>
              <a:ext cx="154177" cy="154177"/>
              <a:chOff x="1104953" y="1563549"/>
              <a:chExt cx="707937" cy="707936"/>
            </a:xfrm>
            <a:grpFill/>
          </p:grpSpPr>
          <p:sp>
            <p:nvSpPr>
              <p:cNvPr id="197" name="Freeform: Shape 2">
                <a:extLst>
                  <a:ext uri="{FF2B5EF4-FFF2-40B4-BE49-F238E27FC236}">
                    <a16:creationId xmlns:a16="http://schemas.microsoft.com/office/drawing/2014/main" id="{BDDB0E0D-CB5F-30C1-DF2F-2A3D623CA241}"/>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98" name="Freeform: Shape 3">
                <a:extLst>
                  <a:ext uri="{FF2B5EF4-FFF2-40B4-BE49-F238E27FC236}">
                    <a16:creationId xmlns:a16="http://schemas.microsoft.com/office/drawing/2014/main" id="{E247A0EE-C3A4-3F63-95CA-F870FA52CAD2}"/>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99" name="Graphic 2">
              <a:extLst>
                <a:ext uri="{FF2B5EF4-FFF2-40B4-BE49-F238E27FC236}">
                  <a16:creationId xmlns:a16="http://schemas.microsoft.com/office/drawing/2014/main" id="{2FF9BC4D-690E-9E6D-B6BF-EF70D1935961}"/>
                </a:ext>
              </a:extLst>
            </p:cNvPr>
            <p:cNvGrpSpPr>
              <a:grpSpLocks/>
            </p:cNvGrpSpPr>
            <p:nvPr/>
          </p:nvGrpSpPr>
          <p:grpSpPr>
            <a:xfrm>
              <a:off x="7860626" y="2502073"/>
              <a:ext cx="154177" cy="154177"/>
              <a:chOff x="1104953" y="1563549"/>
              <a:chExt cx="707937" cy="707936"/>
            </a:xfrm>
            <a:grpFill/>
          </p:grpSpPr>
          <p:sp>
            <p:nvSpPr>
              <p:cNvPr id="200" name="Freeform: Shape 2">
                <a:extLst>
                  <a:ext uri="{FF2B5EF4-FFF2-40B4-BE49-F238E27FC236}">
                    <a16:creationId xmlns:a16="http://schemas.microsoft.com/office/drawing/2014/main" id="{E7CE69A8-3FCE-84B3-2D42-32EC580D99FE}"/>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201" name="Freeform: Shape 3">
                <a:extLst>
                  <a:ext uri="{FF2B5EF4-FFF2-40B4-BE49-F238E27FC236}">
                    <a16:creationId xmlns:a16="http://schemas.microsoft.com/office/drawing/2014/main" id="{42743E85-2823-C954-F7C3-017C70614A09}"/>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202" name="Graphic 2">
              <a:extLst>
                <a:ext uri="{FF2B5EF4-FFF2-40B4-BE49-F238E27FC236}">
                  <a16:creationId xmlns:a16="http://schemas.microsoft.com/office/drawing/2014/main" id="{FDEBC66A-760A-5E6C-B249-60F2130BABE9}"/>
                </a:ext>
              </a:extLst>
            </p:cNvPr>
            <p:cNvGrpSpPr>
              <a:grpSpLocks/>
            </p:cNvGrpSpPr>
            <p:nvPr/>
          </p:nvGrpSpPr>
          <p:grpSpPr>
            <a:xfrm>
              <a:off x="8108455" y="2502073"/>
              <a:ext cx="154177" cy="154177"/>
              <a:chOff x="1104953" y="1563549"/>
              <a:chExt cx="707937" cy="707936"/>
            </a:xfrm>
            <a:grpFill/>
          </p:grpSpPr>
          <p:sp>
            <p:nvSpPr>
              <p:cNvPr id="203" name="Freeform: Shape 2">
                <a:extLst>
                  <a:ext uri="{FF2B5EF4-FFF2-40B4-BE49-F238E27FC236}">
                    <a16:creationId xmlns:a16="http://schemas.microsoft.com/office/drawing/2014/main" id="{F8E02544-CD40-62DC-F463-F319CDA93DA6}"/>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204" name="Freeform: Shape 3">
                <a:extLst>
                  <a:ext uri="{FF2B5EF4-FFF2-40B4-BE49-F238E27FC236}">
                    <a16:creationId xmlns:a16="http://schemas.microsoft.com/office/drawing/2014/main" id="{2E86B116-58E3-7EBD-8640-24C2BAC35069}"/>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205" name="Graphic 2">
              <a:extLst>
                <a:ext uri="{FF2B5EF4-FFF2-40B4-BE49-F238E27FC236}">
                  <a16:creationId xmlns:a16="http://schemas.microsoft.com/office/drawing/2014/main" id="{78043717-D259-F5B8-8751-C1B3C0214F05}"/>
                </a:ext>
              </a:extLst>
            </p:cNvPr>
            <p:cNvGrpSpPr/>
            <p:nvPr/>
          </p:nvGrpSpPr>
          <p:grpSpPr>
            <a:xfrm>
              <a:off x="8356284" y="2502073"/>
              <a:ext cx="154177" cy="154177"/>
              <a:chOff x="1104953" y="1563549"/>
              <a:chExt cx="707937" cy="707936"/>
            </a:xfrm>
            <a:grpFill/>
          </p:grpSpPr>
          <p:sp>
            <p:nvSpPr>
              <p:cNvPr id="206" name="Freeform: Shape 2">
                <a:extLst>
                  <a:ext uri="{FF2B5EF4-FFF2-40B4-BE49-F238E27FC236}">
                    <a16:creationId xmlns:a16="http://schemas.microsoft.com/office/drawing/2014/main" id="{64CA391B-B642-34EA-945A-390F8849603B}"/>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207" name="Freeform: Shape 3">
                <a:extLst>
                  <a:ext uri="{FF2B5EF4-FFF2-40B4-BE49-F238E27FC236}">
                    <a16:creationId xmlns:a16="http://schemas.microsoft.com/office/drawing/2014/main" id="{64B69858-7678-6E6C-2E7D-087F0C205418}"/>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pic>
        <p:nvPicPr>
          <p:cNvPr id="123" name="Graphic 1">
            <a:extLst>
              <a:ext uri="{FF2B5EF4-FFF2-40B4-BE49-F238E27FC236}">
                <a16:creationId xmlns:a16="http://schemas.microsoft.com/office/drawing/2014/main" id="{22ED4F53-D0AF-CB6F-087D-FEB88439BBC0}"/>
              </a:ext>
              <a:ext uri="{C183D7F6-B498-43B3-948B-1728B52AA6E4}">
                <adec:decorative xmlns:adec="http://schemas.microsoft.com/office/drawing/2017/decorative" val="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7105291" y="2511499"/>
            <a:ext cx="310738" cy="207158"/>
          </a:xfrm>
          <a:prstGeom prst="rect">
            <a:avLst/>
          </a:prstGeom>
        </p:spPr>
      </p:pic>
      <p:sp>
        <p:nvSpPr>
          <p:cNvPr id="294" name="TextBox 203">
            <a:extLst>
              <a:ext uri="{FF2B5EF4-FFF2-40B4-BE49-F238E27FC236}">
                <a16:creationId xmlns:a16="http://schemas.microsoft.com/office/drawing/2014/main" id="{6F7F83A9-D41F-F60D-743D-52748DE91B77}"/>
              </a:ext>
              <a:ext uri="{C183D7F6-B498-43B3-948B-1728B52AA6E4}">
                <adec:decorative xmlns:adec="http://schemas.microsoft.com/office/drawing/2017/decorative" val="1"/>
              </a:ext>
            </a:extLst>
          </p:cNvPr>
          <p:cNvSpPr txBox="1">
            <a:spLocks/>
          </p:cNvSpPr>
          <p:nvPr/>
        </p:nvSpPr>
        <p:spPr>
          <a:xfrm>
            <a:off x="7449995" y="2484273"/>
            <a:ext cx="1293987" cy="261610"/>
          </a:xfrm>
          <a:prstGeom prst="rect">
            <a:avLst/>
          </a:prstGeom>
          <a:noFill/>
        </p:spPr>
        <p:txBody>
          <a:bodyPr wrap="square">
            <a:spAutoFit/>
          </a:bodyPr>
          <a:lstStyle/>
          <a:p>
            <a:r>
              <a:rPr lang="da-DK" sz="1100" i="1" noProof="0" dirty="0">
                <a:solidFill>
                  <a:srgbClr val="024D78"/>
                </a:solidFill>
              </a:rPr>
              <a:t>Microsoft </a:t>
            </a:r>
            <a:r>
              <a:rPr lang="da-DK" sz="1100" i="1" noProof="0" dirty="0" err="1">
                <a:solidFill>
                  <a:srgbClr val="024D78"/>
                </a:solidFill>
              </a:rPr>
              <a:t>Azure</a:t>
            </a:r>
            <a:endParaRPr lang="da-DK" sz="1100" i="1" noProof="0" dirty="0">
              <a:solidFill>
                <a:srgbClr val="024D78"/>
              </a:solidFill>
            </a:endParaRPr>
          </a:p>
        </p:txBody>
      </p:sp>
      <p:sp>
        <p:nvSpPr>
          <p:cNvPr id="93" name="Rektangel: afrundede hjørner 92">
            <a:extLst>
              <a:ext uri="{FF2B5EF4-FFF2-40B4-BE49-F238E27FC236}">
                <a16:creationId xmlns:a16="http://schemas.microsoft.com/office/drawing/2014/main" id="{CCA09A81-6817-5186-4629-5B74899E649F}"/>
              </a:ext>
              <a:ext uri="{C183D7F6-B498-43B3-948B-1728B52AA6E4}">
                <adec:decorative xmlns:adec="http://schemas.microsoft.com/office/drawing/2017/decorative" val="1"/>
              </a:ext>
            </a:extLst>
          </p:cNvPr>
          <p:cNvSpPr>
            <a:spLocks/>
          </p:cNvSpPr>
          <p:nvPr/>
        </p:nvSpPr>
        <p:spPr>
          <a:xfrm>
            <a:off x="9803454" y="2381423"/>
            <a:ext cx="1854200" cy="1132602"/>
          </a:xfrm>
          <a:prstGeom prst="roundRect">
            <a:avLst>
              <a:gd name="adj" fmla="val 2946"/>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grpSp>
        <p:nvGrpSpPr>
          <p:cNvPr id="94" name="Gruppe 93">
            <a:extLst>
              <a:ext uri="{FF2B5EF4-FFF2-40B4-BE49-F238E27FC236}">
                <a16:creationId xmlns:a16="http://schemas.microsoft.com/office/drawing/2014/main" id="{3924BF44-40A8-D7D1-B891-45CAFA36B026}"/>
              </a:ext>
              <a:ext uri="{C183D7F6-B498-43B3-948B-1728B52AA6E4}">
                <adec:decorative xmlns:adec="http://schemas.microsoft.com/office/drawing/2017/decorative" val="1"/>
              </a:ext>
            </a:extLst>
          </p:cNvPr>
          <p:cNvGrpSpPr>
            <a:grpSpLocks/>
          </p:cNvGrpSpPr>
          <p:nvPr/>
        </p:nvGrpSpPr>
        <p:grpSpPr>
          <a:xfrm>
            <a:off x="9909980" y="2867372"/>
            <a:ext cx="1641148" cy="552813"/>
            <a:chOff x="6869313" y="2103437"/>
            <a:chExt cx="1641148" cy="552813"/>
          </a:xfrm>
          <a:solidFill>
            <a:schemeClr val="bg2">
              <a:lumMod val="50000"/>
            </a:schemeClr>
          </a:solidFill>
        </p:grpSpPr>
        <p:grpSp>
          <p:nvGrpSpPr>
            <p:cNvPr id="97" name="Graphic 2">
              <a:extLst>
                <a:ext uri="{FF2B5EF4-FFF2-40B4-BE49-F238E27FC236}">
                  <a16:creationId xmlns:a16="http://schemas.microsoft.com/office/drawing/2014/main" id="{F85AA69D-4B44-2B7A-35A4-0272E7741804}"/>
                </a:ext>
              </a:extLst>
            </p:cNvPr>
            <p:cNvGrpSpPr>
              <a:grpSpLocks/>
            </p:cNvGrpSpPr>
            <p:nvPr/>
          </p:nvGrpSpPr>
          <p:grpSpPr>
            <a:xfrm>
              <a:off x="6869313" y="2103437"/>
              <a:ext cx="154177" cy="154177"/>
              <a:chOff x="1104953" y="1563549"/>
              <a:chExt cx="707937" cy="707936"/>
            </a:xfrm>
            <a:grpFill/>
          </p:grpSpPr>
          <p:sp>
            <p:nvSpPr>
              <p:cNvPr id="306" name="Freeform: Shape 2">
                <a:extLst>
                  <a:ext uri="{FF2B5EF4-FFF2-40B4-BE49-F238E27FC236}">
                    <a16:creationId xmlns:a16="http://schemas.microsoft.com/office/drawing/2014/main" id="{E3B793F5-EDDB-C46E-DE5D-F30E36B1FDB0}"/>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307" name="Freeform: Shape 3">
                <a:extLst>
                  <a:ext uri="{FF2B5EF4-FFF2-40B4-BE49-F238E27FC236}">
                    <a16:creationId xmlns:a16="http://schemas.microsoft.com/office/drawing/2014/main" id="{53176F0E-7D96-47E1-B220-E20AC8DFDBDE}"/>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98" name="Graphic 2">
              <a:extLst>
                <a:ext uri="{FF2B5EF4-FFF2-40B4-BE49-F238E27FC236}">
                  <a16:creationId xmlns:a16="http://schemas.microsoft.com/office/drawing/2014/main" id="{60261BD1-A520-8900-E68D-C98D6AD56BD3}"/>
                </a:ext>
              </a:extLst>
            </p:cNvPr>
            <p:cNvGrpSpPr>
              <a:grpSpLocks/>
            </p:cNvGrpSpPr>
            <p:nvPr/>
          </p:nvGrpSpPr>
          <p:grpSpPr>
            <a:xfrm>
              <a:off x="7117142" y="2103437"/>
              <a:ext cx="154177" cy="154177"/>
              <a:chOff x="1104953" y="1563549"/>
              <a:chExt cx="707937" cy="707936"/>
            </a:xfrm>
            <a:grpFill/>
          </p:grpSpPr>
          <p:sp>
            <p:nvSpPr>
              <p:cNvPr id="304" name="Freeform: Shape 2">
                <a:extLst>
                  <a:ext uri="{FF2B5EF4-FFF2-40B4-BE49-F238E27FC236}">
                    <a16:creationId xmlns:a16="http://schemas.microsoft.com/office/drawing/2014/main" id="{B5D06EB7-BC20-E42B-2EF6-4FCFF4411535}"/>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305" name="Freeform: Shape 3">
                <a:extLst>
                  <a:ext uri="{FF2B5EF4-FFF2-40B4-BE49-F238E27FC236}">
                    <a16:creationId xmlns:a16="http://schemas.microsoft.com/office/drawing/2014/main" id="{E1C59B07-F39B-1A73-F933-92EC0661BB77}"/>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99" name="Graphic 2">
              <a:extLst>
                <a:ext uri="{FF2B5EF4-FFF2-40B4-BE49-F238E27FC236}">
                  <a16:creationId xmlns:a16="http://schemas.microsoft.com/office/drawing/2014/main" id="{9DFE4C47-7D68-B2AA-58C9-11C085D7DF97}"/>
                </a:ext>
              </a:extLst>
            </p:cNvPr>
            <p:cNvGrpSpPr>
              <a:grpSpLocks/>
            </p:cNvGrpSpPr>
            <p:nvPr/>
          </p:nvGrpSpPr>
          <p:grpSpPr>
            <a:xfrm>
              <a:off x="7364970" y="2103437"/>
              <a:ext cx="154177" cy="154177"/>
              <a:chOff x="1104953" y="1563549"/>
              <a:chExt cx="707937" cy="707936"/>
            </a:xfrm>
            <a:grpFill/>
          </p:grpSpPr>
          <p:sp>
            <p:nvSpPr>
              <p:cNvPr id="302" name="Freeform: Shape 2">
                <a:extLst>
                  <a:ext uri="{FF2B5EF4-FFF2-40B4-BE49-F238E27FC236}">
                    <a16:creationId xmlns:a16="http://schemas.microsoft.com/office/drawing/2014/main" id="{406021E7-7F39-A0E7-BA36-B41A3A2D08D9}"/>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303" name="Freeform: Shape 3">
                <a:extLst>
                  <a:ext uri="{FF2B5EF4-FFF2-40B4-BE49-F238E27FC236}">
                    <a16:creationId xmlns:a16="http://schemas.microsoft.com/office/drawing/2014/main" id="{BA014A01-E3D5-2DEB-8C36-BFECA8E4B7B9}"/>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00" name="Graphic 2">
              <a:extLst>
                <a:ext uri="{FF2B5EF4-FFF2-40B4-BE49-F238E27FC236}">
                  <a16:creationId xmlns:a16="http://schemas.microsoft.com/office/drawing/2014/main" id="{8CFB14A8-D1ED-A8EB-4039-089F3344EFCC}"/>
                </a:ext>
              </a:extLst>
            </p:cNvPr>
            <p:cNvGrpSpPr>
              <a:grpSpLocks/>
            </p:cNvGrpSpPr>
            <p:nvPr/>
          </p:nvGrpSpPr>
          <p:grpSpPr>
            <a:xfrm>
              <a:off x="7612798" y="2103437"/>
              <a:ext cx="154177" cy="154177"/>
              <a:chOff x="1104953" y="1563549"/>
              <a:chExt cx="707937" cy="707936"/>
            </a:xfrm>
            <a:grpFill/>
          </p:grpSpPr>
          <p:sp>
            <p:nvSpPr>
              <p:cNvPr id="299" name="Freeform: Shape 2">
                <a:extLst>
                  <a:ext uri="{FF2B5EF4-FFF2-40B4-BE49-F238E27FC236}">
                    <a16:creationId xmlns:a16="http://schemas.microsoft.com/office/drawing/2014/main" id="{76DD32AF-9CF6-BCD8-1241-624A9CB9E6D5}"/>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300" name="Freeform: Shape 3">
                <a:extLst>
                  <a:ext uri="{FF2B5EF4-FFF2-40B4-BE49-F238E27FC236}">
                    <a16:creationId xmlns:a16="http://schemas.microsoft.com/office/drawing/2014/main" id="{04219B9F-18E9-FDDB-D797-BC2471A9B817}"/>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01" name="Graphic 2">
              <a:extLst>
                <a:ext uri="{FF2B5EF4-FFF2-40B4-BE49-F238E27FC236}">
                  <a16:creationId xmlns:a16="http://schemas.microsoft.com/office/drawing/2014/main" id="{BE9C849C-F605-0F48-001E-C6991E1EC1B9}"/>
                </a:ext>
              </a:extLst>
            </p:cNvPr>
            <p:cNvGrpSpPr>
              <a:grpSpLocks/>
            </p:cNvGrpSpPr>
            <p:nvPr/>
          </p:nvGrpSpPr>
          <p:grpSpPr>
            <a:xfrm>
              <a:off x="7860626" y="2103437"/>
              <a:ext cx="154177" cy="154177"/>
              <a:chOff x="1104953" y="1563549"/>
              <a:chExt cx="707937" cy="707936"/>
            </a:xfrm>
            <a:grpFill/>
          </p:grpSpPr>
          <p:sp>
            <p:nvSpPr>
              <p:cNvPr id="293" name="Freeform: Shape 2">
                <a:extLst>
                  <a:ext uri="{FF2B5EF4-FFF2-40B4-BE49-F238E27FC236}">
                    <a16:creationId xmlns:a16="http://schemas.microsoft.com/office/drawing/2014/main" id="{98D9EF60-D6C1-B15F-F53E-E850720311A4}"/>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295" name="Freeform: Shape 3">
                <a:extLst>
                  <a:ext uri="{FF2B5EF4-FFF2-40B4-BE49-F238E27FC236}">
                    <a16:creationId xmlns:a16="http://schemas.microsoft.com/office/drawing/2014/main" id="{AA390DCF-CAED-278D-339C-D85FF127FFEF}"/>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02" name="Graphic 2">
              <a:extLst>
                <a:ext uri="{FF2B5EF4-FFF2-40B4-BE49-F238E27FC236}">
                  <a16:creationId xmlns:a16="http://schemas.microsoft.com/office/drawing/2014/main" id="{CB5C910D-ECF3-BB60-6D36-D191103B596D}"/>
                </a:ext>
              </a:extLst>
            </p:cNvPr>
            <p:cNvGrpSpPr>
              <a:grpSpLocks/>
            </p:cNvGrpSpPr>
            <p:nvPr/>
          </p:nvGrpSpPr>
          <p:grpSpPr>
            <a:xfrm>
              <a:off x="8108455" y="2103437"/>
              <a:ext cx="154177" cy="154177"/>
              <a:chOff x="1104953" y="1563549"/>
              <a:chExt cx="707937" cy="707936"/>
            </a:xfrm>
            <a:grpFill/>
          </p:grpSpPr>
          <p:sp>
            <p:nvSpPr>
              <p:cNvPr id="290" name="Freeform: Shape 2">
                <a:extLst>
                  <a:ext uri="{FF2B5EF4-FFF2-40B4-BE49-F238E27FC236}">
                    <a16:creationId xmlns:a16="http://schemas.microsoft.com/office/drawing/2014/main" id="{EEFF9FB5-87C8-847D-DC21-110907A06190}"/>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292" name="Freeform: Shape 3">
                <a:extLst>
                  <a:ext uri="{FF2B5EF4-FFF2-40B4-BE49-F238E27FC236}">
                    <a16:creationId xmlns:a16="http://schemas.microsoft.com/office/drawing/2014/main" id="{493FAC0F-AE75-F329-E513-361CAAB7BFFD}"/>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03" name="Graphic 2">
              <a:extLst>
                <a:ext uri="{FF2B5EF4-FFF2-40B4-BE49-F238E27FC236}">
                  <a16:creationId xmlns:a16="http://schemas.microsoft.com/office/drawing/2014/main" id="{6690E05C-CD82-64DC-C76B-3A5564AAFFCE}"/>
                </a:ext>
              </a:extLst>
            </p:cNvPr>
            <p:cNvGrpSpPr/>
            <p:nvPr/>
          </p:nvGrpSpPr>
          <p:grpSpPr>
            <a:xfrm>
              <a:off x="8356284" y="2103437"/>
              <a:ext cx="154177" cy="154177"/>
              <a:chOff x="1104953" y="1563549"/>
              <a:chExt cx="707937" cy="707936"/>
            </a:xfrm>
            <a:grpFill/>
          </p:grpSpPr>
          <p:sp>
            <p:nvSpPr>
              <p:cNvPr id="287" name="Freeform: Shape 2">
                <a:extLst>
                  <a:ext uri="{FF2B5EF4-FFF2-40B4-BE49-F238E27FC236}">
                    <a16:creationId xmlns:a16="http://schemas.microsoft.com/office/drawing/2014/main" id="{24A05432-6A03-2942-D089-2E2309B1742A}"/>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288" name="Freeform: Shape 3">
                <a:extLst>
                  <a:ext uri="{FF2B5EF4-FFF2-40B4-BE49-F238E27FC236}">
                    <a16:creationId xmlns:a16="http://schemas.microsoft.com/office/drawing/2014/main" id="{80DFF370-EB63-C8A5-F1CB-1A9DF07A0439}"/>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04" name="Graphic 2">
              <a:extLst>
                <a:ext uri="{FF2B5EF4-FFF2-40B4-BE49-F238E27FC236}">
                  <a16:creationId xmlns:a16="http://schemas.microsoft.com/office/drawing/2014/main" id="{7F9FA900-2ECA-F2A0-A2D1-3EC806E37147}"/>
                </a:ext>
              </a:extLst>
            </p:cNvPr>
            <p:cNvGrpSpPr>
              <a:grpSpLocks/>
            </p:cNvGrpSpPr>
            <p:nvPr/>
          </p:nvGrpSpPr>
          <p:grpSpPr>
            <a:xfrm>
              <a:off x="6869313" y="2305386"/>
              <a:ext cx="154177" cy="154177"/>
              <a:chOff x="1104953" y="1563549"/>
              <a:chExt cx="707937" cy="707936"/>
            </a:xfrm>
            <a:grpFill/>
          </p:grpSpPr>
          <p:sp>
            <p:nvSpPr>
              <p:cNvPr id="282" name="Freeform: Shape 2">
                <a:extLst>
                  <a:ext uri="{FF2B5EF4-FFF2-40B4-BE49-F238E27FC236}">
                    <a16:creationId xmlns:a16="http://schemas.microsoft.com/office/drawing/2014/main" id="{02AA9E91-E0A2-29BA-5531-BCB07CF69E52}"/>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283" name="Freeform: Shape 3">
                <a:extLst>
                  <a:ext uri="{FF2B5EF4-FFF2-40B4-BE49-F238E27FC236}">
                    <a16:creationId xmlns:a16="http://schemas.microsoft.com/office/drawing/2014/main" id="{36C77273-9F39-EB64-7801-44A89F1CDC9E}"/>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05" name="Graphic 2">
              <a:extLst>
                <a:ext uri="{FF2B5EF4-FFF2-40B4-BE49-F238E27FC236}">
                  <a16:creationId xmlns:a16="http://schemas.microsoft.com/office/drawing/2014/main" id="{386C7ACE-397E-8932-51F4-C6C2E081F39D}"/>
                </a:ext>
              </a:extLst>
            </p:cNvPr>
            <p:cNvGrpSpPr>
              <a:grpSpLocks/>
            </p:cNvGrpSpPr>
            <p:nvPr/>
          </p:nvGrpSpPr>
          <p:grpSpPr>
            <a:xfrm>
              <a:off x="7117142" y="2305386"/>
              <a:ext cx="154177" cy="154177"/>
              <a:chOff x="1104953" y="1563549"/>
              <a:chExt cx="707937" cy="707936"/>
            </a:xfrm>
            <a:grpFill/>
          </p:grpSpPr>
          <p:sp>
            <p:nvSpPr>
              <p:cNvPr id="215" name="Freeform: Shape 2">
                <a:extLst>
                  <a:ext uri="{FF2B5EF4-FFF2-40B4-BE49-F238E27FC236}">
                    <a16:creationId xmlns:a16="http://schemas.microsoft.com/office/drawing/2014/main" id="{448B247B-B8A9-6646-06F2-1984EB7366FB}"/>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281" name="Freeform: Shape 3">
                <a:extLst>
                  <a:ext uri="{FF2B5EF4-FFF2-40B4-BE49-F238E27FC236}">
                    <a16:creationId xmlns:a16="http://schemas.microsoft.com/office/drawing/2014/main" id="{9A5BF726-BE6B-4576-F93D-FCC636AFC80C}"/>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06" name="Graphic 2">
              <a:extLst>
                <a:ext uri="{FF2B5EF4-FFF2-40B4-BE49-F238E27FC236}">
                  <a16:creationId xmlns:a16="http://schemas.microsoft.com/office/drawing/2014/main" id="{B8B9C6C4-A48A-C7FB-F82F-9EFF1D54A392}"/>
                </a:ext>
              </a:extLst>
            </p:cNvPr>
            <p:cNvGrpSpPr>
              <a:grpSpLocks/>
            </p:cNvGrpSpPr>
            <p:nvPr/>
          </p:nvGrpSpPr>
          <p:grpSpPr>
            <a:xfrm>
              <a:off x="7364970" y="2305386"/>
              <a:ext cx="154177" cy="154177"/>
              <a:chOff x="1104953" y="1563549"/>
              <a:chExt cx="707937" cy="707936"/>
            </a:xfrm>
            <a:grpFill/>
          </p:grpSpPr>
          <p:sp>
            <p:nvSpPr>
              <p:cNvPr id="212" name="Freeform: Shape 2">
                <a:extLst>
                  <a:ext uri="{FF2B5EF4-FFF2-40B4-BE49-F238E27FC236}">
                    <a16:creationId xmlns:a16="http://schemas.microsoft.com/office/drawing/2014/main" id="{7355C307-3305-5C0B-4E0E-4261C170C140}"/>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214" name="Freeform: Shape 3">
                <a:extLst>
                  <a:ext uri="{FF2B5EF4-FFF2-40B4-BE49-F238E27FC236}">
                    <a16:creationId xmlns:a16="http://schemas.microsoft.com/office/drawing/2014/main" id="{6A05CE31-00D3-C038-DADF-E82159097793}"/>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07" name="Graphic 2">
              <a:extLst>
                <a:ext uri="{FF2B5EF4-FFF2-40B4-BE49-F238E27FC236}">
                  <a16:creationId xmlns:a16="http://schemas.microsoft.com/office/drawing/2014/main" id="{6036A491-2244-A2C1-6399-0C3E395CDDBF}"/>
                </a:ext>
              </a:extLst>
            </p:cNvPr>
            <p:cNvGrpSpPr>
              <a:grpSpLocks/>
            </p:cNvGrpSpPr>
            <p:nvPr/>
          </p:nvGrpSpPr>
          <p:grpSpPr>
            <a:xfrm>
              <a:off x="7612798" y="2305386"/>
              <a:ext cx="154177" cy="154177"/>
              <a:chOff x="1104953" y="1563549"/>
              <a:chExt cx="707937" cy="707936"/>
            </a:xfrm>
            <a:grpFill/>
          </p:grpSpPr>
          <p:sp>
            <p:nvSpPr>
              <p:cNvPr id="210" name="Freeform: Shape 2">
                <a:extLst>
                  <a:ext uri="{FF2B5EF4-FFF2-40B4-BE49-F238E27FC236}">
                    <a16:creationId xmlns:a16="http://schemas.microsoft.com/office/drawing/2014/main" id="{EE9DEB88-0D44-7E13-71A6-C99DD606A80B}"/>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211" name="Freeform: Shape 3">
                <a:extLst>
                  <a:ext uri="{FF2B5EF4-FFF2-40B4-BE49-F238E27FC236}">
                    <a16:creationId xmlns:a16="http://schemas.microsoft.com/office/drawing/2014/main" id="{CA477229-7C46-1CC8-4823-A2835A70A985}"/>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08" name="Graphic 2">
              <a:extLst>
                <a:ext uri="{FF2B5EF4-FFF2-40B4-BE49-F238E27FC236}">
                  <a16:creationId xmlns:a16="http://schemas.microsoft.com/office/drawing/2014/main" id="{B838B8A3-9D83-971C-10AB-A326F994479A}"/>
                </a:ext>
              </a:extLst>
            </p:cNvPr>
            <p:cNvGrpSpPr>
              <a:grpSpLocks/>
            </p:cNvGrpSpPr>
            <p:nvPr/>
          </p:nvGrpSpPr>
          <p:grpSpPr>
            <a:xfrm>
              <a:off x="7860626" y="2305386"/>
              <a:ext cx="154177" cy="154177"/>
              <a:chOff x="1104953" y="1563549"/>
              <a:chExt cx="707937" cy="707936"/>
            </a:xfrm>
            <a:grpFill/>
          </p:grpSpPr>
          <p:sp>
            <p:nvSpPr>
              <p:cNvPr id="159" name="Freeform: Shape 2">
                <a:extLst>
                  <a:ext uri="{FF2B5EF4-FFF2-40B4-BE49-F238E27FC236}">
                    <a16:creationId xmlns:a16="http://schemas.microsoft.com/office/drawing/2014/main" id="{D4D99BF9-CBD4-EB5C-0826-E6518F7BFF61}"/>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209" name="Freeform: Shape 3">
                <a:extLst>
                  <a:ext uri="{FF2B5EF4-FFF2-40B4-BE49-F238E27FC236}">
                    <a16:creationId xmlns:a16="http://schemas.microsoft.com/office/drawing/2014/main" id="{7ECC01C0-2419-5356-B41F-34F19CCE4305}"/>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09" name="Graphic 2">
              <a:extLst>
                <a:ext uri="{FF2B5EF4-FFF2-40B4-BE49-F238E27FC236}">
                  <a16:creationId xmlns:a16="http://schemas.microsoft.com/office/drawing/2014/main" id="{A400CDEA-1241-C4F9-BC10-3226A91FD4E4}"/>
                </a:ext>
              </a:extLst>
            </p:cNvPr>
            <p:cNvGrpSpPr>
              <a:grpSpLocks/>
            </p:cNvGrpSpPr>
            <p:nvPr/>
          </p:nvGrpSpPr>
          <p:grpSpPr>
            <a:xfrm>
              <a:off x="8108455" y="2305386"/>
              <a:ext cx="154177" cy="154177"/>
              <a:chOff x="1104953" y="1563549"/>
              <a:chExt cx="707937" cy="707936"/>
            </a:xfrm>
            <a:grpFill/>
          </p:grpSpPr>
          <p:sp>
            <p:nvSpPr>
              <p:cNvPr id="157" name="Freeform: Shape 2">
                <a:extLst>
                  <a:ext uri="{FF2B5EF4-FFF2-40B4-BE49-F238E27FC236}">
                    <a16:creationId xmlns:a16="http://schemas.microsoft.com/office/drawing/2014/main" id="{307FAE94-B956-880E-A4E3-4DD1734942DB}"/>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58" name="Freeform: Shape 3">
                <a:extLst>
                  <a:ext uri="{FF2B5EF4-FFF2-40B4-BE49-F238E27FC236}">
                    <a16:creationId xmlns:a16="http://schemas.microsoft.com/office/drawing/2014/main" id="{54E37DCA-9EFD-BE4E-08DE-F72B18D2778F}"/>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10" name="Graphic 2">
              <a:extLst>
                <a:ext uri="{FF2B5EF4-FFF2-40B4-BE49-F238E27FC236}">
                  <a16:creationId xmlns:a16="http://schemas.microsoft.com/office/drawing/2014/main" id="{F01AFA3B-7E8D-AAB5-8897-EB4958ACC5FB}"/>
                </a:ext>
              </a:extLst>
            </p:cNvPr>
            <p:cNvGrpSpPr/>
            <p:nvPr/>
          </p:nvGrpSpPr>
          <p:grpSpPr>
            <a:xfrm>
              <a:off x="8356284" y="2305386"/>
              <a:ext cx="154177" cy="154177"/>
              <a:chOff x="1104953" y="1563549"/>
              <a:chExt cx="707937" cy="707936"/>
            </a:xfrm>
            <a:grpFill/>
          </p:grpSpPr>
          <p:sp>
            <p:nvSpPr>
              <p:cNvPr id="143" name="Freeform: Shape 2">
                <a:extLst>
                  <a:ext uri="{FF2B5EF4-FFF2-40B4-BE49-F238E27FC236}">
                    <a16:creationId xmlns:a16="http://schemas.microsoft.com/office/drawing/2014/main" id="{F22F87DC-5A90-E541-CAFF-73E73BF1258D}"/>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56" name="Freeform: Shape 3">
                <a:extLst>
                  <a:ext uri="{FF2B5EF4-FFF2-40B4-BE49-F238E27FC236}">
                    <a16:creationId xmlns:a16="http://schemas.microsoft.com/office/drawing/2014/main" id="{C1AE52D4-589E-A74B-2B8A-B9380B86DBDE}"/>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11" name="Graphic 2">
              <a:extLst>
                <a:ext uri="{FF2B5EF4-FFF2-40B4-BE49-F238E27FC236}">
                  <a16:creationId xmlns:a16="http://schemas.microsoft.com/office/drawing/2014/main" id="{C99E4A50-C9D7-1CB7-F7D5-CC78D546F5BE}"/>
                </a:ext>
              </a:extLst>
            </p:cNvPr>
            <p:cNvGrpSpPr>
              <a:grpSpLocks/>
            </p:cNvGrpSpPr>
            <p:nvPr/>
          </p:nvGrpSpPr>
          <p:grpSpPr>
            <a:xfrm>
              <a:off x="6869313" y="2502073"/>
              <a:ext cx="154177" cy="154177"/>
              <a:chOff x="1104953" y="1563549"/>
              <a:chExt cx="707937" cy="707936"/>
            </a:xfrm>
            <a:grpFill/>
          </p:grpSpPr>
          <p:sp>
            <p:nvSpPr>
              <p:cNvPr id="141" name="Freeform: Shape 2">
                <a:extLst>
                  <a:ext uri="{FF2B5EF4-FFF2-40B4-BE49-F238E27FC236}">
                    <a16:creationId xmlns:a16="http://schemas.microsoft.com/office/drawing/2014/main" id="{68E8963A-9FC0-AC23-8EAE-4F6769E21557}"/>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42" name="Freeform: Shape 3">
                <a:extLst>
                  <a:ext uri="{FF2B5EF4-FFF2-40B4-BE49-F238E27FC236}">
                    <a16:creationId xmlns:a16="http://schemas.microsoft.com/office/drawing/2014/main" id="{3459EAA7-10AA-5059-8D0D-0BDAEB0E5242}"/>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12" name="Graphic 2">
              <a:extLst>
                <a:ext uri="{FF2B5EF4-FFF2-40B4-BE49-F238E27FC236}">
                  <a16:creationId xmlns:a16="http://schemas.microsoft.com/office/drawing/2014/main" id="{46024538-C583-2D80-85EF-0CC2FAD5560A}"/>
                </a:ext>
              </a:extLst>
            </p:cNvPr>
            <p:cNvGrpSpPr>
              <a:grpSpLocks/>
            </p:cNvGrpSpPr>
            <p:nvPr/>
          </p:nvGrpSpPr>
          <p:grpSpPr>
            <a:xfrm>
              <a:off x="7117142" y="2502073"/>
              <a:ext cx="154177" cy="154177"/>
              <a:chOff x="1104953" y="1563549"/>
              <a:chExt cx="707937" cy="707936"/>
            </a:xfrm>
            <a:grpFill/>
          </p:grpSpPr>
          <p:sp>
            <p:nvSpPr>
              <p:cNvPr id="136" name="Freeform: Shape 2">
                <a:extLst>
                  <a:ext uri="{FF2B5EF4-FFF2-40B4-BE49-F238E27FC236}">
                    <a16:creationId xmlns:a16="http://schemas.microsoft.com/office/drawing/2014/main" id="{B4424BA6-1CEC-1B1A-4A97-DC94249318E6}"/>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37" name="Freeform: Shape 3">
                <a:extLst>
                  <a:ext uri="{FF2B5EF4-FFF2-40B4-BE49-F238E27FC236}">
                    <a16:creationId xmlns:a16="http://schemas.microsoft.com/office/drawing/2014/main" id="{4D42C90D-A3FA-D7E4-7D32-2D081AA76789}"/>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13" name="Graphic 2">
              <a:extLst>
                <a:ext uri="{FF2B5EF4-FFF2-40B4-BE49-F238E27FC236}">
                  <a16:creationId xmlns:a16="http://schemas.microsoft.com/office/drawing/2014/main" id="{BB270407-0113-02FF-9175-85836F75652C}"/>
                </a:ext>
              </a:extLst>
            </p:cNvPr>
            <p:cNvGrpSpPr>
              <a:grpSpLocks/>
            </p:cNvGrpSpPr>
            <p:nvPr/>
          </p:nvGrpSpPr>
          <p:grpSpPr>
            <a:xfrm>
              <a:off x="7364970" y="2502073"/>
              <a:ext cx="154177" cy="154177"/>
              <a:chOff x="1104953" y="1563549"/>
              <a:chExt cx="707937" cy="707936"/>
            </a:xfrm>
            <a:grpFill/>
          </p:grpSpPr>
          <p:sp>
            <p:nvSpPr>
              <p:cNvPr id="133" name="Freeform: Shape 2">
                <a:extLst>
                  <a:ext uri="{FF2B5EF4-FFF2-40B4-BE49-F238E27FC236}">
                    <a16:creationId xmlns:a16="http://schemas.microsoft.com/office/drawing/2014/main" id="{01BC374F-5F36-7A46-DD38-DEABF9F6F803}"/>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35" name="Freeform: Shape 3">
                <a:extLst>
                  <a:ext uri="{FF2B5EF4-FFF2-40B4-BE49-F238E27FC236}">
                    <a16:creationId xmlns:a16="http://schemas.microsoft.com/office/drawing/2014/main" id="{3014246D-9C92-D9A2-631E-141F781C3020}"/>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14" name="Graphic 2">
              <a:extLst>
                <a:ext uri="{FF2B5EF4-FFF2-40B4-BE49-F238E27FC236}">
                  <a16:creationId xmlns:a16="http://schemas.microsoft.com/office/drawing/2014/main" id="{18EB55E2-2FEE-E35B-2037-EC6E4B134A47}"/>
                </a:ext>
              </a:extLst>
            </p:cNvPr>
            <p:cNvGrpSpPr>
              <a:grpSpLocks/>
            </p:cNvGrpSpPr>
            <p:nvPr/>
          </p:nvGrpSpPr>
          <p:grpSpPr>
            <a:xfrm>
              <a:off x="7612798" y="2502073"/>
              <a:ext cx="154177" cy="154177"/>
              <a:chOff x="1104953" y="1563549"/>
              <a:chExt cx="707937" cy="707936"/>
            </a:xfrm>
            <a:grpFill/>
          </p:grpSpPr>
          <p:sp>
            <p:nvSpPr>
              <p:cNvPr id="127" name="Freeform: Shape 2">
                <a:extLst>
                  <a:ext uri="{FF2B5EF4-FFF2-40B4-BE49-F238E27FC236}">
                    <a16:creationId xmlns:a16="http://schemas.microsoft.com/office/drawing/2014/main" id="{604113A3-F22B-19E0-7F2F-6A424CDF9EBF}"/>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32" name="Freeform: Shape 3">
                <a:extLst>
                  <a:ext uri="{FF2B5EF4-FFF2-40B4-BE49-F238E27FC236}">
                    <a16:creationId xmlns:a16="http://schemas.microsoft.com/office/drawing/2014/main" id="{C6DCA563-DFCA-F5A3-9266-194839DA1779}"/>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15" name="Graphic 2">
              <a:extLst>
                <a:ext uri="{FF2B5EF4-FFF2-40B4-BE49-F238E27FC236}">
                  <a16:creationId xmlns:a16="http://schemas.microsoft.com/office/drawing/2014/main" id="{F25DCEE3-E322-0649-52BD-52B2053F1027}"/>
                </a:ext>
              </a:extLst>
            </p:cNvPr>
            <p:cNvGrpSpPr>
              <a:grpSpLocks/>
            </p:cNvGrpSpPr>
            <p:nvPr/>
          </p:nvGrpSpPr>
          <p:grpSpPr>
            <a:xfrm>
              <a:off x="7860626" y="2502073"/>
              <a:ext cx="154177" cy="154177"/>
              <a:chOff x="1104953" y="1563549"/>
              <a:chExt cx="707937" cy="707936"/>
            </a:xfrm>
            <a:grpFill/>
          </p:grpSpPr>
          <p:sp>
            <p:nvSpPr>
              <p:cNvPr id="125" name="Freeform: Shape 2">
                <a:extLst>
                  <a:ext uri="{FF2B5EF4-FFF2-40B4-BE49-F238E27FC236}">
                    <a16:creationId xmlns:a16="http://schemas.microsoft.com/office/drawing/2014/main" id="{460C214A-1A83-3F42-EB78-36C131B923CD}"/>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26" name="Freeform: Shape 3">
                <a:extLst>
                  <a:ext uri="{FF2B5EF4-FFF2-40B4-BE49-F238E27FC236}">
                    <a16:creationId xmlns:a16="http://schemas.microsoft.com/office/drawing/2014/main" id="{DDF1A92E-340D-52D7-909A-B3BD3C512FC6}"/>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16" name="Graphic 2">
              <a:extLst>
                <a:ext uri="{FF2B5EF4-FFF2-40B4-BE49-F238E27FC236}">
                  <a16:creationId xmlns:a16="http://schemas.microsoft.com/office/drawing/2014/main" id="{40E130E5-BDB4-7BA4-1B07-9ACD62CC97E5}"/>
                </a:ext>
              </a:extLst>
            </p:cNvPr>
            <p:cNvGrpSpPr>
              <a:grpSpLocks/>
            </p:cNvGrpSpPr>
            <p:nvPr/>
          </p:nvGrpSpPr>
          <p:grpSpPr>
            <a:xfrm>
              <a:off x="8108455" y="2502073"/>
              <a:ext cx="154177" cy="154177"/>
              <a:chOff x="1104953" y="1563549"/>
              <a:chExt cx="707937" cy="707936"/>
            </a:xfrm>
            <a:grpFill/>
          </p:grpSpPr>
          <p:sp>
            <p:nvSpPr>
              <p:cNvPr id="120" name="Freeform: Shape 2">
                <a:extLst>
                  <a:ext uri="{FF2B5EF4-FFF2-40B4-BE49-F238E27FC236}">
                    <a16:creationId xmlns:a16="http://schemas.microsoft.com/office/drawing/2014/main" id="{98BF32DE-F724-1A0E-90C6-F4357D425EA2}"/>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21" name="Freeform: Shape 3">
                <a:extLst>
                  <a:ext uri="{FF2B5EF4-FFF2-40B4-BE49-F238E27FC236}">
                    <a16:creationId xmlns:a16="http://schemas.microsoft.com/office/drawing/2014/main" id="{6BDE5613-EE0F-5CB0-347F-BA8D80570D3F}"/>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nvGrpSpPr>
            <p:cNvPr id="117" name="Graphic 2">
              <a:extLst>
                <a:ext uri="{FF2B5EF4-FFF2-40B4-BE49-F238E27FC236}">
                  <a16:creationId xmlns:a16="http://schemas.microsoft.com/office/drawing/2014/main" id="{51A01325-791E-4CB6-525A-D4BC225DABBF}"/>
                </a:ext>
              </a:extLst>
            </p:cNvPr>
            <p:cNvGrpSpPr/>
            <p:nvPr/>
          </p:nvGrpSpPr>
          <p:grpSpPr>
            <a:xfrm>
              <a:off x="8356284" y="2502073"/>
              <a:ext cx="154177" cy="154177"/>
              <a:chOff x="1104953" y="1563549"/>
              <a:chExt cx="707937" cy="707936"/>
            </a:xfrm>
            <a:grpFill/>
          </p:grpSpPr>
          <p:sp>
            <p:nvSpPr>
              <p:cNvPr id="118" name="Freeform: Shape 2">
                <a:extLst>
                  <a:ext uri="{FF2B5EF4-FFF2-40B4-BE49-F238E27FC236}">
                    <a16:creationId xmlns:a16="http://schemas.microsoft.com/office/drawing/2014/main" id="{29B35FB0-4036-4F19-B932-D430BBEE15D3}"/>
                  </a:ext>
                </a:extLst>
              </p:cNvPr>
              <p:cNvSpPr/>
              <p:nvPr/>
            </p:nvSpPr>
            <p:spPr>
              <a:xfrm>
                <a:off x="1104953" y="1563549"/>
                <a:ext cx="707937" cy="707936"/>
              </a:xfrm>
              <a:custGeom>
                <a:avLst/>
                <a:gdLst>
                  <a:gd name="connsiteX0" fmla="*/ 707741 w 707937"/>
                  <a:gd name="connsiteY0" fmla="*/ 206138 h 707936"/>
                  <a:gd name="connsiteX1" fmla="*/ 707741 w 707937"/>
                  <a:gd name="connsiteY1" fmla="*/ 0 h 707936"/>
                  <a:gd name="connsiteX2" fmla="*/ 501603 w 707937"/>
                  <a:gd name="connsiteY2" fmla="*/ 0 h 707936"/>
                  <a:gd name="connsiteX3" fmla="*/ 501603 w 707937"/>
                  <a:gd name="connsiteY3" fmla="*/ 85596 h 707936"/>
                  <a:gd name="connsiteX4" fmla="*/ 211046 w 707937"/>
                  <a:gd name="connsiteY4" fmla="*/ 85596 h 707936"/>
                  <a:gd name="connsiteX5" fmla="*/ 211046 w 707937"/>
                  <a:gd name="connsiteY5" fmla="*/ 0 h 707936"/>
                  <a:gd name="connsiteX6" fmla="*/ 0 w 707937"/>
                  <a:gd name="connsiteY6" fmla="*/ 0 h 707936"/>
                  <a:gd name="connsiteX7" fmla="*/ 0 w 707937"/>
                  <a:gd name="connsiteY7" fmla="*/ 206138 h 707936"/>
                  <a:gd name="connsiteX8" fmla="*/ 211046 w 707937"/>
                  <a:gd name="connsiteY8" fmla="*/ 206138 h 707936"/>
                  <a:gd name="connsiteX9" fmla="*/ 211046 w 707937"/>
                  <a:gd name="connsiteY9" fmla="*/ 125450 h 707936"/>
                  <a:gd name="connsiteX10" fmla="*/ 336103 w 707937"/>
                  <a:gd name="connsiteY10" fmla="*/ 125450 h 707936"/>
                  <a:gd name="connsiteX11" fmla="*/ 336103 w 707937"/>
                  <a:gd name="connsiteY11" fmla="*/ 250899 h 707936"/>
                  <a:gd name="connsiteX12" fmla="*/ 250900 w 707937"/>
                  <a:gd name="connsiteY12" fmla="*/ 250899 h 707936"/>
                  <a:gd name="connsiteX13" fmla="*/ 250900 w 707937"/>
                  <a:gd name="connsiteY13" fmla="*/ 336103 h 707936"/>
                  <a:gd name="connsiteX14" fmla="*/ 85400 w 707937"/>
                  <a:gd name="connsiteY14" fmla="*/ 336103 h 707936"/>
                  <a:gd name="connsiteX15" fmla="*/ 85400 w 707937"/>
                  <a:gd name="connsiteY15" fmla="*/ 351024 h 707936"/>
                  <a:gd name="connsiteX16" fmla="*/ 85204 w 707937"/>
                  <a:gd name="connsiteY16" fmla="*/ 351024 h 707936"/>
                  <a:gd name="connsiteX17" fmla="*/ 85204 w 707937"/>
                  <a:gd name="connsiteY17" fmla="*/ 501799 h 707936"/>
                  <a:gd name="connsiteX18" fmla="*/ 0 w 707937"/>
                  <a:gd name="connsiteY18" fmla="*/ 501799 h 707936"/>
                  <a:gd name="connsiteX19" fmla="*/ 0 w 707937"/>
                  <a:gd name="connsiteY19" fmla="*/ 707937 h 707936"/>
                  <a:gd name="connsiteX20" fmla="*/ 206138 w 707937"/>
                  <a:gd name="connsiteY20" fmla="*/ 707937 h 707936"/>
                  <a:gd name="connsiteX21" fmla="*/ 206138 w 707937"/>
                  <a:gd name="connsiteY21" fmla="*/ 622733 h 707936"/>
                  <a:gd name="connsiteX22" fmla="*/ 627641 w 707937"/>
                  <a:gd name="connsiteY22" fmla="*/ 622733 h 707936"/>
                  <a:gd name="connsiteX23" fmla="*/ 627641 w 707937"/>
                  <a:gd name="connsiteY23" fmla="*/ 457234 h 707936"/>
                  <a:gd name="connsiteX24" fmla="*/ 707937 w 707937"/>
                  <a:gd name="connsiteY24" fmla="*/ 457234 h 707936"/>
                  <a:gd name="connsiteX25" fmla="*/ 707937 w 707937"/>
                  <a:gd name="connsiteY25" fmla="*/ 251096 h 707936"/>
                  <a:gd name="connsiteX26" fmla="*/ 627641 w 707937"/>
                  <a:gd name="connsiteY26" fmla="*/ 251096 h 707936"/>
                  <a:gd name="connsiteX27" fmla="*/ 627641 w 707937"/>
                  <a:gd name="connsiteY27" fmla="*/ 206334 h 707936"/>
                  <a:gd name="connsiteX28" fmla="*/ 707937 w 707937"/>
                  <a:gd name="connsiteY28" fmla="*/ 206334 h 707936"/>
                  <a:gd name="connsiteX29" fmla="*/ 170407 w 707937"/>
                  <a:gd name="connsiteY29" fmla="*/ 165499 h 707936"/>
                  <a:gd name="connsiteX30" fmla="*/ 40639 w 707937"/>
                  <a:gd name="connsiteY30" fmla="*/ 165499 h 707936"/>
                  <a:gd name="connsiteX31" fmla="*/ 40639 w 707937"/>
                  <a:gd name="connsiteY31" fmla="*/ 40442 h 707936"/>
                  <a:gd name="connsiteX32" fmla="*/ 170604 w 707937"/>
                  <a:gd name="connsiteY32" fmla="*/ 40442 h 707936"/>
                  <a:gd name="connsiteX33" fmla="*/ 170604 w 707937"/>
                  <a:gd name="connsiteY33" fmla="*/ 165499 h 707936"/>
                  <a:gd name="connsiteX34" fmla="*/ 542045 w 707937"/>
                  <a:gd name="connsiteY34" fmla="*/ 40442 h 707936"/>
                  <a:gd name="connsiteX35" fmla="*/ 667102 w 707937"/>
                  <a:gd name="connsiteY35" fmla="*/ 40442 h 707936"/>
                  <a:gd name="connsiteX36" fmla="*/ 667102 w 707937"/>
                  <a:gd name="connsiteY36" fmla="*/ 165499 h 707936"/>
                  <a:gd name="connsiteX37" fmla="*/ 542045 w 707937"/>
                  <a:gd name="connsiteY37" fmla="*/ 165499 h 707936"/>
                  <a:gd name="connsiteX38" fmla="*/ 542045 w 707937"/>
                  <a:gd name="connsiteY38" fmla="*/ 40442 h 707936"/>
                  <a:gd name="connsiteX39" fmla="*/ 291146 w 707937"/>
                  <a:gd name="connsiteY39" fmla="*/ 291342 h 707936"/>
                  <a:gd name="connsiteX40" fmla="*/ 421111 w 707937"/>
                  <a:gd name="connsiteY40" fmla="*/ 291342 h 707936"/>
                  <a:gd name="connsiteX41" fmla="*/ 420325 w 707937"/>
                  <a:gd name="connsiteY41" fmla="*/ 416399 h 707936"/>
                  <a:gd name="connsiteX42" fmla="*/ 291146 w 707937"/>
                  <a:gd name="connsiteY42" fmla="*/ 416399 h 707936"/>
                  <a:gd name="connsiteX43" fmla="*/ 291146 w 707937"/>
                  <a:gd name="connsiteY43" fmla="*/ 291342 h 707936"/>
                  <a:gd name="connsiteX44" fmla="*/ 165303 w 707937"/>
                  <a:gd name="connsiteY44" fmla="*/ 667102 h 707936"/>
                  <a:gd name="connsiteX45" fmla="*/ 40639 w 707937"/>
                  <a:gd name="connsiteY45" fmla="*/ 667102 h 707936"/>
                  <a:gd name="connsiteX46" fmla="*/ 40639 w 707937"/>
                  <a:gd name="connsiteY46" fmla="*/ 542045 h 707936"/>
                  <a:gd name="connsiteX47" fmla="*/ 165696 w 707937"/>
                  <a:gd name="connsiteY47" fmla="*/ 542045 h 707936"/>
                  <a:gd name="connsiteX48" fmla="*/ 165696 w 707937"/>
                  <a:gd name="connsiteY48" fmla="*/ 667102 h 707936"/>
                  <a:gd name="connsiteX49" fmla="*/ 666906 w 707937"/>
                  <a:gd name="connsiteY49" fmla="*/ 416203 h 707936"/>
                  <a:gd name="connsiteX50" fmla="*/ 541849 w 707937"/>
                  <a:gd name="connsiteY50" fmla="*/ 416203 h 707936"/>
                  <a:gd name="connsiteX51" fmla="*/ 541849 w 707937"/>
                  <a:gd name="connsiteY51" fmla="*/ 291145 h 707936"/>
                  <a:gd name="connsiteX52" fmla="*/ 666906 w 707937"/>
                  <a:gd name="connsiteY52" fmla="*/ 291145 h 707936"/>
                  <a:gd name="connsiteX53" fmla="*/ 666906 w 707937"/>
                  <a:gd name="connsiteY53" fmla="*/ 416203 h 707936"/>
                  <a:gd name="connsiteX54" fmla="*/ 586610 w 707937"/>
                  <a:gd name="connsiteY54" fmla="*/ 250703 h 707936"/>
                  <a:gd name="connsiteX55" fmla="*/ 501406 w 707937"/>
                  <a:gd name="connsiteY55" fmla="*/ 250703 h 707936"/>
                  <a:gd name="connsiteX56" fmla="*/ 501406 w 707937"/>
                  <a:gd name="connsiteY56" fmla="*/ 456841 h 707936"/>
                  <a:gd name="connsiteX57" fmla="*/ 586610 w 707937"/>
                  <a:gd name="connsiteY57" fmla="*/ 456841 h 707936"/>
                  <a:gd name="connsiteX58" fmla="*/ 586610 w 707937"/>
                  <a:gd name="connsiteY58" fmla="*/ 581898 h 707936"/>
                  <a:gd name="connsiteX59" fmla="*/ 206138 w 707937"/>
                  <a:gd name="connsiteY59" fmla="*/ 581898 h 707936"/>
                  <a:gd name="connsiteX60" fmla="*/ 206138 w 707937"/>
                  <a:gd name="connsiteY60" fmla="*/ 501603 h 707936"/>
                  <a:gd name="connsiteX61" fmla="*/ 125842 w 707937"/>
                  <a:gd name="connsiteY61" fmla="*/ 501603 h 707936"/>
                  <a:gd name="connsiteX62" fmla="*/ 125842 w 707937"/>
                  <a:gd name="connsiteY62" fmla="*/ 376546 h 707936"/>
                  <a:gd name="connsiteX63" fmla="*/ 250900 w 707937"/>
                  <a:gd name="connsiteY63" fmla="*/ 376546 h 707936"/>
                  <a:gd name="connsiteX64" fmla="*/ 250900 w 707937"/>
                  <a:gd name="connsiteY64" fmla="*/ 456841 h 707936"/>
                  <a:gd name="connsiteX65" fmla="*/ 460964 w 707937"/>
                  <a:gd name="connsiteY65" fmla="*/ 456841 h 707936"/>
                  <a:gd name="connsiteX66" fmla="*/ 462338 w 707937"/>
                  <a:gd name="connsiteY66" fmla="*/ 250703 h 707936"/>
                  <a:gd name="connsiteX67" fmla="*/ 376938 w 707937"/>
                  <a:gd name="connsiteY67" fmla="*/ 250703 h 707936"/>
                  <a:gd name="connsiteX68" fmla="*/ 376938 w 707937"/>
                  <a:gd name="connsiteY68" fmla="*/ 125253 h 707936"/>
                  <a:gd name="connsiteX69" fmla="*/ 501995 w 707937"/>
                  <a:gd name="connsiteY69" fmla="*/ 125253 h 707936"/>
                  <a:gd name="connsiteX70" fmla="*/ 501995 w 707937"/>
                  <a:gd name="connsiteY70" fmla="*/ 205942 h 707936"/>
                  <a:gd name="connsiteX71" fmla="*/ 587199 w 707937"/>
                  <a:gd name="connsiteY71" fmla="*/ 205942 h 707936"/>
                  <a:gd name="connsiteX72" fmla="*/ 587199 w 707937"/>
                  <a:gd name="connsiteY72" fmla="*/ 250703 h 707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707937" h="707936">
                    <a:moveTo>
                      <a:pt x="707741" y="206138"/>
                    </a:moveTo>
                    <a:lnTo>
                      <a:pt x="707741" y="0"/>
                    </a:lnTo>
                    <a:lnTo>
                      <a:pt x="501603" y="0"/>
                    </a:lnTo>
                    <a:lnTo>
                      <a:pt x="501603" y="85596"/>
                    </a:lnTo>
                    <a:lnTo>
                      <a:pt x="211046" y="85596"/>
                    </a:lnTo>
                    <a:lnTo>
                      <a:pt x="211046" y="0"/>
                    </a:lnTo>
                    <a:lnTo>
                      <a:pt x="0" y="0"/>
                    </a:lnTo>
                    <a:lnTo>
                      <a:pt x="0" y="206138"/>
                    </a:lnTo>
                    <a:lnTo>
                      <a:pt x="211046" y="206138"/>
                    </a:lnTo>
                    <a:lnTo>
                      <a:pt x="211046" y="125450"/>
                    </a:lnTo>
                    <a:lnTo>
                      <a:pt x="336103" y="125450"/>
                    </a:lnTo>
                    <a:lnTo>
                      <a:pt x="336103" y="250899"/>
                    </a:lnTo>
                    <a:lnTo>
                      <a:pt x="250900" y="250899"/>
                    </a:lnTo>
                    <a:lnTo>
                      <a:pt x="250900" y="336103"/>
                    </a:lnTo>
                    <a:lnTo>
                      <a:pt x="85400" y="336103"/>
                    </a:lnTo>
                    <a:lnTo>
                      <a:pt x="85400" y="351024"/>
                    </a:lnTo>
                    <a:lnTo>
                      <a:pt x="85204" y="351024"/>
                    </a:lnTo>
                    <a:lnTo>
                      <a:pt x="85204" y="501799"/>
                    </a:lnTo>
                    <a:lnTo>
                      <a:pt x="0" y="501799"/>
                    </a:lnTo>
                    <a:lnTo>
                      <a:pt x="0" y="707937"/>
                    </a:lnTo>
                    <a:lnTo>
                      <a:pt x="206138" y="707937"/>
                    </a:lnTo>
                    <a:lnTo>
                      <a:pt x="206138" y="622733"/>
                    </a:lnTo>
                    <a:lnTo>
                      <a:pt x="627641" y="622733"/>
                    </a:lnTo>
                    <a:lnTo>
                      <a:pt x="627641" y="457234"/>
                    </a:lnTo>
                    <a:lnTo>
                      <a:pt x="707937" y="457234"/>
                    </a:lnTo>
                    <a:lnTo>
                      <a:pt x="707937" y="251096"/>
                    </a:lnTo>
                    <a:lnTo>
                      <a:pt x="627641" y="251096"/>
                    </a:lnTo>
                    <a:lnTo>
                      <a:pt x="627641" y="206334"/>
                    </a:lnTo>
                    <a:lnTo>
                      <a:pt x="707937" y="206334"/>
                    </a:lnTo>
                    <a:close/>
                    <a:moveTo>
                      <a:pt x="170407" y="165499"/>
                    </a:moveTo>
                    <a:lnTo>
                      <a:pt x="40639" y="165499"/>
                    </a:lnTo>
                    <a:lnTo>
                      <a:pt x="40639" y="40442"/>
                    </a:lnTo>
                    <a:lnTo>
                      <a:pt x="170604" y="40442"/>
                    </a:lnTo>
                    <a:lnTo>
                      <a:pt x="170604" y="165499"/>
                    </a:lnTo>
                    <a:close/>
                    <a:moveTo>
                      <a:pt x="542045" y="40442"/>
                    </a:moveTo>
                    <a:lnTo>
                      <a:pt x="667102" y="40442"/>
                    </a:lnTo>
                    <a:lnTo>
                      <a:pt x="667102" y="165499"/>
                    </a:lnTo>
                    <a:lnTo>
                      <a:pt x="542045" y="165499"/>
                    </a:lnTo>
                    <a:lnTo>
                      <a:pt x="542045" y="40442"/>
                    </a:lnTo>
                    <a:close/>
                    <a:moveTo>
                      <a:pt x="291146" y="291342"/>
                    </a:moveTo>
                    <a:lnTo>
                      <a:pt x="421111" y="291342"/>
                    </a:lnTo>
                    <a:lnTo>
                      <a:pt x="420325" y="416399"/>
                    </a:lnTo>
                    <a:lnTo>
                      <a:pt x="291146" y="416399"/>
                    </a:lnTo>
                    <a:lnTo>
                      <a:pt x="291146" y="291342"/>
                    </a:lnTo>
                    <a:close/>
                    <a:moveTo>
                      <a:pt x="165303" y="667102"/>
                    </a:moveTo>
                    <a:lnTo>
                      <a:pt x="40639" y="667102"/>
                    </a:lnTo>
                    <a:lnTo>
                      <a:pt x="40639" y="542045"/>
                    </a:lnTo>
                    <a:lnTo>
                      <a:pt x="165696" y="542045"/>
                    </a:lnTo>
                    <a:lnTo>
                      <a:pt x="165696" y="667102"/>
                    </a:lnTo>
                    <a:close/>
                    <a:moveTo>
                      <a:pt x="666906" y="416203"/>
                    </a:moveTo>
                    <a:lnTo>
                      <a:pt x="541849" y="416203"/>
                    </a:lnTo>
                    <a:lnTo>
                      <a:pt x="541849" y="291145"/>
                    </a:lnTo>
                    <a:lnTo>
                      <a:pt x="666906" y="291145"/>
                    </a:lnTo>
                    <a:lnTo>
                      <a:pt x="666906" y="416203"/>
                    </a:lnTo>
                    <a:close/>
                    <a:moveTo>
                      <a:pt x="586610" y="250703"/>
                    </a:moveTo>
                    <a:lnTo>
                      <a:pt x="501406" y="250703"/>
                    </a:lnTo>
                    <a:lnTo>
                      <a:pt x="501406" y="456841"/>
                    </a:lnTo>
                    <a:lnTo>
                      <a:pt x="586610" y="456841"/>
                    </a:lnTo>
                    <a:lnTo>
                      <a:pt x="586610" y="581898"/>
                    </a:lnTo>
                    <a:lnTo>
                      <a:pt x="206138" y="581898"/>
                    </a:lnTo>
                    <a:lnTo>
                      <a:pt x="206138" y="501603"/>
                    </a:lnTo>
                    <a:lnTo>
                      <a:pt x="125842" y="501603"/>
                    </a:lnTo>
                    <a:lnTo>
                      <a:pt x="125842" y="376546"/>
                    </a:lnTo>
                    <a:lnTo>
                      <a:pt x="250900" y="376546"/>
                    </a:lnTo>
                    <a:lnTo>
                      <a:pt x="250900" y="456841"/>
                    </a:lnTo>
                    <a:lnTo>
                      <a:pt x="460964" y="456841"/>
                    </a:lnTo>
                    <a:lnTo>
                      <a:pt x="462338" y="250703"/>
                    </a:lnTo>
                    <a:lnTo>
                      <a:pt x="376938" y="250703"/>
                    </a:lnTo>
                    <a:lnTo>
                      <a:pt x="376938" y="125253"/>
                    </a:lnTo>
                    <a:lnTo>
                      <a:pt x="501995" y="125253"/>
                    </a:lnTo>
                    <a:lnTo>
                      <a:pt x="501995" y="205942"/>
                    </a:lnTo>
                    <a:lnTo>
                      <a:pt x="587199" y="205942"/>
                    </a:lnTo>
                    <a:lnTo>
                      <a:pt x="587199" y="250703"/>
                    </a:ln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sp>
            <p:nvSpPr>
              <p:cNvPr id="119" name="Freeform: Shape 3">
                <a:extLst>
                  <a:ext uri="{FF2B5EF4-FFF2-40B4-BE49-F238E27FC236}">
                    <a16:creationId xmlns:a16="http://schemas.microsoft.com/office/drawing/2014/main" id="{181A34EF-20B3-4DF9-87D3-D3289A8B89D2}"/>
                  </a:ext>
                </a:extLst>
              </p:cNvPr>
              <p:cNvSpPr/>
              <p:nvPr/>
            </p:nvSpPr>
            <p:spPr>
              <a:xfrm>
                <a:off x="1438701" y="1894940"/>
                <a:ext cx="45154" cy="45154"/>
              </a:xfrm>
              <a:custGeom>
                <a:avLst/>
                <a:gdLst>
                  <a:gd name="connsiteX0" fmla="*/ 22577 w 45154"/>
                  <a:gd name="connsiteY0" fmla="*/ 0 h 45154"/>
                  <a:gd name="connsiteX1" fmla="*/ 0 w 45154"/>
                  <a:gd name="connsiteY1" fmla="*/ 22577 h 45154"/>
                  <a:gd name="connsiteX2" fmla="*/ 22577 w 45154"/>
                  <a:gd name="connsiteY2" fmla="*/ 45154 h 45154"/>
                  <a:gd name="connsiteX3" fmla="*/ 45154 w 45154"/>
                  <a:gd name="connsiteY3" fmla="*/ 22577 h 45154"/>
                  <a:gd name="connsiteX4" fmla="*/ 22577 w 45154"/>
                  <a:gd name="connsiteY4" fmla="*/ 0 h 451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54" h="45154">
                    <a:moveTo>
                      <a:pt x="22577" y="0"/>
                    </a:moveTo>
                    <a:cubicBezTo>
                      <a:pt x="10209" y="0"/>
                      <a:pt x="0" y="10012"/>
                      <a:pt x="0" y="22577"/>
                    </a:cubicBezTo>
                    <a:cubicBezTo>
                      <a:pt x="0" y="35142"/>
                      <a:pt x="10012" y="45154"/>
                      <a:pt x="22577" y="45154"/>
                    </a:cubicBezTo>
                    <a:cubicBezTo>
                      <a:pt x="35142" y="45154"/>
                      <a:pt x="45154" y="34945"/>
                      <a:pt x="45154" y="22577"/>
                    </a:cubicBezTo>
                    <a:cubicBezTo>
                      <a:pt x="45154" y="10209"/>
                      <a:pt x="34945" y="0"/>
                      <a:pt x="22577" y="0"/>
                    </a:cubicBezTo>
                    <a:close/>
                  </a:path>
                </a:pathLst>
              </a:custGeom>
              <a:grpFill/>
              <a:ln w="19629" cap="flat">
                <a:noFill/>
                <a:prstDash val="solid"/>
                <a:miter/>
              </a:ln>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endParaRPr lang="da-DK" noProof="0" dirty="0"/>
              </a:p>
            </p:txBody>
          </p:sp>
        </p:grpSp>
      </p:grpSp>
      <p:sp>
        <p:nvSpPr>
          <p:cNvPr id="96" name="TextBox 203">
            <a:extLst>
              <a:ext uri="{FF2B5EF4-FFF2-40B4-BE49-F238E27FC236}">
                <a16:creationId xmlns:a16="http://schemas.microsoft.com/office/drawing/2014/main" id="{A7B80A5B-F80D-9BA7-92AC-001DB4F3794E}"/>
              </a:ext>
              <a:ext uri="{C183D7F6-B498-43B3-948B-1728B52AA6E4}">
                <adec:decorative xmlns:adec="http://schemas.microsoft.com/office/drawing/2017/decorative" val="1"/>
              </a:ext>
            </a:extLst>
          </p:cNvPr>
          <p:cNvSpPr txBox="1">
            <a:spLocks/>
          </p:cNvSpPr>
          <p:nvPr/>
        </p:nvSpPr>
        <p:spPr>
          <a:xfrm>
            <a:off x="10304269" y="2484273"/>
            <a:ext cx="1293987" cy="261610"/>
          </a:xfrm>
          <a:prstGeom prst="rect">
            <a:avLst/>
          </a:prstGeom>
          <a:noFill/>
        </p:spPr>
        <p:txBody>
          <a:bodyPr wrap="square">
            <a:spAutoFit/>
          </a:bodyPr>
          <a:lstStyle/>
          <a:p>
            <a:r>
              <a:rPr lang="da-DK" sz="1100" i="1" noProof="0" dirty="0" err="1">
                <a:solidFill>
                  <a:srgbClr val="024D78"/>
                </a:solidFill>
              </a:rPr>
              <a:t>Hetzner</a:t>
            </a:r>
            <a:endParaRPr lang="da-DK" sz="1100" i="1" noProof="0" dirty="0">
              <a:solidFill>
                <a:srgbClr val="024D78"/>
              </a:solidFill>
            </a:endParaRPr>
          </a:p>
        </p:txBody>
      </p:sp>
      <p:pic>
        <p:nvPicPr>
          <p:cNvPr id="14" name="Graphic 1">
            <a:extLst>
              <a:ext uri="{FF2B5EF4-FFF2-40B4-BE49-F238E27FC236}">
                <a16:creationId xmlns:a16="http://schemas.microsoft.com/office/drawing/2014/main" id="{6AFA56AC-1F45-9B88-B4D0-3A04A9BE6430}"/>
              </a:ext>
              <a:ext uri="{C183D7F6-B498-43B3-948B-1728B52AA6E4}">
                <adec:decorative xmlns:adec="http://schemas.microsoft.com/office/drawing/2017/decorative" val="1"/>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959565" y="2511499"/>
            <a:ext cx="310738" cy="207158"/>
          </a:xfrm>
          <a:prstGeom prst="rect">
            <a:avLst/>
          </a:prstGeom>
        </p:spPr>
      </p:pic>
      <p:grpSp>
        <p:nvGrpSpPr>
          <p:cNvPr id="28" name="Group 27">
            <a:extLst>
              <a:ext uri="{FF2B5EF4-FFF2-40B4-BE49-F238E27FC236}">
                <a16:creationId xmlns:a16="http://schemas.microsoft.com/office/drawing/2014/main" id="{3F5976C4-3B03-2D52-222B-D3506C187AFB}"/>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29" name="Rectangle 28">
              <a:extLst>
                <a:ext uri="{FF2B5EF4-FFF2-40B4-BE49-F238E27FC236}">
                  <a16:creationId xmlns:a16="http://schemas.microsoft.com/office/drawing/2014/main" id="{3A02B670-D5B1-890E-693B-B2F55B0531A1}"/>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0" name="Rectangle 29">
              <a:extLst>
                <a:ext uri="{FF2B5EF4-FFF2-40B4-BE49-F238E27FC236}">
                  <a16:creationId xmlns:a16="http://schemas.microsoft.com/office/drawing/2014/main" id="{ED5AF4EA-E92A-0AE9-A88C-689625F076A3}"/>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Tree>
    <p:extLst>
      <p:ext uri="{BB962C8B-B14F-4D97-AF65-F5344CB8AC3E}">
        <p14:creationId xmlns:p14="http://schemas.microsoft.com/office/powerpoint/2010/main" val="3048245345"/>
      </p:ext>
    </p:extLst>
  </p:cSld>
  <p:clrMapOvr>
    <a:masterClrMapping/>
  </p:clrMapOvr>
  <p:transition>
    <p:fade/>
  </p:transition>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19B06A-C9BF-4832-EB36-047C57F79CBC}"/>
            </a:ext>
          </a:extLst>
        </p:cNvPr>
        <p:cNvGrpSpPr/>
        <p:nvPr/>
      </p:nvGrpSpPr>
      <p:grpSpPr>
        <a:xfrm>
          <a:off x="0" y="0"/>
          <a:ext cx="0" cy="0"/>
          <a:chOff x="0" y="0"/>
          <a:chExt cx="0" cy="0"/>
        </a:xfrm>
      </p:grpSpPr>
      <p:sp>
        <p:nvSpPr>
          <p:cNvPr id="213" name="Rectangle: Rounded Corners 212">
            <a:extLst>
              <a:ext uri="{FF2B5EF4-FFF2-40B4-BE49-F238E27FC236}">
                <a16:creationId xmlns:a16="http://schemas.microsoft.com/office/drawing/2014/main" id="{FFA4C710-2493-EC44-BB0E-90515B253A0B}"/>
              </a:ext>
            </a:extLst>
          </p:cNvPr>
          <p:cNvSpPr/>
          <p:nvPr/>
        </p:nvSpPr>
        <p:spPr>
          <a:xfrm>
            <a:off x="169304" y="11734"/>
            <a:ext cx="6165122"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1 | Europæisk cloud-leverandører i Aarhus Kommune</a:t>
            </a:r>
          </a:p>
        </p:txBody>
      </p:sp>
      <p:pic>
        <p:nvPicPr>
          <p:cNvPr id="287" name="Picture 2">
            <a:extLst>
              <a:ext uri="{FF2B5EF4-FFF2-40B4-BE49-F238E27FC236}">
                <a16:creationId xmlns:a16="http://schemas.microsoft.com/office/drawing/2014/main" id="{C3A85CFC-3944-1D06-B752-402AB9A3A07B}"/>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007612" y="219635"/>
            <a:ext cx="2016000" cy="1028730"/>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9673E0C1-0B7A-96E1-146B-463801768BDD}"/>
              </a:ext>
            </a:extLst>
          </p:cNvPr>
          <p:cNvSpPr>
            <a:spLocks noGrp="1"/>
          </p:cNvSpPr>
          <p:nvPr>
            <p:ph type="title"/>
          </p:nvPr>
        </p:nvSpPr>
        <p:spPr/>
        <p:txBody>
          <a:bodyPr/>
          <a:lstStyle/>
          <a:p>
            <a:r>
              <a:rPr lang="da-DK" sz="2200" noProof="0" dirty="0"/>
              <a:t>Side 3/3 | </a:t>
            </a:r>
            <a:r>
              <a:rPr lang="da-DK" sz="2200" b="1" noProof="0" dirty="0"/>
              <a:t>Teknologisk og organisatorisk transformation</a:t>
            </a:r>
            <a:endParaRPr lang="da-DK" sz="2200" noProof="0" dirty="0"/>
          </a:p>
        </p:txBody>
      </p:sp>
      <p:sp>
        <p:nvSpPr>
          <p:cNvPr id="10" name="Rectangle: Rounded Corners 9">
            <a:extLst>
              <a:ext uri="{FF2B5EF4-FFF2-40B4-BE49-F238E27FC236}">
                <a16:creationId xmlns:a16="http://schemas.microsoft.com/office/drawing/2014/main" id="{3295F1A1-8C17-C248-874E-CDCA14DA68BD}"/>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Teknologisk transformation</a:t>
            </a:r>
          </a:p>
        </p:txBody>
      </p:sp>
      <p:sp>
        <p:nvSpPr>
          <p:cNvPr id="3" name="Rectangle 2">
            <a:extLst>
              <a:ext uri="{FF2B5EF4-FFF2-40B4-BE49-F238E27FC236}">
                <a16:creationId xmlns:a16="http://schemas.microsoft.com/office/drawing/2014/main" id="{F3D010BE-29A6-2484-EC25-9DAE4D77706E}"/>
              </a:ext>
            </a:extLst>
          </p:cNvPr>
          <p:cNvSpPr/>
          <p:nvPr/>
        </p:nvSpPr>
        <p:spPr>
          <a:xfrm>
            <a:off x="560497" y="2069025"/>
            <a:ext cx="2977211" cy="429174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rPr>
              <a:t>Teknologisk målbillede</a:t>
            </a:r>
          </a:p>
          <a:p>
            <a:r>
              <a:rPr lang="da-DK" sz="900" noProof="0">
                <a:solidFill>
                  <a:schemeClr val="tx1"/>
                </a:solidFill>
                <a:sym typeface="Wingdings" panose="05000000000000000000" pitchFamily="2" charset="2"/>
              </a:rPr>
              <a:t>Målet er at skabe et hybridt cloud-miljø, der er enkelt at administrere, økonomisk bæredygtigt og fuldt underlagt europæisk lovgivning via reduktion af kompleksiteten i infrastrukturen og bedre sikring af data. </a:t>
            </a:r>
          </a:p>
          <a:p>
            <a:endParaRPr lang="da-DK" sz="900" b="1" noProof="0">
              <a:solidFill>
                <a:schemeClr val="tx1"/>
              </a:solidFill>
            </a:endParaRPr>
          </a:p>
          <a:p>
            <a:r>
              <a:rPr lang="da-DK" sz="900" b="1" noProof="0">
                <a:solidFill>
                  <a:srgbClr val="36465A"/>
                </a:solidFill>
              </a:rPr>
              <a:t>Udskiftning af teknologier</a:t>
            </a:r>
          </a:p>
          <a:p>
            <a:r>
              <a:rPr lang="da-DK" sz="900" noProof="0">
                <a:solidFill>
                  <a:schemeClr val="tx1"/>
                </a:solidFill>
                <a:sym typeface="Wingdings" panose="05000000000000000000" pitchFamily="2" charset="2"/>
              </a:rPr>
              <a:t>Målbilledet er realiseret gennem:</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Valg af tysk cloud- og hosting-udbyder, der tilbyder dedikerede servere, virtuelle servere og </a:t>
            </a:r>
            <a:r>
              <a:rPr lang="da-DK" sz="900" noProof="0" err="1">
                <a:solidFill>
                  <a:schemeClr val="tx1"/>
                </a:solidFill>
                <a:sym typeface="Wingdings" panose="05000000000000000000" pitchFamily="2" charset="2"/>
              </a:rPr>
              <a:t>co</a:t>
            </a:r>
            <a:r>
              <a:rPr lang="da-DK" sz="900" noProof="0">
                <a:solidFill>
                  <a:schemeClr val="tx1"/>
                </a:solidFill>
                <a:sym typeface="Wingdings" panose="05000000000000000000" pitchFamily="2" charset="2"/>
              </a:rPr>
              <a:t>-location samt driver egne datacentre i Tyskland og Finland</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Som en del af transitionen er </a:t>
            </a:r>
            <a:r>
              <a:rPr lang="da-DK" sz="900" noProof="0">
                <a:solidFill>
                  <a:schemeClr val="tx1"/>
                </a:solidFill>
              </a:rPr>
              <a:t>applikationer blevet omlagt til en containerbaseret arkitektur, som gør det nemmere at udskifte komponenter fremadrettet, og desuden understøtter fleksibilitet, skalerbarhed og </a:t>
            </a:r>
            <a:r>
              <a:rPr lang="da-DK" sz="900" noProof="0" err="1">
                <a:solidFill>
                  <a:schemeClr val="tx1"/>
                </a:solidFill>
              </a:rPr>
              <a:t>portabilitet</a:t>
            </a:r>
            <a:r>
              <a:rPr lang="da-DK" sz="900" noProof="0">
                <a:solidFill>
                  <a:schemeClr val="tx1"/>
                </a:solidFill>
              </a:rPr>
              <a:t>*. </a:t>
            </a:r>
            <a:endParaRPr lang="da-DK" sz="900" noProof="0">
              <a:solidFill>
                <a:schemeClr val="tx1"/>
              </a:solidFill>
              <a:sym typeface="Wingdings" panose="05000000000000000000" pitchFamily="2" charset="2"/>
            </a:endParaRPr>
          </a:p>
          <a:p>
            <a:endParaRPr lang="da-DK" sz="900" b="1" noProof="0">
              <a:solidFill>
                <a:schemeClr val="tx1"/>
              </a:solidFill>
            </a:endParaRPr>
          </a:p>
          <a:p>
            <a:r>
              <a:rPr lang="da-DK" sz="900" b="1" noProof="0">
                <a:solidFill>
                  <a:srgbClr val="36465A"/>
                </a:solidFill>
              </a:rPr>
              <a:t>Teknologisk omstilling </a:t>
            </a:r>
          </a:p>
          <a:p>
            <a:r>
              <a:rPr lang="da-DK" sz="900" noProof="0">
                <a:solidFill>
                  <a:schemeClr val="tx1"/>
                </a:solidFill>
                <a:sym typeface="Wingdings" panose="05000000000000000000" pitchFamily="2" charset="2"/>
              </a:rPr>
              <a:t>Flytningen fra Microsoft </a:t>
            </a:r>
            <a:r>
              <a:rPr lang="da-DK" sz="900" noProof="0" err="1">
                <a:solidFill>
                  <a:schemeClr val="tx1"/>
                </a:solidFill>
                <a:sym typeface="Wingdings" panose="05000000000000000000" pitchFamily="2" charset="2"/>
              </a:rPr>
              <a:t>Azure</a:t>
            </a:r>
            <a:r>
              <a:rPr lang="da-DK" sz="900" noProof="0">
                <a:solidFill>
                  <a:schemeClr val="tx1"/>
                </a:solidFill>
                <a:sym typeface="Wingdings" panose="05000000000000000000" pitchFamily="2" charset="2"/>
              </a:rPr>
              <a:t> til </a:t>
            </a:r>
            <a:r>
              <a:rPr lang="da-DK" sz="900" noProof="0" err="1">
                <a:solidFill>
                  <a:schemeClr val="tx1"/>
                </a:solidFill>
                <a:sym typeface="Wingdings" panose="05000000000000000000" pitchFamily="2" charset="2"/>
              </a:rPr>
              <a:t>Hetzner</a:t>
            </a:r>
            <a:r>
              <a:rPr lang="da-DK" sz="900" noProof="0">
                <a:solidFill>
                  <a:schemeClr val="tx1"/>
                </a:solidFill>
                <a:sym typeface="Wingdings" panose="05000000000000000000" pitchFamily="2" charset="2"/>
              </a:rPr>
              <a:t> blev gennemført gradvist over flere måneder for at sikre stabil drift og minimere risikoen for nedetid. Omlægningen omfattede migrering af data, opsætning af nye servermiljøer og tilpasning af integrationer, databaser og </a:t>
            </a:r>
            <a:r>
              <a:rPr lang="da-DK" sz="900" noProof="0" err="1">
                <a:solidFill>
                  <a:schemeClr val="tx1"/>
                </a:solidFill>
                <a:sym typeface="Wingdings" panose="05000000000000000000" pitchFamily="2" charset="2"/>
              </a:rPr>
              <a:t>API’er</a:t>
            </a:r>
            <a:r>
              <a:rPr lang="da-DK" sz="900" noProof="0">
                <a:solidFill>
                  <a:schemeClr val="tx1"/>
                </a:solidFill>
                <a:sym typeface="Wingdings" panose="05000000000000000000" pitchFamily="2" charset="2"/>
              </a:rPr>
              <a:t>. Da </a:t>
            </a:r>
            <a:r>
              <a:rPr lang="da-DK" sz="900" noProof="0" err="1">
                <a:solidFill>
                  <a:schemeClr val="tx1"/>
                </a:solidFill>
                <a:sym typeface="Wingdings" panose="05000000000000000000" pitchFamily="2" charset="2"/>
              </a:rPr>
              <a:t>Hetzner</a:t>
            </a:r>
            <a:r>
              <a:rPr lang="da-DK" sz="900" noProof="0">
                <a:solidFill>
                  <a:schemeClr val="tx1"/>
                </a:solidFill>
                <a:sym typeface="Wingdings" panose="05000000000000000000" pitchFamily="2" charset="2"/>
              </a:rPr>
              <a:t> ikke tilbyder samme automatiserede overvågnings- og driftsfunktioner som </a:t>
            </a:r>
            <a:r>
              <a:rPr lang="da-DK" sz="900" noProof="0" err="1">
                <a:solidFill>
                  <a:schemeClr val="tx1"/>
                </a:solidFill>
                <a:sym typeface="Wingdings" panose="05000000000000000000" pitchFamily="2" charset="2"/>
              </a:rPr>
              <a:t>Azure</a:t>
            </a:r>
            <a:r>
              <a:rPr lang="da-DK" sz="900" noProof="0">
                <a:solidFill>
                  <a:schemeClr val="tx1"/>
                </a:solidFill>
                <a:sym typeface="Wingdings" panose="05000000000000000000" pitchFamily="2" charset="2"/>
              </a:rPr>
              <a:t>, har kommunen etableret egne rutiner for monitorering og vedligeholdelse. Det har krævet en styrkelse af interne kompetencer inden for bl.a. serverovervågning, sikkerhedsopdatering, performance-tjek samt backup og gendannelse.</a:t>
            </a:r>
          </a:p>
          <a:p>
            <a:endParaRPr lang="da-DK" sz="900" b="1" noProof="0">
              <a:solidFill>
                <a:schemeClr val="tx1"/>
              </a:solidFill>
              <a:sym typeface="Wingdings" panose="05000000000000000000" pitchFamily="2" charset="2"/>
            </a:endParaRPr>
          </a:p>
          <a:p>
            <a:endParaRPr lang="da-DK" sz="900" noProof="0">
              <a:solidFill>
                <a:schemeClr val="tx1"/>
              </a:solidFill>
            </a:endParaRPr>
          </a:p>
          <a:p>
            <a:endParaRPr lang="da-DK" sz="900" b="1" noProof="0">
              <a:solidFill>
                <a:schemeClr val="tx1"/>
              </a:solidFill>
            </a:endParaRPr>
          </a:p>
          <a:p>
            <a:endParaRPr lang="da-DK" sz="900" noProof="0">
              <a:solidFill>
                <a:srgbClr val="00172D"/>
              </a:solidFill>
              <a:highlight>
                <a:srgbClr val="FFFF00"/>
              </a:highlight>
            </a:endParaRPr>
          </a:p>
        </p:txBody>
      </p:sp>
      <p:sp>
        <p:nvSpPr>
          <p:cNvPr id="11" name="Rectangle: Rounded Corners 10">
            <a:extLst>
              <a:ext uri="{FF2B5EF4-FFF2-40B4-BE49-F238E27FC236}">
                <a16:creationId xmlns:a16="http://schemas.microsoft.com/office/drawing/2014/main" id="{D0BC5B00-4E31-9E5E-CC94-8AA2B9737C58}"/>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Organisatorisk transformation</a:t>
            </a:r>
          </a:p>
        </p:txBody>
      </p:sp>
      <p:sp>
        <p:nvSpPr>
          <p:cNvPr id="5" name="Rectangle 4">
            <a:extLst>
              <a:ext uri="{FF2B5EF4-FFF2-40B4-BE49-F238E27FC236}">
                <a16:creationId xmlns:a16="http://schemas.microsoft.com/office/drawing/2014/main" id="{11690EB8-108A-775E-1982-9072C09AD081}"/>
              </a:ext>
            </a:extLst>
          </p:cNvPr>
          <p:cNvSpPr/>
          <p:nvPr/>
        </p:nvSpPr>
        <p:spPr>
          <a:xfrm>
            <a:off x="3565418" y="2069025"/>
            <a:ext cx="2985319" cy="424222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Projektorganisering </a:t>
            </a:r>
          </a:p>
          <a:p>
            <a:r>
              <a:rPr lang="da-DK" sz="900" noProof="0">
                <a:solidFill>
                  <a:schemeClr val="tx1"/>
                </a:solidFill>
                <a:sym typeface="Wingdings" panose="05000000000000000000" pitchFamily="2" charset="2"/>
              </a:rPr>
              <a:t>Projektet blev igangsat ultimo 2024 og afsluttet i foråret 2025 og drevet af ITK (Innovation, Teknologi og Kreativitet) i Magistratsafdelingen for Kultur og Borgerservice. Arbejdet bestod i at flytte ca. 60 løsninger til </a:t>
            </a:r>
            <a:r>
              <a:rPr lang="da-DK" sz="900" noProof="0" dirty="0" err="1">
                <a:solidFill>
                  <a:schemeClr val="tx1"/>
                </a:solidFill>
                <a:sym typeface="Wingdings" panose="05000000000000000000" pitchFamily="2" charset="2"/>
              </a:rPr>
              <a:t>Hetzner</a:t>
            </a:r>
            <a:r>
              <a:rPr lang="da-DK" sz="900" noProof="0">
                <a:solidFill>
                  <a:schemeClr val="tx1"/>
                </a:solidFill>
                <a:sym typeface="Wingdings" panose="05000000000000000000" pitchFamily="2" charset="2"/>
              </a:rPr>
              <a:t> og sikre, at hosting-miljøet blev sat korrekt op med etablering af overvågnings- og backup-rutiner.</a:t>
            </a:r>
            <a:endParaRPr lang="da-DK" sz="900" b="1"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r>
              <a:rPr lang="da-DK" sz="900" b="1" noProof="0">
                <a:solidFill>
                  <a:srgbClr val="36465A"/>
                </a:solidFill>
                <a:sym typeface="Wingdings" panose="05000000000000000000" pitchFamily="2" charset="2"/>
              </a:rPr>
              <a:t>Forandringsledelse</a:t>
            </a:r>
          </a:p>
          <a:p>
            <a:r>
              <a:rPr lang="da-DK" sz="900" noProof="0">
                <a:solidFill>
                  <a:schemeClr val="tx1"/>
                </a:solidFill>
                <a:sym typeface="Wingdings" panose="05000000000000000000" pitchFamily="2" charset="2"/>
              </a:rPr>
              <a:t>Omlægningen har primært påvirket </a:t>
            </a:r>
            <a:r>
              <a:rPr lang="da-DK" sz="900" noProof="0" dirty="0" err="1">
                <a:solidFill>
                  <a:schemeClr val="tx1"/>
                </a:solidFill>
                <a:sym typeface="Wingdings" panose="05000000000000000000" pitchFamily="2" charset="2"/>
              </a:rPr>
              <a:t>ITK’s</a:t>
            </a:r>
            <a:r>
              <a:rPr lang="da-DK" sz="900" noProof="0">
                <a:solidFill>
                  <a:schemeClr val="tx1"/>
                </a:solidFill>
                <a:sym typeface="Wingdings" panose="05000000000000000000" pitchFamily="2" charset="2"/>
              </a:rPr>
              <a:t> medarbejdere. De har fået større ansvar for drift og overvågning, fordi </a:t>
            </a:r>
            <a:r>
              <a:rPr lang="da-DK" sz="900" noProof="0" dirty="0" err="1">
                <a:solidFill>
                  <a:schemeClr val="tx1"/>
                </a:solidFill>
                <a:sym typeface="Wingdings" panose="05000000000000000000" pitchFamily="2" charset="2"/>
              </a:rPr>
              <a:t>Hetzner</a:t>
            </a:r>
            <a:r>
              <a:rPr lang="da-DK" sz="900" noProof="0">
                <a:solidFill>
                  <a:schemeClr val="tx1"/>
                </a:solidFill>
                <a:sym typeface="Wingdings" panose="05000000000000000000" pitchFamily="2" charset="2"/>
              </a:rPr>
              <a:t> ikke tilbyder de samme automatiserede driftsfunktioner som </a:t>
            </a:r>
            <a:r>
              <a:rPr lang="da-DK" sz="900" noProof="0" dirty="0" err="1">
                <a:solidFill>
                  <a:schemeClr val="tx1"/>
                </a:solidFill>
                <a:sym typeface="Wingdings" panose="05000000000000000000" pitchFamily="2" charset="2"/>
              </a:rPr>
              <a:t>Azure</a:t>
            </a:r>
            <a:r>
              <a:rPr lang="da-DK" sz="900" noProof="0">
                <a:solidFill>
                  <a:schemeClr val="tx1"/>
                </a:solidFill>
                <a:sym typeface="Wingdings" panose="05000000000000000000" pitchFamily="2" charset="2"/>
              </a:rPr>
              <a:t>. For slutbrugere har omlægningen ikke medført ændringer i systemernes funktionalitet.</a:t>
            </a:r>
          </a:p>
          <a:p>
            <a:endParaRPr lang="da-DK" sz="900" noProof="0">
              <a:solidFill>
                <a:schemeClr val="tx1"/>
              </a:solidFill>
              <a:sym typeface="Wingdings" panose="05000000000000000000" pitchFamily="2" charset="2"/>
            </a:endParaRPr>
          </a:p>
          <a:p>
            <a:r>
              <a:rPr lang="da-DK" sz="900" noProof="0">
                <a:solidFill>
                  <a:schemeClr val="tx1"/>
                </a:solidFill>
                <a:sym typeface="Wingdings" panose="05000000000000000000" pitchFamily="2" charset="2"/>
              </a:rPr>
              <a:t>Omlægningen blev indledningsvist mødt med skepsis fra </a:t>
            </a:r>
            <a:r>
              <a:rPr lang="da-DK" sz="900" noProof="0" dirty="0" err="1">
                <a:solidFill>
                  <a:schemeClr val="tx1"/>
                </a:solidFill>
                <a:sym typeface="Wingdings" panose="05000000000000000000" pitchFamily="2" charset="2"/>
              </a:rPr>
              <a:t>ITK’s</a:t>
            </a:r>
            <a:r>
              <a:rPr lang="da-DK" sz="900" noProof="0">
                <a:solidFill>
                  <a:schemeClr val="tx1"/>
                </a:solidFill>
                <a:sym typeface="Wingdings" panose="05000000000000000000" pitchFamily="2" charset="2"/>
              </a:rPr>
              <a:t> medarbejdere, fordi driftsopgaver, som tidligere var automatiseret i </a:t>
            </a:r>
            <a:r>
              <a:rPr lang="da-DK" sz="900" noProof="0" dirty="0" err="1">
                <a:solidFill>
                  <a:schemeClr val="tx1"/>
                </a:solidFill>
                <a:sym typeface="Wingdings" panose="05000000000000000000" pitchFamily="2" charset="2"/>
              </a:rPr>
              <a:t>Azure</a:t>
            </a:r>
            <a:r>
              <a:rPr lang="da-DK" sz="900" noProof="0">
                <a:solidFill>
                  <a:schemeClr val="tx1"/>
                </a:solidFill>
                <a:sym typeface="Wingdings" panose="05000000000000000000" pitchFamily="2" charset="2"/>
              </a:rPr>
              <a:t>, nu skal udføres manuelt i ITK. Over tid har medarbejderne dog oplevet, at omlægningen har givet dem bedre indsigt i systemernes opbygning og større kontrol over driften, hvilket har styrket deres kompetencer og ejerskab til løsningerne.</a:t>
            </a:r>
          </a:p>
          <a:p>
            <a:endParaRPr lang="da-DK" sz="900" b="1" noProof="0">
              <a:solidFill>
                <a:schemeClr val="tx1"/>
              </a:solidFill>
              <a:sym typeface="Wingdings" panose="05000000000000000000" pitchFamily="2" charset="2"/>
            </a:endParaRPr>
          </a:p>
          <a:p>
            <a:r>
              <a:rPr lang="da-DK" sz="900" noProof="0">
                <a:solidFill>
                  <a:schemeClr val="tx1"/>
                </a:solidFill>
                <a:sym typeface="Wingdings" panose="05000000000000000000" pitchFamily="2" charset="2"/>
              </a:rPr>
              <a:t>Der er gennemført kompetenceopbygning for at understøtte de nye arbejdsgange. Træningen har gjort </a:t>
            </a:r>
            <a:r>
              <a:rPr lang="da-DK" sz="900" noProof="0" dirty="0" err="1">
                <a:solidFill>
                  <a:schemeClr val="tx1"/>
                </a:solidFill>
                <a:sym typeface="Wingdings" panose="05000000000000000000" pitchFamily="2" charset="2"/>
              </a:rPr>
              <a:t>ITK’s</a:t>
            </a:r>
            <a:r>
              <a:rPr lang="da-DK" sz="900" noProof="0">
                <a:solidFill>
                  <a:schemeClr val="tx1"/>
                </a:solidFill>
                <a:sym typeface="Wingdings" panose="05000000000000000000" pitchFamily="2" charset="2"/>
              </a:rPr>
              <a:t> medarbejdere i stand til selv at håndtere driftsopgaver, som tidligere var automatiseret i </a:t>
            </a:r>
            <a:r>
              <a:rPr lang="da-DK" sz="900" noProof="0" dirty="0" err="1">
                <a:solidFill>
                  <a:schemeClr val="tx1"/>
                </a:solidFill>
                <a:sym typeface="Wingdings" panose="05000000000000000000" pitchFamily="2" charset="2"/>
              </a:rPr>
              <a:t>Azure</a:t>
            </a:r>
            <a:r>
              <a:rPr lang="da-DK" sz="900" noProof="0">
                <a:solidFill>
                  <a:schemeClr val="tx1"/>
                </a:solidFill>
                <a:sym typeface="Wingdings" panose="05000000000000000000" pitchFamily="2" charset="2"/>
              </a:rPr>
              <a:t>.</a:t>
            </a:r>
            <a:endParaRPr lang="da-DK" sz="900" b="1" noProof="0">
              <a:solidFill>
                <a:schemeClr val="tx1"/>
              </a:solidFill>
            </a:endParaRPr>
          </a:p>
          <a:p>
            <a:endParaRPr lang="da-DK" sz="900" b="1"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pPr>
              <a:spcAft>
                <a:spcPts val="350"/>
              </a:spcAft>
            </a:pPr>
            <a:endParaRPr lang="da-DK" sz="900" b="1" noProof="0">
              <a:solidFill>
                <a:schemeClr val="tx1"/>
              </a:solidFill>
            </a:endParaRPr>
          </a:p>
        </p:txBody>
      </p:sp>
      <p:sp>
        <p:nvSpPr>
          <p:cNvPr id="7" name="Rectangle 6">
            <a:extLst>
              <a:ext uri="{FF2B5EF4-FFF2-40B4-BE49-F238E27FC236}">
                <a16:creationId xmlns:a16="http://schemas.microsoft.com/office/drawing/2014/main" id="{124B065D-D706-FDD4-B348-694869C54BA3}"/>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9560ED9C-01FE-CFF4-0180-CCE89224A7B6}"/>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287E0608-E54B-37CC-94C6-E13AB7BE4143}"/>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9B50AA12-23E4-398E-3BA1-12087C1505FE}"/>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33431A50-448F-26C5-BD2C-EBDE7C4F3B96}"/>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 name="Freeform 29">
            <a:extLst>
              <a:ext uri="{FF2B5EF4-FFF2-40B4-BE49-F238E27FC236}">
                <a16:creationId xmlns:a16="http://schemas.microsoft.com/office/drawing/2014/main" id="{7065CF5A-622D-937E-E8F1-55A936A3C985}"/>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21">
            <a:extLst>
              <a:ext uri="{FF2B5EF4-FFF2-40B4-BE49-F238E27FC236}">
                <a16:creationId xmlns:a16="http://schemas.microsoft.com/office/drawing/2014/main" id="{6E69715F-86AB-2CE5-9CE6-F792B0448744}"/>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32" name="Rectangle: Rounded Corners 131">
            <a:extLst>
              <a:ext uri="{FF2B5EF4-FFF2-40B4-BE49-F238E27FC236}">
                <a16:creationId xmlns:a16="http://schemas.microsoft.com/office/drawing/2014/main" id="{87061564-4A6D-1923-04AB-9B500401AC11}"/>
              </a:ext>
              <a:ext uri="{C183D7F6-B498-43B3-948B-1728B52AA6E4}">
                <adec:decorative xmlns:adec="http://schemas.microsoft.com/office/drawing/2017/decorative" val="1"/>
              </a:ext>
            </a:extLst>
          </p:cNvPr>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99" name="Freeform 9">
            <a:extLst>
              <a:ext uri="{FF2B5EF4-FFF2-40B4-BE49-F238E27FC236}">
                <a16:creationId xmlns:a16="http://schemas.microsoft.com/office/drawing/2014/main" id="{28213378-1ED8-FBA5-C77B-254E70ACDB1F}"/>
              </a:ext>
              <a:ext uri="{C183D7F6-B498-43B3-948B-1728B52AA6E4}">
                <adec:decorative xmlns:adec="http://schemas.microsoft.com/office/drawing/2017/decorative" val="1"/>
              </a:ext>
            </a:extLst>
          </p:cNvPr>
          <p:cNvSpPr>
            <a:spLocks noEditPoints="1"/>
          </p:cNvSpPr>
          <p:nvPr/>
        </p:nvSpPr>
        <p:spPr bwMode="auto">
          <a:xfrm>
            <a:off x="9677024" y="2302522"/>
            <a:ext cx="383113" cy="368290"/>
          </a:xfrm>
          <a:custGeom>
            <a:avLst/>
            <a:gdLst>
              <a:gd name="T0" fmla="*/ 168 w 208"/>
              <a:gd name="T1" fmla="*/ 56 h 200"/>
              <a:gd name="T2" fmla="*/ 56 w 208"/>
              <a:gd name="T3" fmla="*/ 56 h 200"/>
              <a:gd name="T4" fmla="*/ 112 w 208"/>
              <a:gd name="T5" fmla="*/ 8 h 200"/>
              <a:gd name="T6" fmla="*/ 112 w 208"/>
              <a:gd name="T7" fmla="*/ 104 h 200"/>
              <a:gd name="T8" fmla="*/ 112 w 208"/>
              <a:gd name="T9" fmla="*/ 8 h 200"/>
              <a:gd name="T10" fmla="*/ 24 w 208"/>
              <a:gd name="T11" fmla="*/ 168 h 200"/>
              <a:gd name="T12" fmla="*/ 24 w 208"/>
              <a:gd name="T13" fmla="*/ 184 h 200"/>
              <a:gd name="T14" fmla="*/ 207 w 208"/>
              <a:gd name="T15" fmla="*/ 117 h 200"/>
              <a:gd name="T16" fmla="*/ 190 w 208"/>
              <a:gd name="T17" fmla="*/ 108 h 200"/>
              <a:gd name="T18" fmla="*/ 170 w 208"/>
              <a:gd name="T19" fmla="*/ 108 h 200"/>
              <a:gd name="T20" fmla="*/ 150 w 208"/>
              <a:gd name="T21" fmla="*/ 108 h 200"/>
              <a:gd name="T22" fmla="*/ 130 w 208"/>
              <a:gd name="T23" fmla="*/ 120 h 200"/>
              <a:gd name="T24" fmla="*/ 61 w 208"/>
              <a:gd name="T25" fmla="*/ 130 h 200"/>
              <a:gd name="T26" fmla="*/ 48 w 208"/>
              <a:gd name="T27" fmla="*/ 140 h 200"/>
              <a:gd name="T28" fmla="*/ 47 w 208"/>
              <a:gd name="T29" fmla="*/ 129 h 200"/>
              <a:gd name="T30" fmla="*/ 4 w 208"/>
              <a:gd name="T31" fmla="*/ 128 h 200"/>
              <a:gd name="T32" fmla="*/ 4 w 208"/>
              <a:gd name="T33" fmla="*/ 136 h 200"/>
              <a:gd name="T34" fmla="*/ 40 w 208"/>
              <a:gd name="T35" fmla="*/ 192 h 200"/>
              <a:gd name="T36" fmla="*/ 0 w 208"/>
              <a:gd name="T37" fmla="*/ 196 h 200"/>
              <a:gd name="T38" fmla="*/ 44 w 208"/>
              <a:gd name="T39" fmla="*/ 200 h 200"/>
              <a:gd name="T40" fmla="*/ 48 w 208"/>
              <a:gd name="T41" fmla="*/ 196 h 200"/>
              <a:gd name="T42" fmla="*/ 96 w 208"/>
              <a:gd name="T43" fmla="*/ 192 h 200"/>
              <a:gd name="T44" fmla="*/ 153 w 208"/>
              <a:gd name="T45" fmla="*/ 176 h 200"/>
              <a:gd name="T46" fmla="*/ 207 w 208"/>
              <a:gd name="T47" fmla="*/ 123 h 200"/>
              <a:gd name="T48" fmla="*/ 207 w 208"/>
              <a:gd name="T49" fmla="*/ 117 h 200"/>
              <a:gd name="T50" fmla="*/ 150 w 208"/>
              <a:gd name="T51" fmla="*/ 116 h 200"/>
              <a:gd name="T52" fmla="*/ 140 w 208"/>
              <a:gd name="T53" fmla="*/ 130 h 200"/>
              <a:gd name="T54" fmla="*/ 140 w 208"/>
              <a:gd name="T55" fmla="*/ 124 h 200"/>
              <a:gd name="T56" fmla="*/ 143 w 208"/>
              <a:gd name="T57" fmla="*/ 119 h 200"/>
              <a:gd name="T58" fmla="*/ 170 w 208"/>
              <a:gd name="T59" fmla="*/ 116 h 200"/>
              <a:gd name="T60" fmla="*/ 146 w 208"/>
              <a:gd name="T61" fmla="*/ 144 h 200"/>
              <a:gd name="T62" fmla="*/ 163 w 208"/>
              <a:gd name="T63" fmla="*/ 119 h 200"/>
              <a:gd name="T64" fmla="*/ 95 w 208"/>
              <a:gd name="T65" fmla="*/ 184 h 200"/>
              <a:gd name="T66" fmla="*/ 48 w 208"/>
              <a:gd name="T67" fmla="*/ 148 h 200"/>
              <a:gd name="T68" fmla="*/ 66 w 208"/>
              <a:gd name="T69" fmla="*/ 135 h 200"/>
              <a:gd name="T70" fmla="*/ 132 w 208"/>
              <a:gd name="T71" fmla="*/ 128 h 200"/>
              <a:gd name="T72" fmla="*/ 120 w 208"/>
              <a:gd name="T73" fmla="*/ 140 h 200"/>
              <a:gd name="T74" fmla="*/ 92 w 208"/>
              <a:gd name="T75" fmla="*/ 146 h 200"/>
              <a:gd name="T76" fmla="*/ 148 w 208"/>
              <a:gd name="T77" fmla="*/ 152 h 200"/>
              <a:gd name="T78" fmla="*/ 183 w 208"/>
              <a:gd name="T79" fmla="*/ 119 h 200"/>
              <a:gd name="T80" fmla="*/ 197 w 208"/>
              <a:gd name="T81" fmla="*/ 119 h 200"/>
              <a:gd name="T82" fmla="*/ 150 w 208"/>
              <a:gd name="T83" fmla="*/ 168 h 200"/>
              <a:gd name="T84" fmla="*/ 116 w 208"/>
              <a:gd name="T85" fmla="*/ 60 h 200"/>
              <a:gd name="T86" fmla="*/ 116 w 208"/>
              <a:gd name="T87" fmla="*/ 76 h 200"/>
              <a:gd name="T88" fmla="*/ 92 w 208"/>
              <a:gd name="T89" fmla="*/ 80 h 200"/>
              <a:gd name="T90" fmla="*/ 108 w 208"/>
              <a:gd name="T91" fmla="*/ 84 h 200"/>
              <a:gd name="T92" fmla="*/ 112 w 208"/>
              <a:gd name="T93" fmla="*/ 96 h 200"/>
              <a:gd name="T94" fmla="*/ 116 w 208"/>
              <a:gd name="T95" fmla="*/ 84 h 200"/>
              <a:gd name="T96" fmla="*/ 116 w 208"/>
              <a:gd name="T97" fmla="*/ 52 h 200"/>
              <a:gd name="T98" fmla="*/ 100 w 208"/>
              <a:gd name="T99" fmla="*/ 44 h 200"/>
              <a:gd name="T100" fmla="*/ 128 w 208"/>
              <a:gd name="T101" fmla="*/ 36 h 200"/>
              <a:gd name="T102" fmla="*/ 128 w 208"/>
              <a:gd name="T103" fmla="*/ 28 h 200"/>
              <a:gd name="T104" fmla="*/ 116 w 208"/>
              <a:gd name="T105" fmla="*/ 28 h 200"/>
              <a:gd name="T106" fmla="*/ 112 w 208"/>
              <a:gd name="T107" fmla="*/ 16 h 200"/>
              <a:gd name="T108" fmla="*/ 108 w 208"/>
              <a:gd name="T109" fmla="*/ 28 h 200"/>
              <a:gd name="T110" fmla="*/ 92 w 208"/>
              <a:gd name="T111" fmla="*/ 44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208" h="200">
                <a:moveTo>
                  <a:pt x="112" y="112"/>
                </a:moveTo>
                <a:cubicBezTo>
                  <a:pt x="143" y="112"/>
                  <a:pt x="168" y="87"/>
                  <a:pt x="168" y="56"/>
                </a:cubicBezTo>
                <a:cubicBezTo>
                  <a:pt x="168" y="25"/>
                  <a:pt x="143" y="0"/>
                  <a:pt x="112" y="0"/>
                </a:cubicBezTo>
                <a:cubicBezTo>
                  <a:pt x="81" y="0"/>
                  <a:pt x="56" y="25"/>
                  <a:pt x="56" y="56"/>
                </a:cubicBezTo>
                <a:cubicBezTo>
                  <a:pt x="56" y="87"/>
                  <a:pt x="81" y="112"/>
                  <a:pt x="112" y="112"/>
                </a:cubicBezTo>
                <a:close/>
                <a:moveTo>
                  <a:pt x="112" y="8"/>
                </a:moveTo>
                <a:cubicBezTo>
                  <a:pt x="139" y="8"/>
                  <a:pt x="160" y="29"/>
                  <a:pt x="160" y="56"/>
                </a:cubicBezTo>
                <a:cubicBezTo>
                  <a:pt x="160" y="83"/>
                  <a:pt x="139" y="104"/>
                  <a:pt x="112" y="104"/>
                </a:cubicBezTo>
                <a:cubicBezTo>
                  <a:pt x="85" y="104"/>
                  <a:pt x="64" y="83"/>
                  <a:pt x="64" y="56"/>
                </a:cubicBezTo>
                <a:cubicBezTo>
                  <a:pt x="64" y="29"/>
                  <a:pt x="85" y="8"/>
                  <a:pt x="112" y="8"/>
                </a:cubicBezTo>
                <a:close/>
                <a:moveTo>
                  <a:pt x="32" y="176"/>
                </a:moveTo>
                <a:cubicBezTo>
                  <a:pt x="32" y="172"/>
                  <a:pt x="28" y="168"/>
                  <a:pt x="24" y="168"/>
                </a:cubicBezTo>
                <a:cubicBezTo>
                  <a:pt x="20" y="168"/>
                  <a:pt x="16" y="172"/>
                  <a:pt x="16" y="176"/>
                </a:cubicBezTo>
                <a:cubicBezTo>
                  <a:pt x="16" y="180"/>
                  <a:pt x="20" y="184"/>
                  <a:pt x="24" y="184"/>
                </a:cubicBezTo>
                <a:cubicBezTo>
                  <a:pt x="28" y="184"/>
                  <a:pt x="32" y="180"/>
                  <a:pt x="32" y="176"/>
                </a:cubicBezTo>
                <a:close/>
                <a:moveTo>
                  <a:pt x="207" y="117"/>
                </a:moveTo>
                <a:cubicBezTo>
                  <a:pt x="203" y="113"/>
                  <a:pt x="203" y="113"/>
                  <a:pt x="203" y="113"/>
                </a:cubicBezTo>
                <a:cubicBezTo>
                  <a:pt x="199" y="110"/>
                  <a:pt x="195" y="108"/>
                  <a:pt x="190" y="108"/>
                </a:cubicBezTo>
                <a:cubicBezTo>
                  <a:pt x="187" y="108"/>
                  <a:pt x="183" y="109"/>
                  <a:pt x="180" y="111"/>
                </a:cubicBezTo>
                <a:cubicBezTo>
                  <a:pt x="177" y="109"/>
                  <a:pt x="173" y="108"/>
                  <a:pt x="170" y="108"/>
                </a:cubicBezTo>
                <a:cubicBezTo>
                  <a:pt x="167" y="108"/>
                  <a:pt x="163" y="109"/>
                  <a:pt x="160" y="111"/>
                </a:cubicBezTo>
                <a:cubicBezTo>
                  <a:pt x="157" y="109"/>
                  <a:pt x="153" y="108"/>
                  <a:pt x="150" y="108"/>
                </a:cubicBezTo>
                <a:cubicBezTo>
                  <a:pt x="145" y="108"/>
                  <a:pt x="141" y="110"/>
                  <a:pt x="137" y="113"/>
                </a:cubicBezTo>
                <a:cubicBezTo>
                  <a:pt x="130" y="120"/>
                  <a:pt x="130" y="120"/>
                  <a:pt x="130" y="120"/>
                </a:cubicBezTo>
                <a:cubicBezTo>
                  <a:pt x="84" y="120"/>
                  <a:pt x="84" y="120"/>
                  <a:pt x="84" y="120"/>
                </a:cubicBezTo>
                <a:cubicBezTo>
                  <a:pt x="75" y="120"/>
                  <a:pt x="67" y="123"/>
                  <a:pt x="61" y="130"/>
                </a:cubicBezTo>
                <a:cubicBezTo>
                  <a:pt x="52" y="138"/>
                  <a:pt x="52" y="138"/>
                  <a:pt x="52" y="138"/>
                </a:cubicBezTo>
                <a:cubicBezTo>
                  <a:pt x="51" y="139"/>
                  <a:pt x="49" y="140"/>
                  <a:pt x="48" y="140"/>
                </a:cubicBezTo>
                <a:cubicBezTo>
                  <a:pt x="48" y="132"/>
                  <a:pt x="48" y="132"/>
                  <a:pt x="48" y="132"/>
                </a:cubicBezTo>
                <a:cubicBezTo>
                  <a:pt x="48" y="131"/>
                  <a:pt x="48" y="130"/>
                  <a:pt x="47" y="129"/>
                </a:cubicBezTo>
                <a:cubicBezTo>
                  <a:pt x="46" y="128"/>
                  <a:pt x="45" y="128"/>
                  <a:pt x="44" y="128"/>
                </a:cubicBezTo>
                <a:cubicBezTo>
                  <a:pt x="4" y="128"/>
                  <a:pt x="4" y="128"/>
                  <a:pt x="4" y="128"/>
                </a:cubicBezTo>
                <a:cubicBezTo>
                  <a:pt x="2" y="128"/>
                  <a:pt x="0" y="130"/>
                  <a:pt x="0" y="132"/>
                </a:cubicBezTo>
                <a:cubicBezTo>
                  <a:pt x="0" y="134"/>
                  <a:pt x="2" y="136"/>
                  <a:pt x="4" y="136"/>
                </a:cubicBezTo>
                <a:cubicBezTo>
                  <a:pt x="40" y="136"/>
                  <a:pt x="40" y="136"/>
                  <a:pt x="40" y="136"/>
                </a:cubicBezTo>
                <a:cubicBezTo>
                  <a:pt x="40" y="192"/>
                  <a:pt x="40" y="192"/>
                  <a:pt x="40" y="192"/>
                </a:cubicBezTo>
                <a:cubicBezTo>
                  <a:pt x="4" y="192"/>
                  <a:pt x="4" y="192"/>
                  <a:pt x="4" y="192"/>
                </a:cubicBezTo>
                <a:cubicBezTo>
                  <a:pt x="2" y="192"/>
                  <a:pt x="0" y="194"/>
                  <a:pt x="0" y="196"/>
                </a:cubicBezTo>
                <a:cubicBezTo>
                  <a:pt x="0" y="198"/>
                  <a:pt x="2" y="200"/>
                  <a:pt x="4" y="200"/>
                </a:cubicBezTo>
                <a:cubicBezTo>
                  <a:pt x="44" y="200"/>
                  <a:pt x="44" y="200"/>
                  <a:pt x="44" y="200"/>
                </a:cubicBezTo>
                <a:cubicBezTo>
                  <a:pt x="45" y="200"/>
                  <a:pt x="46" y="200"/>
                  <a:pt x="47" y="199"/>
                </a:cubicBezTo>
                <a:cubicBezTo>
                  <a:pt x="48" y="198"/>
                  <a:pt x="48" y="197"/>
                  <a:pt x="48" y="196"/>
                </a:cubicBezTo>
                <a:cubicBezTo>
                  <a:pt x="48" y="192"/>
                  <a:pt x="48" y="192"/>
                  <a:pt x="48" y="192"/>
                </a:cubicBezTo>
                <a:cubicBezTo>
                  <a:pt x="96" y="192"/>
                  <a:pt x="96" y="192"/>
                  <a:pt x="96" y="192"/>
                </a:cubicBezTo>
                <a:cubicBezTo>
                  <a:pt x="97" y="192"/>
                  <a:pt x="97" y="192"/>
                  <a:pt x="97" y="192"/>
                </a:cubicBezTo>
                <a:cubicBezTo>
                  <a:pt x="153" y="176"/>
                  <a:pt x="153" y="176"/>
                  <a:pt x="153" y="176"/>
                </a:cubicBezTo>
                <a:cubicBezTo>
                  <a:pt x="154" y="176"/>
                  <a:pt x="154" y="175"/>
                  <a:pt x="155" y="175"/>
                </a:cubicBezTo>
                <a:cubicBezTo>
                  <a:pt x="207" y="123"/>
                  <a:pt x="207" y="123"/>
                  <a:pt x="207" y="123"/>
                </a:cubicBezTo>
                <a:cubicBezTo>
                  <a:pt x="208" y="122"/>
                  <a:pt x="208" y="121"/>
                  <a:pt x="208" y="120"/>
                </a:cubicBezTo>
                <a:cubicBezTo>
                  <a:pt x="208" y="119"/>
                  <a:pt x="208" y="118"/>
                  <a:pt x="207" y="117"/>
                </a:cubicBezTo>
                <a:close/>
                <a:moveTo>
                  <a:pt x="143" y="119"/>
                </a:moveTo>
                <a:cubicBezTo>
                  <a:pt x="145" y="117"/>
                  <a:pt x="147" y="116"/>
                  <a:pt x="150" y="116"/>
                </a:cubicBezTo>
                <a:cubicBezTo>
                  <a:pt x="151" y="116"/>
                  <a:pt x="153" y="116"/>
                  <a:pt x="154" y="117"/>
                </a:cubicBezTo>
                <a:cubicBezTo>
                  <a:pt x="140" y="130"/>
                  <a:pt x="140" y="130"/>
                  <a:pt x="140" y="130"/>
                </a:cubicBezTo>
                <a:cubicBezTo>
                  <a:pt x="140" y="130"/>
                  <a:pt x="140" y="129"/>
                  <a:pt x="140" y="128"/>
                </a:cubicBezTo>
                <a:cubicBezTo>
                  <a:pt x="140" y="124"/>
                  <a:pt x="140" y="124"/>
                  <a:pt x="140" y="124"/>
                </a:cubicBezTo>
                <a:cubicBezTo>
                  <a:pt x="140" y="123"/>
                  <a:pt x="140" y="123"/>
                  <a:pt x="140" y="122"/>
                </a:cubicBezTo>
                <a:lnTo>
                  <a:pt x="143" y="119"/>
                </a:lnTo>
                <a:close/>
                <a:moveTo>
                  <a:pt x="163" y="119"/>
                </a:moveTo>
                <a:cubicBezTo>
                  <a:pt x="165" y="117"/>
                  <a:pt x="167" y="116"/>
                  <a:pt x="170" y="116"/>
                </a:cubicBezTo>
                <a:cubicBezTo>
                  <a:pt x="171" y="116"/>
                  <a:pt x="173" y="116"/>
                  <a:pt x="174" y="117"/>
                </a:cubicBezTo>
                <a:cubicBezTo>
                  <a:pt x="146" y="144"/>
                  <a:pt x="146" y="144"/>
                  <a:pt x="146" y="144"/>
                </a:cubicBezTo>
                <a:cubicBezTo>
                  <a:pt x="138" y="144"/>
                  <a:pt x="138" y="144"/>
                  <a:pt x="138" y="144"/>
                </a:cubicBezTo>
                <a:lnTo>
                  <a:pt x="163" y="119"/>
                </a:lnTo>
                <a:close/>
                <a:moveTo>
                  <a:pt x="150" y="168"/>
                </a:moveTo>
                <a:cubicBezTo>
                  <a:pt x="95" y="184"/>
                  <a:pt x="95" y="184"/>
                  <a:pt x="95" y="184"/>
                </a:cubicBezTo>
                <a:cubicBezTo>
                  <a:pt x="48" y="184"/>
                  <a:pt x="48" y="184"/>
                  <a:pt x="48" y="184"/>
                </a:cubicBezTo>
                <a:cubicBezTo>
                  <a:pt x="48" y="148"/>
                  <a:pt x="48" y="148"/>
                  <a:pt x="48" y="148"/>
                </a:cubicBezTo>
                <a:cubicBezTo>
                  <a:pt x="52" y="148"/>
                  <a:pt x="55" y="147"/>
                  <a:pt x="58" y="144"/>
                </a:cubicBezTo>
                <a:cubicBezTo>
                  <a:pt x="66" y="135"/>
                  <a:pt x="66" y="135"/>
                  <a:pt x="66" y="135"/>
                </a:cubicBezTo>
                <a:cubicBezTo>
                  <a:pt x="71" y="131"/>
                  <a:pt x="77" y="128"/>
                  <a:pt x="84" y="128"/>
                </a:cubicBezTo>
                <a:cubicBezTo>
                  <a:pt x="132" y="128"/>
                  <a:pt x="132" y="128"/>
                  <a:pt x="132" y="128"/>
                </a:cubicBezTo>
                <a:cubicBezTo>
                  <a:pt x="132" y="128"/>
                  <a:pt x="132" y="128"/>
                  <a:pt x="132" y="128"/>
                </a:cubicBezTo>
                <a:cubicBezTo>
                  <a:pt x="132" y="135"/>
                  <a:pt x="127" y="140"/>
                  <a:pt x="120" y="140"/>
                </a:cubicBezTo>
                <a:cubicBezTo>
                  <a:pt x="98" y="140"/>
                  <a:pt x="98" y="140"/>
                  <a:pt x="98" y="140"/>
                </a:cubicBezTo>
                <a:cubicBezTo>
                  <a:pt x="95" y="140"/>
                  <a:pt x="92" y="143"/>
                  <a:pt x="92" y="146"/>
                </a:cubicBezTo>
                <a:cubicBezTo>
                  <a:pt x="92" y="149"/>
                  <a:pt x="95" y="152"/>
                  <a:pt x="98" y="152"/>
                </a:cubicBezTo>
                <a:cubicBezTo>
                  <a:pt x="148" y="152"/>
                  <a:pt x="148" y="152"/>
                  <a:pt x="148" y="152"/>
                </a:cubicBezTo>
                <a:cubicBezTo>
                  <a:pt x="149" y="152"/>
                  <a:pt x="150" y="152"/>
                  <a:pt x="151" y="151"/>
                </a:cubicBezTo>
                <a:cubicBezTo>
                  <a:pt x="183" y="119"/>
                  <a:pt x="183" y="119"/>
                  <a:pt x="183" y="119"/>
                </a:cubicBezTo>
                <a:cubicBezTo>
                  <a:pt x="185" y="117"/>
                  <a:pt x="187" y="116"/>
                  <a:pt x="190" y="116"/>
                </a:cubicBezTo>
                <a:cubicBezTo>
                  <a:pt x="193" y="116"/>
                  <a:pt x="195" y="117"/>
                  <a:pt x="197" y="119"/>
                </a:cubicBezTo>
                <a:cubicBezTo>
                  <a:pt x="198" y="120"/>
                  <a:pt x="198" y="120"/>
                  <a:pt x="198" y="120"/>
                </a:cubicBezTo>
                <a:lnTo>
                  <a:pt x="150" y="168"/>
                </a:lnTo>
                <a:close/>
                <a:moveTo>
                  <a:pt x="108" y="60"/>
                </a:moveTo>
                <a:cubicBezTo>
                  <a:pt x="116" y="60"/>
                  <a:pt x="116" y="60"/>
                  <a:pt x="116" y="60"/>
                </a:cubicBezTo>
                <a:cubicBezTo>
                  <a:pt x="120" y="60"/>
                  <a:pt x="124" y="64"/>
                  <a:pt x="124" y="68"/>
                </a:cubicBezTo>
                <a:cubicBezTo>
                  <a:pt x="124" y="72"/>
                  <a:pt x="120" y="76"/>
                  <a:pt x="116" y="76"/>
                </a:cubicBezTo>
                <a:cubicBezTo>
                  <a:pt x="96" y="76"/>
                  <a:pt x="96" y="76"/>
                  <a:pt x="96" y="76"/>
                </a:cubicBezTo>
                <a:cubicBezTo>
                  <a:pt x="94" y="76"/>
                  <a:pt x="92" y="78"/>
                  <a:pt x="92" y="80"/>
                </a:cubicBezTo>
                <a:cubicBezTo>
                  <a:pt x="92" y="82"/>
                  <a:pt x="94" y="84"/>
                  <a:pt x="96" y="84"/>
                </a:cubicBezTo>
                <a:cubicBezTo>
                  <a:pt x="108" y="84"/>
                  <a:pt x="108" y="84"/>
                  <a:pt x="108" y="84"/>
                </a:cubicBezTo>
                <a:cubicBezTo>
                  <a:pt x="108" y="92"/>
                  <a:pt x="108" y="92"/>
                  <a:pt x="108" y="92"/>
                </a:cubicBezTo>
                <a:cubicBezTo>
                  <a:pt x="108" y="94"/>
                  <a:pt x="110" y="96"/>
                  <a:pt x="112" y="96"/>
                </a:cubicBezTo>
                <a:cubicBezTo>
                  <a:pt x="114" y="96"/>
                  <a:pt x="116" y="94"/>
                  <a:pt x="116" y="92"/>
                </a:cubicBezTo>
                <a:cubicBezTo>
                  <a:pt x="116" y="84"/>
                  <a:pt x="116" y="84"/>
                  <a:pt x="116" y="84"/>
                </a:cubicBezTo>
                <a:cubicBezTo>
                  <a:pt x="125" y="84"/>
                  <a:pt x="132" y="77"/>
                  <a:pt x="132" y="68"/>
                </a:cubicBezTo>
                <a:cubicBezTo>
                  <a:pt x="132" y="59"/>
                  <a:pt x="125" y="52"/>
                  <a:pt x="116" y="52"/>
                </a:cubicBezTo>
                <a:cubicBezTo>
                  <a:pt x="108" y="52"/>
                  <a:pt x="108" y="52"/>
                  <a:pt x="108" y="52"/>
                </a:cubicBezTo>
                <a:cubicBezTo>
                  <a:pt x="104" y="52"/>
                  <a:pt x="100" y="48"/>
                  <a:pt x="100" y="44"/>
                </a:cubicBezTo>
                <a:cubicBezTo>
                  <a:pt x="100" y="40"/>
                  <a:pt x="104" y="36"/>
                  <a:pt x="108" y="36"/>
                </a:cubicBezTo>
                <a:cubicBezTo>
                  <a:pt x="128" y="36"/>
                  <a:pt x="128" y="36"/>
                  <a:pt x="128" y="36"/>
                </a:cubicBezTo>
                <a:cubicBezTo>
                  <a:pt x="130" y="36"/>
                  <a:pt x="132" y="34"/>
                  <a:pt x="132" y="32"/>
                </a:cubicBezTo>
                <a:cubicBezTo>
                  <a:pt x="132" y="30"/>
                  <a:pt x="130" y="28"/>
                  <a:pt x="128" y="28"/>
                </a:cubicBezTo>
                <a:cubicBezTo>
                  <a:pt x="128" y="28"/>
                  <a:pt x="128" y="28"/>
                  <a:pt x="128" y="28"/>
                </a:cubicBezTo>
                <a:cubicBezTo>
                  <a:pt x="116" y="28"/>
                  <a:pt x="116" y="28"/>
                  <a:pt x="116" y="28"/>
                </a:cubicBezTo>
                <a:cubicBezTo>
                  <a:pt x="116" y="20"/>
                  <a:pt x="116" y="20"/>
                  <a:pt x="116" y="20"/>
                </a:cubicBezTo>
                <a:cubicBezTo>
                  <a:pt x="116" y="18"/>
                  <a:pt x="114" y="16"/>
                  <a:pt x="112" y="16"/>
                </a:cubicBezTo>
                <a:cubicBezTo>
                  <a:pt x="110" y="16"/>
                  <a:pt x="108" y="18"/>
                  <a:pt x="108" y="20"/>
                </a:cubicBezTo>
                <a:cubicBezTo>
                  <a:pt x="108" y="28"/>
                  <a:pt x="108" y="28"/>
                  <a:pt x="108" y="28"/>
                </a:cubicBezTo>
                <a:cubicBezTo>
                  <a:pt x="108" y="28"/>
                  <a:pt x="108" y="28"/>
                  <a:pt x="108" y="28"/>
                </a:cubicBezTo>
                <a:cubicBezTo>
                  <a:pt x="99" y="28"/>
                  <a:pt x="92" y="35"/>
                  <a:pt x="92" y="44"/>
                </a:cubicBezTo>
                <a:cubicBezTo>
                  <a:pt x="92" y="53"/>
                  <a:pt x="99" y="60"/>
                  <a:pt x="108" y="60"/>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202" name="Freeform 15">
            <a:extLst>
              <a:ext uri="{FF2B5EF4-FFF2-40B4-BE49-F238E27FC236}">
                <a16:creationId xmlns:a16="http://schemas.microsoft.com/office/drawing/2014/main" id="{D4DAC079-4372-85F9-57AB-62370D39550A}"/>
              </a:ext>
              <a:ext uri="{C183D7F6-B498-43B3-948B-1728B52AA6E4}">
                <adec:decorative xmlns:adec="http://schemas.microsoft.com/office/drawing/2017/decorative" val="1"/>
              </a:ext>
            </a:extLst>
          </p:cNvPr>
          <p:cNvSpPr>
            <a:spLocks noEditPoints="1"/>
          </p:cNvSpPr>
          <p:nvPr/>
        </p:nvSpPr>
        <p:spPr bwMode="auto">
          <a:xfrm>
            <a:off x="9709779" y="3769778"/>
            <a:ext cx="317603" cy="317603"/>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3 w 208"/>
              <a:gd name="T11" fmla="*/ 49 h 208"/>
              <a:gd name="T12" fmla="*/ 64 w 208"/>
              <a:gd name="T13" fmla="*/ 48 h 208"/>
              <a:gd name="T14" fmla="*/ 44 w 208"/>
              <a:gd name="T15" fmla="*/ 66 h 208"/>
              <a:gd name="T16" fmla="*/ 23 w 208"/>
              <a:gd name="T17" fmla="*/ 48 h 208"/>
              <a:gd name="T18" fmla="*/ 0 w 208"/>
              <a:gd name="T19" fmla="*/ 69 h 208"/>
              <a:gd name="T20" fmla="*/ 16 w 208"/>
              <a:gd name="T21" fmla="*/ 144 h 208"/>
              <a:gd name="T22" fmla="*/ 17 w 208"/>
              <a:gd name="T23" fmla="*/ 207 h 208"/>
              <a:gd name="T24" fmla="*/ 68 w 208"/>
              <a:gd name="T25" fmla="*/ 208 h 208"/>
              <a:gd name="T26" fmla="*/ 72 w 208"/>
              <a:gd name="T27" fmla="*/ 204 h 208"/>
              <a:gd name="T28" fmla="*/ 80 w 208"/>
              <a:gd name="T29" fmla="*/ 72 h 208"/>
              <a:gd name="T30" fmla="*/ 144 w 208"/>
              <a:gd name="T31" fmla="*/ 52 h 208"/>
              <a:gd name="T32" fmla="*/ 64 w 208"/>
              <a:gd name="T33" fmla="*/ 200 h 208"/>
              <a:gd name="T34" fmla="*/ 48 w 208"/>
              <a:gd name="T35" fmla="*/ 132 h 208"/>
              <a:gd name="T36" fmla="*/ 40 w 208"/>
              <a:gd name="T37" fmla="*/ 132 h 208"/>
              <a:gd name="T38" fmla="*/ 24 w 208"/>
              <a:gd name="T39" fmla="*/ 200 h 208"/>
              <a:gd name="T40" fmla="*/ 24 w 208"/>
              <a:gd name="T41" fmla="*/ 140 h 208"/>
              <a:gd name="T42" fmla="*/ 24 w 208"/>
              <a:gd name="T43" fmla="*/ 84 h 208"/>
              <a:gd name="T44" fmla="*/ 16 w 208"/>
              <a:gd name="T45" fmla="*/ 84 h 208"/>
              <a:gd name="T46" fmla="*/ 8 w 208"/>
              <a:gd name="T47" fmla="*/ 124 h 208"/>
              <a:gd name="T48" fmla="*/ 15 w 208"/>
              <a:gd name="T49" fmla="*/ 59 h 208"/>
              <a:gd name="T50" fmla="*/ 41 w 208"/>
              <a:gd name="T51" fmla="*/ 75 h 208"/>
              <a:gd name="T52" fmla="*/ 47 w 208"/>
              <a:gd name="T53" fmla="*/ 75 h 208"/>
              <a:gd name="T54" fmla="*/ 135 w 208"/>
              <a:gd name="T55" fmla="*/ 56 h 208"/>
              <a:gd name="T56" fmla="*/ 80 w 208"/>
              <a:gd name="T57" fmla="*/ 64 h 208"/>
              <a:gd name="T58" fmla="*/ 148 w 208"/>
              <a:gd name="T59" fmla="*/ 88 h 208"/>
              <a:gd name="T60" fmla="*/ 148 w 208"/>
              <a:gd name="T61" fmla="*/ 208 h 208"/>
              <a:gd name="T62" fmla="*/ 148 w 208"/>
              <a:gd name="T63" fmla="*/ 88 h 208"/>
              <a:gd name="T64" fmla="*/ 96 w 208"/>
              <a:gd name="T65" fmla="*/ 148 h 208"/>
              <a:gd name="T66" fmla="*/ 200 w 208"/>
              <a:gd name="T67" fmla="*/ 148 h 208"/>
              <a:gd name="T68" fmla="*/ 152 w 208"/>
              <a:gd name="T69" fmla="*/ 144 h 208"/>
              <a:gd name="T70" fmla="*/ 136 w 208"/>
              <a:gd name="T71" fmla="*/ 136 h 208"/>
              <a:gd name="T72" fmla="*/ 164 w 208"/>
              <a:gd name="T73" fmla="*/ 128 h 208"/>
              <a:gd name="T74" fmla="*/ 164 w 208"/>
              <a:gd name="T75" fmla="*/ 120 h 208"/>
              <a:gd name="T76" fmla="*/ 152 w 208"/>
              <a:gd name="T77" fmla="*/ 108 h 208"/>
              <a:gd name="T78" fmla="*/ 144 w 208"/>
              <a:gd name="T79" fmla="*/ 108 h 208"/>
              <a:gd name="T80" fmla="*/ 128 w 208"/>
              <a:gd name="T81" fmla="*/ 136 h 208"/>
              <a:gd name="T82" fmla="*/ 152 w 208"/>
              <a:gd name="T83" fmla="*/ 152 h 208"/>
              <a:gd name="T84" fmla="*/ 152 w 208"/>
              <a:gd name="T85" fmla="*/ 168 h 208"/>
              <a:gd name="T86" fmla="*/ 128 w 208"/>
              <a:gd name="T87" fmla="*/ 172 h 208"/>
              <a:gd name="T88" fmla="*/ 144 w 208"/>
              <a:gd name="T89" fmla="*/ 176 h 208"/>
              <a:gd name="T90" fmla="*/ 148 w 208"/>
              <a:gd name="T91" fmla="*/ 192 h 208"/>
              <a:gd name="T92" fmla="*/ 152 w 208"/>
              <a:gd name="T93" fmla="*/ 176 h 208"/>
              <a:gd name="T94" fmla="*/ 152 w 208"/>
              <a:gd name="T95" fmla="*/ 14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44" y="52"/>
                </a:move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cubicBezTo>
                  <a:pt x="124" y="72"/>
                  <a:pt x="124" y="72"/>
                  <a:pt x="124" y="72"/>
                </a:cubicBezTo>
                <a:cubicBezTo>
                  <a:pt x="135" y="72"/>
                  <a:pt x="144" y="63"/>
                  <a:pt x="144" y="52"/>
                </a:cubicBez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140"/>
                  <a:pt x="24" y="140"/>
                  <a:pt x="24" y="140"/>
                </a:cubicBezTo>
                <a:cubicBezTo>
                  <a:pt x="24" y="140"/>
                  <a:pt x="24" y="140"/>
                  <a:pt x="24" y="140"/>
                </a:cubicBezTo>
                <a:cubicBezTo>
                  <a:pt x="24" y="140"/>
                  <a:pt x="24" y="140"/>
                  <a:pt x="24" y="14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148" y="88"/>
                </a:moveTo>
                <a:cubicBezTo>
                  <a:pt x="115" y="88"/>
                  <a:pt x="88" y="115"/>
                  <a:pt x="88" y="148"/>
                </a:cubicBezTo>
                <a:cubicBezTo>
                  <a:pt x="88" y="181"/>
                  <a:pt x="115" y="208"/>
                  <a:pt x="148" y="208"/>
                </a:cubicBezTo>
                <a:cubicBezTo>
                  <a:pt x="181" y="208"/>
                  <a:pt x="208" y="181"/>
                  <a:pt x="208" y="148"/>
                </a:cubicBezTo>
                <a:cubicBezTo>
                  <a:pt x="208" y="115"/>
                  <a:pt x="181" y="88"/>
                  <a:pt x="148" y="88"/>
                </a:cubicBezTo>
                <a:close/>
                <a:moveTo>
                  <a:pt x="148" y="200"/>
                </a:moveTo>
                <a:cubicBezTo>
                  <a:pt x="119" y="200"/>
                  <a:pt x="96" y="177"/>
                  <a:pt x="96" y="148"/>
                </a:cubicBezTo>
                <a:cubicBezTo>
                  <a:pt x="96" y="119"/>
                  <a:pt x="119" y="96"/>
                  <a:pt x="148" y="96"/>
                </a:cubicBezTo>
                <a:cubicBezTo>
                  <a:pt x="177" y="96"/>
                  <a:pt x="200" y="119"/>
                  <a:pt x="200" y="148"/>
                </a:cubicBezTo>
                <a:cubicBezTo>
                  <a:pt x="200" y="177"/>
                  <a:pt x="177" y="200"/>
                  <a:pt x="148" y="200"/>
                </a:cubicBezTo>
                <a:close/>
                <a:moveTo>
                  <a:pt x="152" y="144"/>
                </a:moveTo>
                <a:cubicBezTo>
                  <a:pt x="144" y="144"/>
                  <a:pt x="144" y="144"/>
                  <a:pt x="144" y="144"/>
                </a:cubicBezTo>
                <a:cubicBezTo>
                  <a:pt x="140" y="144"/>
                  <a:pt x="136" y="140"/>
                  <a:pt x="136" y="136"/>
                </a:cubicBezTo>
                <a:cubicBezTo>
                  <a:pt x="136" y="132"/>
                  <a:pt x="140" y="128"/>
                  <a:pt x="144" y="128"/>
                </a:cubicBezTo>
                <a:cubicBezTo>
                  <a:pt x="164" y="128"/>
                  <a:pt x="164" y="128"/>
                  <a:pt x="164" y="128"/>
                </a:cubicBezTo>
                <a:cubicBezTo>
                  <a:pt x="166" y="128"/>
                  <a:pt x="168" y="126"/>
                  <a:pt x="168" y="124"/>
                </a:cubicBezTo>
                <a:cubicBezTo>
                  <a:pt x="168" y="122"/>
                  <a:pt x="166" y="120"/>
                  <a:pt x="164" y="120"/>
                </a:cubicBezTo>
                <a:cubicBezTo>
                  <a:pt x="152" y="120"/>
                  <a:pt x="152" y="120"/>
                  <a:pt x="152" y="120"/>
                </a:cubicBezTo>
                <a:cubicBezTo>
                  <a:pt x="152" y="108"/>
                  <a:pt x="152" y="108"/>
                  <a:pt x="152" y="108"/>
                </a:cubicBezTo>
                <a:cubicBezTo>
                  <a:pt x="152" y="106"/>
                  <a:pt x="150" y="104"/>
                  <a:pt x="148" y="104"/>
                </a:cubicBezTo>
                <a:cubicBezTo>
                  <a:pt x="146" y="104"/>
                  <a:pt x="144" y="106"/>
                  <a:pt x="144" y="108"/>
                </a:cubicBezTo>
                <a:cubicBezTo>
                  <a:pt x="144" y="120"/>
                  <a:pt x="144" y="120"/>
                  <a:pt x="144" y="120"/>
                </a:cubicBezTo>
                <a:cubicBezTo>
                  <a:pt x="135" y="120"/>
                  <a:pt x="128" y="127"/>
                  <a:pt x="128" y="136"/>
                </a:cubicBezTo>
                <a:cubicBezTo>
                  <a:pt x="128" y="145"/>
                  <a:pt x="135" y="152"/>
                  <a:pt x="144" y="152"/>
                </a:cubicBezTo>
                <a:cubicBezTo>
                  <a:pt x="152" y="152"/>
                  <a:pt x="152" y="152"/>
                  <a:pt x="152" y="152"/>
                </a:cubicBezTo>
                <a:cubicBezTo>
                  <a:pt x="156" y="152"/>
                  <a:pt x="160" y="156"/>
                  <a:pt x="160" y="160"/>
                </a:cubicBezTo>
                <a:cubicBezTo>
                  <a:pt x="160" y="164"/>
                  <a:pt x="156" y="168"/>
                  <a:pt x="152" y="168"/>
                </a:cubicBezTo>
                <a:cubicBezTo>
                  <a:pt x="132" y="168"/>
                  <a:pt x="132" y="168"/>
                  <a:pt x="132" y="168"/>
                </a:cubicBezTo>
                <a:cubicBezTo>
                  <a:pt x="130" y="168"/>
                  <a:pt x="128" y="170"/>
                  <a:pt x="128" y="172"/>
                </a:cubicBezTo>
                <a:cubicBezTo>
                  <a:pt x="128" y="174"/>
                  <a:pt x="130" y="176"/>
                  <a:pt x="132" y="176"/>
                </a:cubicBezTo>
                <a:cubicBezTo>
                  <a:pt x="144" y="176"/>
                  <a:pt x="144" y="176"/>
                  <a:pt x="144" y="176"/>
                </a:cubicBezTo>
                <a:cubicBezTo>
                  <a:pt x="144" y="188"/>
                  <a:pt x="144" y="188"/>
                  <a:pt x="144" y="188"/>
                </a:cubicBezTo>
                <a:cubicBezTo>
                  <a:pt x="144" y="190"/>
                  <a:pt x="146" y="192"/>
                  <a:pt x="148" y="192"/>
                </a:cubicBezTo>
                <a:cubicBezTo>
                  <a:pt x="150" y="192"/>
                  <a:pt x="152" y="190"/>
                  <a:pt x="152" y="188"/>
                </a:cubicBezTo>
                <a:cubicBezTo>
                  <a:pt x="152" y="176"/>
                  <a:pt x="152" y="176"/>
                  <a:pt x="152" y="176"/>
                </a:cubicBezTo>
                <a:cubicBezTo>
                  <a:pt x="161" y="176"/>
                  <a:pt x="168" y="169"/>
                  <a:pt x="168" y="160"/>
                </a:cubicBezTo>
                <a:cubicBezTo>
                  <a:pt x="168" y="151"/>
                  <a:pt x="161" y="144"/>
                  <a:pt x="152" y="14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205" name="Freeform 17">
            <a:extLst>
              <a:ext uri="{FF2B5EF4-FFF2-40B4-BE49-F238E27FC236}">
                <a16:creationId xmlns:a16="http://schemas.microsoft.com/office/drawing/2014/main" id="{979AC6D4-F6C8-1EFD-A2E2-48689918173A}"/>
              </a:ext>
              <a:ext uri="{C183D7F6-B498-43B3-948B-1728B52AA6E4}">
                <adec:decorative xmlns:adec="http://schemas.microsoft.com/office/drawing/2017/decorative" val="1"/>
              </a:ext>
            </a:extLst>
          </p:cNvPr>
          <p:cNvSpPr>
            <a:spLocks noEditPoints="1"/>
          </p:cNvSpPr>
          <p:nvPr/>
        </p:nvSpPr>
        <p:spPr bwMode="auto">
          <a:xfrm>
            <a:off x="9689044" y="3026800"/>
            <a:ext cx="359072" cy="359072"/>
          </a:xfrm>
          <a:custGeom>
            <a:avLst/>
            <a:gdLst>
              <a:gd name="T0" fmla="*/ 204 w 208"/>
              <a:gd name="T1" fmla="*/ 80 h 208"/>
              <a:gd name="T2" fmla="*/ 163 w 208"/>
              <a:gd name="T3" fmla="*/ 73 h 208"/>
              <a:gd name="T4" fmla="*/ 132 w 208"/>
              <a:gd name="T5" fmla="*/ 72 h 208"/>
              <a:gd name="T6" fmla="*/ 128 w 208"/>
              <a:gd name="T7" fmla="*/ 76 h 208"/>
              <a:gd name="T8" fmla="*/ 129 w 208"/>
              <a:gd name="T9" fmla="*/ 127 h 208"/>
              <a:gd name="T10" fmla="*/ 164 w 208"/>
              <a:gd name="T11" fmla="*/ 128 h 208"/>
              <a:gd name="T12" fmla="*/ 156 w 208"/>
              <a:gd name="T13" fmla="*/ 144 h 208"/>
              <a:gd name="T14" fmla="*/ 108 w 208"/>
              <a:gd name="T15" fmla="*/ 56 h 208"/>
              <a:gd name="T16" fmla="*/ 143 w 208"/>
              <a:gd name="T17" fmla="*/ 55 h 208"/>
              <a:gd name="T18" fmla="*/ 144 w 208"/>
              <a:gd name="T19" fmla="*/ 12 h 208"/>
              <a:gd name="T20" fmla="*/ 140 w 208"/>
              <a:gd name="T21" fmla="*/ 8 h 208"/>
              <a:gd name="T22" fmla="*/ 99 w 208"/>
              <a:gd name="T23" fmla="*/ 1 h 208"/>
              <a:gd name="T24" fmla="*/ 68 w 208"/>
              <a:gd name="T25" fmla="*/ 0 h 208"/>
              <a:gd name="T26" fmla="*/ 64 w 208"/>
              <a:gd name="T27" fmla="*/ 4 h 208"/>
              <a:gd name="T28" fmla="*/ 65 w 208"/>
              <a:gd name="T29" fmla="*/ 55 h 208"/>
              <a:gd name="T30" fmla="*/ 100 w 208"/>
              <a:gd name="T31" fmla="*/ 56 h 208"/>
              <a:gd name="T32" fmla="*/ 52 w 208"/>
              <a:gd name="T33" fmla="*/ 144 h 208"/>
              <a:gd name="T34" fmla="*/ 44 w 208"/>
              <a:gd name="T35" fmla="*/ 128 h 208"/>
              <a:gd name="T36" fmla="*/ 79 w 208"/>
              <a:gd name="T37" fmla="*/ 127 h 208"/>
              <a:gd name="T38" fmla="*/ 80 w 208"/>
              <a:gd name="T39" fmla="*/ 84 h 208"/>
              <a:gd name="T40" fmla="*/ 76 w 208"/>
              <a:gd name="T41" fmla="*/ 80 h 208"/>
              <a:gd name="T42" fmla="*/ 35 w 208"/>
              <a:gd name="T43" fmla="*/ 73 h 208"/>
              <a:gd name="T44" fmla="*/ 4 w 208"/>
              <a:gd name="T45" fmla="*/ 72 h 208"/>
              <a:gd name="T46" fmla="*/ 0 w 208"/>
              <a:gd name="T47" fmla="*/ 76 h 208"/>
              <a:gd name="T48" fmla="*/ 1 w 208"/>
              <a:gd name="T49" fmla="*/ 127 h 208"/>
              <a:gd name="T50" fmla="*/ 36 w 208"/>
              <a:gd name="T51" fmla="*/ 128 h 208"/>
              <a:gd name="T52" fmla="*/ 52 w 208"/>
              <a:gd name="T53" fmla="*/ 152 h 208"/>
              <a:gd name="T54" fmla="*/ 100 w 208"/>
              <a:gd name="T55" fmla="*/ 168 h 208"/>
              <a:gd name="T56" fmla="*/ 44 w 208"/>
              <a:gd name="T57" fmla="*/ 184 h 208"/>
              <a:gd name="T58" fmla="*/ 44 w 208"/>
              <a:gd name="T59" fmla="*/ 192 h 208"/>
              <a:gd name="T60" fmla="*/ 104 w 208"/>
              <a:gd name="T61" fmla="*/ 208 h 208"/>
              <a:gd name="T62" fmla="*/ 164 w 208"/>
              <a:gd name="T63" fmla="*/ 192 h 208"/>
              <a:gd name="T64" fmla="*/ 164 w 208"/>
              <a:gd name="T65" fmla="*/ 184 h 208"/>
              <a:gd name="T66" fmla="*/ 108 w 208"/>
              <a:gd name="T67" fmla="*/ 168 h 208"/>
              <a:gd name="T68" fmla="*/ 156 w 208"/>
              <a:gd name="T69" fmla="*/ 152 h 208"/>
              <a:gd name="T70" fmla="*/ 172 w 208"/>
              <a:gd name="T71" fmla="*/ 128 h 208"/>
              <a:gd name="T72" fmla="*/ 207 w 208"/>
              <a:gd name="T73" fmla="*/ 127 h 208"/>
              <a:gd name="T74" fmla="*/ 208 w 208"/>
              <a:gd name="T75" fmla="*/ 84 h 208"/>
              <a:gd name="T76" fmla="*/ 72 w 208"/>
              <a:gd name="T77" fmla="*/ 48 h 208"/>
              <a:gd name="T78" fmla="*/ 94 w 208"/>
              <a:gd name="T79" fmla="*/ 8 h 208"/>
              <a:gd name="T80" fmla="*/ 104 w 208"/>
              <a:gd name="T81" fmla="*/ 16 h 208"/>
              <a:gd name="T82" fmla="*/ 136 w 208"/>
              <a:gd name="T83" fmla="*/ 48 h 208"/>
              <a:gd name="T84" fmla="*/ 8 w 208"/>
              <a:gd name="T85" fmla="*/ 80 h 208"/>
              <a:gd name="T86" fmla="*/ 37 w 208"/>
              <a:gd name="T87" fmla="*/ 87 h 208"/>
              <a:gd name="T88" fmla="*/ 72 w 208"/>
              <a:gd name="T89" fmla="*/ 88 h 208"/>
              <a:gd name="T90" fmla="*/ 8 w 208"/>
              <a:gd name="T91" fmla="*/ 120 h 208"/>
              <a:gd name="T92" fmla="*/ 116 w 208"/>
              <a:gd name="T93" fmla="*/ 188 h 208"/>
              <a:gd name="T94" fmla="*/ 92 w 208"/>
              <a:gd name="T95" fmla="*/ 188 h 208"/>
              <a:gd name="T96" fmla="*/ 92 w 208"/>
              <a:gd name="T97" fmla="*/ 188 h 208"/>
              <a:gd name="T98" fmla="*/ 116 w 208"/>
              <a:gd name="T99" fmla="*/ 188 h 208"/>
              <a:gd name="T100" fmla="*/ 136 w 208"/>
              <a:gd name="T101" fmla="*/ 80 h 208"/>
              <a:gd name="T102" fmla="*/ 165 w 208"/>
              <a:gd name="T103" fmla="*/ 87 h 208"/>
              <a:gd name="T104" fmla="*/ 200 w 208"/>
              <a:gd name="T105" fmla="*/ 88 h 208"/>
              <a:gd name="T106" fmla="*/ 136 w 208"/>
              <a:gd name="T107" fmla="*/ 12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208" h="208">
                <a:moveTo>
                  <a:pt x="207" y="81"/>
                </a:moveTo>
                <a:cubicBezTo>
                  <a:pt x="206" y="80"/>
                  <a:pt x="205" y="80"/>
                  <a:pt x="204" y="80"/>
                </a:cubicBezTo>
                <a:cubicBezTo>
                  <a:pt x="170" y="80"/>
                  <a:pt x="170" y="80"/>
                  <a:pt x="170" y="80"/>
                </a:cubicBezTo>
                <a:cubicBezTo>
                  <a:pt x="163" y="73"/>
                  <a:pt x="163" y="73"/>
                  <a:pt x="163" y="73"/>
                </a:cubicBezTo>
                <a:cubicBezTo>
                  <a:pt x="162" y="72"/>
                  <a:pt x="161" y="72"/>
                  <a:pt x="160" y="72"/>
                </a:cubicBezTo>
                <a:cubicBezTo>
                  <a:pt x="132" y="72"/>
                  <a:pt x="132" y="72"/>
                  <a:pt x="132" y="72"/>
                </a:cubicBezTo>
                <a:cubicBezTo>
                  <a:pt x="131" y="72"/>
                  <a:pt x="130" y="72"/>
                  <a:pt x="129" y="73"/>
                </a:cubicBezTo>
                <a:cubicBezTo>
                  <a:pt x="128" y="74"/>
                  <a:pt x="128" y="75"/>
                  <a:pt x="128" y="76"/>
                </a:cubicBezTo>
                <a:cubicBezTo>
                  <a:pt x="128" y="124"/>
                  <a:pt x="128" y="124"/>
                  <a:pt x="128" y="124"/>
                </a:cubicBezTo>
                <a:cubicBezTo>
                  <a:pt x="128" y="125"/>
                  <a:pt x="128" y="126"/>
                  <a:pt x="129" y="127"/>
                </a:cubicBezTo>
                <a:cubicBezTo>
                  <a:pt x="130" y="128"/>
                  <a:pt x="131" y="128"/>
                  <a:pt x="132" y="128"/>
                </a:cubicBezTo>
                <a:cubicBezTo>
                  <a:pt x="164" y="128"/>
                  <a:pt x="164" y="128"/>
                  <a:pt x="164" y="128"/>
                </a:cubicBezTo>
                <a:cubicBezTo>
                  <a:pt x="164" y="136"/>
                  <a:pt x="164" y="136"/>
                  <a:pt x="164" y="136"/>
                </a:cubicBezTo>
                <a:cubicBezTo>
                  <a:pt x="164" y="140"/>
                  <a:pt x="160" y="144"/>
                  <a:pt x="156" y="144"/>
                </a:cubicBezTo>
                <a:cubicBezTo>
                  <a:pt x="108" y="144"/>
                  <a:pt x="108" y="144"/>
                  <a:pt x="108" y="144"/>
                </a:cubicBezTo>
                <a:cubicBezTo>
                  <a:pt x="108" y="56"/>
                  <a:pt x="108" y="56"/>
                  <a:pt x="108" y="56"/>
                </a:cubicBezTo>
                <a:cubicBezTo>
                  <a:pt x="140" y="56"/>
                  <a:pt x="140" y="56"/>
                  <a:pt x="140" y="56"/>
                </a:cubicBezTo>
                <a:cubicBezTo>
                  <a:pt x="141" y="56"/>
                  <a:pt x="142" y="56"/>
                  <a:pt x="143" y="55"/>
                </a:cubicBezTo>
                <a:cubicBezTo>
                  <a:pt x="144" y="54"/>
                  <a:pt x="144" y="53"/>
                  <a:pt x="144" y="52"/>
                </a:cubicBezTo>
                <a:cubicBezTo>
                  <a:pt x="144" y="12"/>
                  <a:pt x="144" y="12"/>
                  <a:pt x="144" y="12"/>
                </a:cubicBezTo>
                <a:cubicBezTo>
                  <a:pt x="144" y="11"/>
                  <a:pt x="144" y="10"/>
                  <a:pt x="143" y="9"/>
                </a:cubicBezTo>
                <a:cubicBezTo>
                  <a:pt x="142" y="8"/>
                  <a:pt x="141" y="8"/>
                  <a:pt x="140" y="8"/>
                </a:cubicBezTo>
                <a:cubicBezTo>
                  <a:pt x="106" y="8"/>
                  <a:pt x="106" y="8"/>
                  <a:pt x="106" y="8"/>
                </a:cubicBezTo>
                <a:cubicBezTo>
                  <a:pt x="99" y="1"/>
                  <a:pt x="99" y="1"/>
                  <a:pt x="99" y="1"/>
                </a:cubicBezTo>
                <a:cubicBezTo>
                  <a:pt x="98" y="0"/>
                  <a:pt x="97" y="0"/>
                  <a:pt x="96" y="0"/>
                </a:cubicBezTo>
                <a:cubicBezTo>
                  <a:pt x="68" y="0"/>
                  <a:pt x="68" y="0"/>
                  <a:pt x="68" y="0"/>
                </a:cubicBezTo>
                <a:cubicBezTo>
                  <a:pt x="67" y="0"/>
                  <a:pt x="66" y="0"/>
                  <a:pt x="65" y="1"/>
                </a:cubicBezTo>
                <a:cubicBezTo>
                  <a:pt x="64" y="2"/>
                  <a:pt x="64" y="3"/>
                  <a:pt x="64" y="4"/>
                </a:cubicBezTo>
                <a:cubicBezTo>
                  <a:pt x="64" y="52"/>
                  <a:pt x="64" y="52"/>
                  <a:pt x="64" y="52"/>
                </a:cubicBezTo>
                <a:cubicBezTo>
                  <a:pt x="64" y="53"/>
                  <a:pt x="64" y="54"/>
                  <a:pt x="65" y="55"/>
                </a:cubicBezTo>
                <a:cubicBezTo>
                  <a:pt x="66" y="56"/>
                  <a:pt x="67" y="56"/>
                  <a:pt x="68" y="56"/>
                </a:cubicBezTo>
                <a:cubicBezTo>
                  <a:pt x="100" y="56"/>
                  <a:pt x="100" y="56"/>
                  <a:pt x="100" y="56"/>
                </a:cubicBezTo>
                <a:cubicBezTo>
                  <a:pt x="100" y="144"/>
                  <a:pt x="100" y="144"/>
                  <a:pt x="100" y="144"/>
                </a:cubicBezTo>
                <a:cubicBezTo>
                  <a:pt x="52" y="144"/>
                  <a:pt x="52" y="144"/>
                  <a:pt x="52" y="144"/>
                </a:cubicBezTo>
                <a:cubicBezTo>
                  <a:pt x="48" y="144"/>
                  <a:pt x="44" y="140"/>
                  <a:pt x="44" y="136"/>
                </a:cubicBezTo>
                <a:cubicBezTo>
                  <a:pt x="44" y="128"/>
                  <a:pt x="44" y="128"/>
                  <a:pt x="44" y="128"/>
                </a:cubicBezTo>
                <a:cubicBezTo>
                  <a:pt x="76" y="128"/>
                  <a:pt x="76" y="128"/>
                  <a:pt x="76" y="128"/>
                </a:cubicBezTo>
                <a:cubicBezTo>
                  <a:pt x="77" y="128"/>
                  <a:pt x="78" y="128"/>
                  <a:pt x="79" y="127"/>
                </a:cubicBezTo>
                <a:cubicBezTo>
                  <a:pt x="80" y="126"/>
                  <a:pt x="80" y="125"/>
                  <a:pt x="80" y="124"/>
                </a:cubicBezTo>
                <a:cubicBezTo>
                  <a:pt x="80" y="84"/>
                  <a:pt x="80" y="84"/>
                  <a:pt x="80" y="84"/>
                </a:cubicBezTo>
                <a:cubicBezTo>
                  <a:pt x="80" y="83"/>
                  <a:pt x="80" y="82"/>
                  <a:pt x="79" y="81"/>
                </a:cubicBezTo>
                <a:cubicBezTo>
                  <a:pt x="78" y="80"/>
                  <a:pt x="77" y="80"/>
                  <a:pt x="76" y="80"/>
                </a:cubicBezTo>
                <a:cubicBezTo>
                  <a:pt x="42" y="80"/>
                  <a:pt x="42" y="80"/>
                  <a:pt x="42" y="80"/>
                </a:cubicBezTo>
                <a:cubicBezTo>
                  <a:pt x="35" y="73"/>
                  <a:pt x="35" y="73"/>
                  <a:pt x="35" y="73"/>
                </a:cubicBezTo>
                <a:cubicBezTo>
                  <a:pt x="34" y="72"/>
                  <a:pt x="33" y="72"/>
                  <a:pt x="32" y="72"/>
                </a:cubicBezTo>
                <a:cubicBezTo>
                  <a:pt x="4" y="72"/>
                  <a:pt x="4" y="72"/>
                  <a:pt x="4" y="72"/>
                </a:cubicBezTo>
                <a:cubicBezTo>
                  <a:pt x="3" y="72"/>
                  <a:pt x="2" y="72"/>
                  <a:pt x="1" y="73"/>
                </a:cubicBezTo>
                <a:cubicBezTo>
                  <a:pt x="0" y="74"/>
                  <a:pt x="0" y="75"/>
                  <a:pt x="0" y="76"/>
                </a:cubicBezTo>
                <a:cubicBezTo>
                  <a:pt x="0" y="124"/>
                  <a:pt x="0" y="124"/>
                  <a:pt x="0" y="124"/>
                </a:cubicBezTo>
                <a:cubicBezTo>
                  <a:pt x="0" y="125"/>
                  <a:pt x="0" y="126"/>
                  <a:pt x="1" y="127"/>
                </a:cubicBezTo>
                <a:cubicBezTo>
                  <a:pt x="2" y="128"/>
                  <a:pt x="3" y="128"/>
                  <a:pt x="4" y="128"/>
                </a:cubicBezTo>
                <a:cubicBezTo>
                  <a:pt x="36" y="128"/>
                  <a:pt x="36" y="128"/>
                  <a:pt x="36" y="128"/>
                </a:cubicBezTo>
                <a:cubicBezTo>
                  <a:pt x="36" y="136"/>
                  <a:pt x="36" y="136"/>
                  <a:pt x="36" y="136"/>
                </a:cubicBezTo>
                <a:cubicBezTo>
                  <a:pt x="36" y="145"/>
                  <a:pt x="43" y="152"/>
                  <a:pt x="52" y="152"/>
                </a:cubicBezTo>
                <a:cubicBezTo>
                  <a:pt x="100" y="152"/>
                  <a:pt x="100" y="152"/>
                  <a:pt x="100" y="152"/>
                </a:cubicBezTo>
                <a:cubicBezTo>
                  <a:pt x="100" y="168"/>
                  <a:pt x="100" y="168"/>
                  <a:pt x="100" y="168"/>
                </a:cubicBezTo>
                <a:cubicBezTo>
                  <a:pt x="92" y="170"/>
                  <a:pt x="86" y="176"/>
                  <a:pt x="84" y="184"/>
                </a:cubicBezTo>
                <a:cubicBezTo>
                  <a:pt x="44" y="184"/>
                  <a:pt x="44" y="184"/>
                  <a:pt x="44" y="184"/>
                </a:cubicBezTo>
                <a:cubicBezTo>
                  <a:pt x="42" y="184"/>
                  <a:pt x="40" y="186"/>
                  <a:pt x="40" y="188"/>
                </a:cubicBezTo>
                <a:cubicBezTo>
                  <a:pt x="40" y="190"/>
                  <a:pt x="42" y="192"/>
                  <a:pt x="44" y="192"/>
                </a:cubicBezTo>
                <a:cubicBezTo>
                  <a:pt x="84" y="192"/>
                  <a:pt x="84" y="192"/>
                  <a:pt x="84" y="192"/>
                </a:cubicBezTo>
                <a:cubicBezTo>
                  <a:pt x="86" y="201"/>
                  <a:pt x="94" y="208"/>
                  <a:pt x="104" y="208"/>
                </a:cubicBezTo>
                <a:cubicBezTo>
                  <a:pt x="114" y="208"/>
                  <a:pt x="122" y="201"/>
                  <a:pt x="124" y="192"/>
                </a:cubicBezTo>
                <a:cubicBezTo>
                  <a:pt x="164" y="192"/>
                  <a:pt x="164" y="192"/>
                  <a:pt x="164" y="192"/>
                </a:cubicBezTo>
                <a:cubicBezTo>
                  <a:pt x="166" y="192"/>
                  <a:pt x="168" y="190"/>
                  <a:pt x="168" y="188"/>
                </a:cubicBezTo>
                <a:cubicBezTo>
                  <a:pt x="168" y="186"/>
                  <a:pt x="166" y="184"/>
                  <a:pt x="164" y="184"/>
                </a:cubicBezTo>
                <a:cubicBezTo>
                  <a:pt x="124" y="184"/>
                  <a:pt x="124" y="184"/>
                  <a:pt x="124" y="184"/>
                </a:cubicBezTo>
                <a:cubicBezTo>
                  <a:pt x="122" y="176"/>
                  <a:pt x="116" y="170"/>
                  <a:pt x="108" y="168"/>
                </a:cubicBezTo>
                <a:cubicBezTo>
                  <a:pt x="108" y="152"/>
                  <a:pt x="108" y="152"/>
                  <a:pt x="108" y="152"/>
                </a:cubicBezTo>
                <a:cubicBezTo>
                  <a:pt x="156" y="152"/>
                  <a:pt x="156" y="152"/>
                  <a:pt x="156" y="152"/>
                </a:cubicBezTo>
                <a:cubicBezTo>
                  <a:pt x="165" y="152"/>
                  <a:pt x="172" y="145"/>
                  <a:pt x="172" y="136"/>
                </a:cubicBezTo>
                <a:cubicBezTo>
                  <a:pt x="172" y="128"/>
                  <a:pt x="172" y="128"/>
                  <a:pt x="172" y="128"/>
                </a:cubicBezTo>
                <a:cubicBezTo>
                  <a:pt x="204" y="128"/>
                  <a:pt x="204" y="128"/>
                  <a:pt x="204" y="128"/>
                </a:cubicBezTo>
                <a:cubicBezTo>
                  <a:pt x="205" y="128"/>
                  <a:pt x="206" y="128"/>
                  <a:pt x="207" y="127"/>
                </a:cubicBezTo>
                <a:cubicBezTo>
                  <a:pt x="208" y="126"/>
                  <a:pt x="208" y="125"/>
                  <a:pt x="208" y="124"/>
                </a:cubicBezTo>
                <a:cubicBezTo>
                  <a:pt x="208" y="84"/>
                  <a:pt x="208" y="84"/>
                  <a:pt x="208" y="84"/>
                </a:cubicBezTo>
                <a:cubicBezTo>
                  <a:pt x="208" y="83"/>
                  <a:pt x="208" y="82"/>
                  <a:pt x="207" y="81"/>
                </a:cubicBezTo>
                <a:close/>
                <a:moveTo>
                  <a:pt x="72" y="48"/>
                </a:moveTo>
                <a:cubicBezTo>
                  <a:pt x="72" y="8"/>
                  <a:pt x="72" y="8"/>
                  <a:pt x="72" y="8"/>
                </a:cubicBezTo>
                <a:cubicBezTo>
                  <a:pt x="94" y="8"/>
                  <a:pt x="94" y="8"/>
                  <a:pt x="94" y="8"/>
                </a:cubicBezTo>
                <a:cubicBezTo>
                  <a:pt x="101" y="15"/>
                  <a:pt x="101" y="15"/>
                  <a:pt x="101" y="15"/>
                </a:cubicBezTo>
                <a:cubicBezTo>
                  <a:pt x="102" y="16"/>
                  <a:pt x="103" y="16"/>
                  <a:pt x="104" y="16"/>
                </a:cubicBezTo>
                <a:cubicBezTo>
                  <a:pt x="136" y="16"/>
                  <a:pt x="136" y="16"/>
                  <a:pt x="136" y="16"/>
                </a:cubicBezTo>
                <a:cubicBezTo>
                  <a:pt x="136" y="48"/>
                  <a:pt x="136" y="48"/>
                  <a:pt x="136" y="48"/>
                </a:cubicBezTo>
                <a:lnTo>
                  <a:pt x="72" y="48"/>
                </a:lnTo>
                <a:close/>
                <a:moveTo>
                  <a:pt x="8" y="80"/>
                </a:moveTo>
                <a:cubicBezTo>
                  <a:pt x="30" y="80"/>
                  <a:pt x="30" y="80"/>
                  <a:pt x="30" y="80"/>
                </a:cubicBezTo>
                <a:cubicBezTo>
                  <a:pt x="37" y="87"/>
                  <a:pt x="37" y="87"/>
                  <a:pt x="37" y="87"/>
                </a:cubicBezTo>
                <a:cubicBezTo>
                  <a:pt x="38" y="88"/>
                  <a:pt x="39" y="88"/>
                  <a:pt x="40" y="88"/>
                </a:cubicBezTo>
                <a:cubicBezTo>
                  <a:pt x="72" y="88"/>
                  <a:pt x="72" y="88"/>
                  <a:pt x="72" y="88"/>
                </a:cubicBezTo>
                <a:cubicBezTo>
                  <a:pt x="72" y="120"/>
                  <a:pt x="72" y="120"/>
                  <a:pt x="72" y="120"/>
                </a:cubicBezTo>
                <a:cubicBezTo>
                  <a:pt x="8" y="120"/>
                  <a:pt x="8" y="120"/>
                  <a:pt x="8" y="120"/>
                </a:cubicBezTo>
                <a:lnTo>
                  <a:pt x="8" y="80"/>
                </a:lnTo>
                <a:close/>
                <a:moveTo>
                  <a:pt x="116" y="188"/>
                </a:moveTo>
                <a:cubicBezTo>
                  <a:pt x="116" y="195"/>
                  <a:pt x="111" y="200"/>
                  <a:pt x="104" y="200"/>
                </a:cubicBezTo>
                <a:cubicBezTo>
                  <a:pt x="97" y="200"/>
                  <a:pt x="92" y="195"/>
                  <a:pt x="92" y="188"/>
                </a:cubicBezTo>
                <a:cubicBezTo>
                  <a:pt x="92" y="188"/>
                  <a:pt x="92" y="188"/>
                  <a:pt x="92" y="188"/>
                </a:cubicBezTo>
                <a:cubicBezTo>
                  <a:pt x="92" y="188"/>
                  <a:pt x="92" y="188"/>
                  <a:pt x="92" y="188"/>
                </a:cubicBezTo>
                <a:cubicBezTo>
                  <a:pt x="92" y="181"/>
                  <a:pt x="97" y="176"/>
                  <a:pt x="104" y="176"/>
                </a:cubicBezTo>
                <a:cubicBezTo>
                  <a:pt x="111" y="176"/>
                  <a:pt x="116" y="181"/>
                  <a:pt x="116" y="188"/>
                </a:cubicBezTo>
                <a:close/>
                <a:moveTo>
                  <a:pt x="136" y="120"/>
                </a:moveTo>
                <a:cubicBezTo>
                  <a:pt x="136" y="80"/>
                  <a:pt x="136" y="80"/>
                  <a:pt x="136" y="80"/>
                </a:cubicBezTo>
                <a:cubicBezTo>
                  <a:pt x="158" y="80"/>
                  <a:pt x="158" y="80"/>
                  <a:pt x="158" y="80"/>
                </a:cubicBezTo>
                <a:cubicBezTo>
                  <a:pt x="165" y="87"/>
                  <a:pt x="165" y="87"/>
                  <a:pt x="165" y="87"/>
                </a:cubicBezTo>
                <a:cubicBezTo>
                  <a:pt x="166" y="88"/>
                  <a:pt x="167" y="88"/>
                  <a:pt x="168" y="88"/>
                </a:cubicBezTo>
                <a:cubicBezTo>
                  <a:pt x="200" y="88"/>
                  <a:pt x="200" y="88"/>
                  <a:pt x="200" y="88"/>
                </a:cubicBezTo>
                <a:cubicBezTo>
                  <a:pt x="200" y="120"/>
                  <a:pt x="200" y="120"/>
                  <a:pt x="200" y="120"/>
                </a:cubicBezTo>
                <a:lnTo>
                  <a:pt x="136" y="120"/>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pic>
        <p:nvPicPr>
          <p:cNvPr id="207" name="Graphic 9">
            <a:extLst>
              <a:ext uri="{FF2B5EF4-FFF2-40B4-BE49-F238E27FC236}">
                <a16:creationId xmlns:a16="http://schemas.microsoft.com/office/drawing/2014/main" id="{2DDCA5EA-2B6B-8077-4A9B-27B8ABEF0E89}"/>
              </a:ext>
              <a:ext uri="{C183D7F6-B498-43B3-948B-1728B52AA6E4}">
                <adec:decorative xmlns:adec="http://schemas.microsoft.com/office/drawing/2017/decorative" val="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473144" y="4350702"/>
            <a:ext cx="431800" cy="349250"/>
          </a:xfrm>
          <a:prstGeom prst="rect">
            <a:avLst/>
          </a:prstGeom>
        </p:spPr>
      </p:pic>
      <p:grpSp>
        <p:nvGrpSpPr>
          <p:cNvPr id="214" name="Group 213">
            <a:extLst>
              <a:ext uri="{FF2B5EF4-FFF2-40B4-BE49-F238E27FC236}">
                <a16:creationId xmlns:a16="http://schemas.microsoft.com/office/drawing/2014/main" id="{4597F104-6DDE-8DCB-341B-80E9414ECDF7}"/>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215" name="Rectangle 214">
              <a:extLst>
                <a:ext uri="{FF2B5EF4-FFF2-40B4-BE49-F238E27FC236}">
                  <a16:creationId xmlns:a16="http://schemas.microsoft.com/office/drawing/2014/main" id="{CA3AD625-090A-3099-8E26-54A2F5E115B0}"/>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16" name="Rectangle 215">
              <a:extLst>
                <a:ext uri="{FF2B5EF4-FFF2-40B4-BE49-F238E27FC236}">
                  <a16:creationId xmlns:a16="http://schemas.microsoft.com/office/drawing/2014/main" id="{2C7BBD22-DDEF-B2FE-925B-7FCF56E064F4}"/>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217" name="Rectangle: Rounded Corners 216">
            <a:extLst>
              <a:ext uri="{FF2B5EF4-FFF2-40B4-BE49-F238E27FC236}">
                <a16:creationId xmlns:a16="http://schemas.microsoft.com/office/drawing/2014/main" id="{11A2F5FC-A6A6-73E3-0F86-A51ACCBF86B7}"/>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18" name="TextBox 217">
            <a:extLst>
              <a:ext uri="{FF2B5EF4-FFF2-40B4-BE49-F238E27FC236}">
                <a16:creationId xmlns:a16="http://schemas.microsoft.com/office/drawing/2014/main" id="{FF9325DA-77C9-0D3B-1429-318B7EF5BB81}"/>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Omkostningsdrivere</a:t>
            </a:r>
          </a:p>
        </p:txBody>
      </p:sp>
      <p:sp>
        <p:nvSpPr>
          <p:cNvPr id="286" name="Content Placeholder 5">
            <a:extLst>
              <a:ext uri="{FF2B5EF4-FFF2-40B4-BE49-F238E27FC236}">
                <a16:creationId xmlns:a16="http://schemas.microsoft.com/office/drawing/2014/main" id="{FC383A56-71F9-9065-7A49-A0D31DA2ADFD}"/>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a:solidFill>
                  <a:schemeClr val="tx1"/>
                </a:solidFill>
              </a:rPr>
              <a:t>Omkostningsniveauer er udtryk for en relativ vurdering på tværs af cases foretaget af PA</a:t>
            </a:r>
          </a:p>
        </p:txBody>
      </p:sp>
      <p:grpSp>
        <p:nvGrpSpPr>
          <p:cNvPr id="223" name="Group 222" descr="Projektledelse er en lille midlertidig omkostning">
            <a:extLst>
              <a:ext uri="{FF2B5EF4-FFF2-40B4-BE49-F238E27FC236}">
                <a16:creationId xmlns:a16="http://schemas.microsoft.com/office/drawing/2014/main" id="{EBA50E84-AB1A-7E30-FDB4-B6F75234514F}"/>
              </a:ext>
              <a:ext uri="{C183D7F6-B498-43B3-948B-1728B52AA6E4}">
                <adec:decorative xmlns:adec="http://schemas.microsoft.com/office/drawing/2017/decorative" val="0"/>
              </a:ext>
            </a:extLst>
          </p:cNvPr>
          <p:cNvGrpSpPr/>
          <p:nvPr/>
        </p:nvGrpSpPr>
        <p:grpSpPr>
          <a:xfrm>
            <a:off x="7290762" y="2788412"/>
            <a:ext cx="1577742" cy="259970"/>
            <a:chOff x="860772" y="4884291"/>
            <a:chExt cx="1487909" cy="245168"/>
          </a:xfrm>
        </p:grpSpPr>
        <p:grpSp>
          <p:nvGrpSpPr>
            <p:cNvPr id="224" name="Group 223">
              <a:extLst>
                <a:ext uri="{FF2B5EF4-FFF2-40B4-BE49-F238E27FC236}">
                  <a16:creationId xmlns:a16="http://schemas.microsoft.com/office/drawing/2014/main" id="{7341E044-C7B2-3967-3FA8-9468C4A50FB5}"/>
                </a:ext>
              </a:extLst>
            </p:cNvPr>
            <p:cNvGrpSpPr/>
            <p:nvPr/>
          </p:nvGrpSpPr>
          <p:grpSpPr>
            <a:xfrm>
              <a:off x="860772" y="4884291"/>
              <a:ext cx="1487909" cy="212473"/>
              <a:chOff x="5354949" y="3009711"/>
              <a:chExt cx="1645739" cy="202758"/>
            </a:xfrm>
          </p:grpSpPr>
          <p:grpSp>
            <p:nvGrpSpPr>
              <p:cNvPr id="226" name="Group 225">
                <a:extLst>
                  <a:ext uri="{FF2B5EF4-FFF2-40B4-BE49-F238E27FC236}">
                    <a16:creationId xmlns:a16="http://schemas.microsoft.com/office/drawing/2014/main" id="{FAC0820B-9A41-55AF-F2DF-D87D92D2BC30}"/>
                  </a:ext>
                </a:extLst>
              </p:cNvPr>
              <p:cNvGrpSpPr/>
              <p:nvPr/>
            </p:nvGrpSpPr>
            <p:grpSpPr>
              <a:xfrm>
                <a:off x="5458296" y="3153610"/>
                <a:ext cx="1445092" cy="45719"/>
                <a:chOff x="5458296" y="3153610"/>
                <a:chExt cx="1445092" cy="45719"/>
              </a:xfrm>
            </p:grpSpPr>
            <p:cxnSp>
              <p:nvCxnSpPr>
                <p:cNvPr id="230" name="Straight Connector 229">
                  <a:extLst>
                    <a:ext uri="{FF2B5EF4-FFF2-40B4-BE49-F238E27FC236}">
                      <a16:creationId xmlns:a16="http://schemas.microsoft.com/office/drawing/2014/main" id="{503E9C8A-B07A-CE2E-E1C9-E15A6F122423}"/>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31" name="Oval 230">
                  <a:extLst>
                    <a:ext uri="{FF2B5EF4-FFF2-40B4-BE49-F238E27FC236}">
                      <a16:creationId xmlns:a16="http://schemas.microsoft.com/office/drawing/2014/main" id="{9577E4B1-2448-926F-0F3D-6EA9FF547EB0}"/>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32" name="Oval 231">
                  <a:extLst>
                    <a:ext uri="{FF2B5EF4-FFF2-40B4-BE49-F238E27FC236}">
                      <a16:creationId xmlns:a16="http://schemas.microsoft.com/office/drawing/2014/main" id="{D388DA2B-50A8-EC1D-C7AB-125C5CE67A10}"/>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27" name="Straight Connector 226">
                <a:extLst>
                  <a:ext uri="{FF2B5EF4-FFF2-40B4-BE49-F238E27FC236}">
                    <a16:creationId xmlns:a16="http://schemas.microsoft.com/office/drawing/2014/main" id="{BE1FC0F8-3D7D-2ADF-FA2A-7ABDD8C09EBE}"/>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28" name="TextBox 227">
                <a:extLst>
                  <a:ext uri="{FF2B5EF4-FFF2-40B4-BE49-F238E27FC236}">
                    <a16:creationId xmlns:a16="http://schemas.microsoft.com/office/drawing/2014/main" id="{8E701F4B-7204-3035-24B3-3E4331C15DC6}"/>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29" name="TextBox 228">
                <a:extLst>
                  <a:ext uri="{FF2B5EF4-FFF2-40B4-BE49-F238E27FC236}">
                    <a16:creationId xmlns:a16="http://schemas.microsoft.com/office/drawing/2014/main" id="{658D41C7-AD05-21EA-42BB-1DD34D575252}"/>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25" name="Oval 224">
              <a:extLst>
                <a:ext uri="{FF2B5EF4-FFF2-40B4-BE49-F238E27FC236}">
                  <a16:creationId xmlns:a16="http://schemas.microsoft.com/office/drawing/2014/main" id="{33E6F2F0-F073-5B4C-5C0F-8149559948D0}"/>
                </a:ext>
              </a:extLst>
            </p:cNvPr>
            <p:cNvSpPr/>
            <p:nvPr/>
          </p:nvSpPr>
          <p:spPr>
            <a:xfrm>
              <a:off x="895757" y="4985459"/>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36" name="Group 235" descr="Organisatorisk implementering er en lille midlertidig omkostning">
            <a:extLst>
              <a:ext uri="{FF2B5EF4-FFF2-40B4-BE49-F238E27FC236}">
                <a16:creationId xmlns:a16="http://schemas.microsoft.com/office/drawing/2014/main" id="{90269F06-42F8-CEFA-2BC3-5C1917995C5F}"/>
              </a:ext>
              <a:ext uri="{C183D7F6-B498-43B3-948B-1728B52AA6E4}">
                <adec:decorative xmlns:adec="http://schemas.microsoft.com/office/drawing/2017/decorative" val="0"/>
              </a:ext>
            </a:extLst>
          </p:cNvPr>
          <p:cNvGrpSpPr/>
          <p:nvPr/>
        </p:nvGrpSpPr>
        <p:grpSpPr>
          <a:xfrm>
            <a:off x="7290762" y="3344608"/>
            <a:ext cx="1577742" cy="265864"/>
            <a:chOff x="860772" y="4884291"/>
            <a:chExt cx="1487909" cy="250726"/>
          </a:xfrm>
        </p:grpSpPr>
        <p:grpSp>
          <p:nvGrpSpPr>
            <p:cNvPr id="237" name="Group 236">
              <a:extLst>
                <a:ext uri="{FF2B5EF4-FFF2-40B4-BE49-F238E27FC236}">
                  <a16:creationId xmlns:a16="http://schemas.microsoft.com/office/drawing/2014/main" id="{E139E2E8-3671-6E08-3519-A7C3F6153D7D}"/>
                </a:ext>
              </a:extLst>
            </p:cNvPr>
            <p:cNvGrpSpPr/>
            <p:nvPr/>
          </p:nvGrpSpPr>
          <p:grpSpPr>
            <a:xfrm>
              <a:off x="860772" y="4884291"/>
              <a:ext cx="1487909" cy="212473"/>
              <a:chOff x="5354949" y="3009711"/>
              <a:chExt cx="1645739" cy="202758"/>
            </a:xfrm>
          </p:grpSpPr>
          <p:grpSp>
            <p:nvGrpSpPr>
              <p:cNvPr id="239" name="Group 238">
                <a:extLst>
                  <a:ext uri="{FF2B5EF4-FFF2-40B4-BE49-F238E27FC236}">
                    <a16:creationId xmlns:a16="http://schemas.microsoft.com/office/drawing/2014/main" id="{9E0383E0-6F30-2095-8BDD-1AFABC7B66D3}"/>
                  </a:ext>
                </a:extLst>
              </p:cNvPr>
              <p:cNvGrpSpPr/>
              <p:nvPr/>
            </p:nvGrpSpPr>
            <p:grpSpPr>
              <a:xfrm>
                <a:off x="5458296" y="3153610"/>
                <a:ext cx="1445092" cy="45719"/>
                <a:chOff x="5458296" y="3153610"/>
                <a:chExt cx="1445092" cy="45719"/>
              </a:xfrm>
            </p:grpSpPr>
            <p:cxnSp>
              <p:nvCxnSpPr>
                <p:cNvPr id="243" name="Straight Connector 242">
                  <a:extLst>
                    <a:ext uri="{FF2B5EF4-FFF2-40B4-BE49-F238E27FC236}">
                      <a16:creationId xmlns:a16="http://schemas.microsoft.com/office/drawing/2014/main" id="{A6718BDA-F6CE-2CDC-649B-FD7E385F04BD}"/>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44" name="Oval 243">
                  <a:extLst>
                    <a:ext uri="{FF2B5EF4-FFF2-40B4-BE49-F238E27FC236}">
                      <a16:creationId xmlns:a16="http://schemas.microsoft.com/office/drawing/2014/main" id="{DC66417D-207A-80FF-5058-34FE7A1756D7}"/>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45" name="Oval 244">
                  <a:extLst>
                    <a:ext uri="{FF2B5EF4-FFF2-40B4-BE49-F238E27FC236}">
                      <a16:creationId xmlns:a16="http://schemas.microsoft.com/office/drawing/2014/main" id="{3AE80A8D-A7D6-A6E8-6C9A-414D160B4036}"/>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40" name="Straight Connector 239">
                <a:extLst>
                  <a:ext uri="{FF2B5EF4-FFF2-40B4-BE49-F238E27FC236}">
                    <a16:creationId xmlns:a16="http://schemas.microsoft.com/office/drawing/2014/main" id="{9FF32AE4-2ED1-0F24-4FC1-555588D5F36F}"/>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41" name="TextBox 240">
                <a:extLst>
                  <a:ext uri="{FF2B5EF4-FFF2-40B4-BE49-F238E27FC236}">
                    <a16:creationId xmlns:a16="http://schemas.microsoft.com/office/drawing/2014/main" id="{6D794271-4EBF-BEA2-1D25-407A9F39513A}"/>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42" name="TextBox 241">
                <a:extLst>
                  <a:ext uri="{FF2B5EF4-FFF2-40B4-BE49-F238E27FC236}">
                    <a16:creationId xmlns:a16="http://schemas.microsoft.com/office/drawing/2014/main" id="{B27155F7-92B7-704B-3A13-1FB1C1E17F02}"/>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38" name="Oval 237">
              <a:extLst>
                <a:ext uri="{FF2B5EF4-FFF2-40B4-BE49-F238E27FC236}">
                  <a16:creationId xmlns:a16="http://schemas.microsoft.com/office/drawing/2014/main" id="{892F5028-397E-ABC2-896B-04BB1931AEE5}"/>
                </a:ext>
              </a:extLst>
            </p:cNvPr>
            <p:cNvSpPr/>
            <p:nvPr/>
          </p:nvSpPr>
          <p:spPr>
            <a:xfrm>
              <a:off x="895757"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76" name="Group 275" descr="Teknisk implementering er en lille midlertidig omkostning">
            <a:extLst>
              <a:ext uri="{FF2B5EF4-FFF2-40B4-BE49-F238E27FC236}">
                <a16:creationId xmlns:a16="http://schemas.microsoft.com/office/drawing/2014/main" id="{BBAD8654-4412-78F0-5D01-A5E66B7ADAE0}"/>
              </a:ext>
              <a:ext uri="{C183D7F6-B498-43B3-948B-1728B52AA6E4}">
                <adec:decorative xmlns:adec="http://schemas.microsoft.com/office/drawing/2017/decorative" val="0"/>
              </a:ext>
            </a:extLst>
          </p:cNvPr>
          <p:cNvGrpSpPr/>
          <p:nvPr/>
        </p:nvGrpSpPr>
        <p:grpSpPr>
          <a:xfrm>
            <a:off x="7290762" y="3922767"/>
            <a:ext cx="1577741" cy="265864"/>
            <a:chOff x="860772" y="4884291"/>
            <a:chExt cx="1487909" cy="250726"/>
          </a:xfrm>
        </p:grpSpPr>
        <p:grpSp>
          <p:nvGrpSpPr>
            <p:cNvPr id="277" name="Group 276">
              <a:extLst>
                <a:ext uri="{FF2B5EF4-FFF2-40B4-BE49-F238E27FC236}">
                  <a16:creationId xmlns:a16="http://schemas.microsoft.com/office/drawing/2014/main" id="{FCF2B702-4181-838A-3488-C31B04B95304}"/>
                </a:ext>
              </a:extLst>
            </p:cNvPr>
            <p:cNvGrpSpPr/>
            <p:nvPr/>
          </p:nvGrpSpPr>
          <p:grpSpPr>
            <a:xfrm>
              <a:off x="860772" y="4884291"/>
              <a:ext cx="1487909" cy="212473"/>
              <a:chOff x="5354949" y="3009711"/>
              <a:chExt cx="1645739" cy="202758"/>
            </a:xfrm>
          </p:grpSpPr>
          <p:grpSp>
            <p:nvGrpSpPr>
              <p:cNvPr id="279" name="Group 278">
                <a:extLst>
                  <a:ext uri="{FF2B5EF4-FFF2-40B4-BE49-F238E27FC236}">
                    <a16:creationId xmlns:a16="http://schemas.microsoft.com/office/drawing/2014/main" id="{0B49ADA6-6D9C-A7A8-F44F-3047BA6D0C6F}"/>
                  </a:ext>
                </a:extLst>
              </p:cNvPr>
              <p:cNvGrpSpPr/>
              <p:nvPr/>
            </p:nvGrpSpPr>
            <p:grpSpPr>
              <a:xfrm>
                <a:off x="5458296" y="3153610"/>
                <a:ext cx="1445092" cy="45719"/>
                <a:chOff x="5458296" y="3153610"/>
                <a:chExt cx="1445092" cy="45719"/>
              </a:xfrm>
            </p:grpSpPr>
            <p:cxnSp>
              <p:nvCxnSpPr>
                <p:cNvPr id="283" name="Straight Connector 282">
                  <a:extLst>
                    <a:ext uri="{FF2B5EF4-FFF2-40B4-BE49-F238E27FC236}">
                      <a16:creationId xmlns:a16="http://schemas.microsoft.com/office/drawing/2014/main" id="{0D225719-355D-9C8A-B417-8DD5562C73DF}"/>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84" name="Oval 283">
                  <a:extLst>
                    <a:ext uri="{FF2B5EF4-FFF2-40B4-BE49-F238E27FC236}">
                      <a16:creationId xmlns:a16="http://schemas.microsoft.com/office/drawing/2014/main" id="{25B38853-1116-89DA-D8AF-3EB608861BA3}"/>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85" name="Oval 284">
                  <a:extLst>
                    <a:ext uri="{FF2B5EF4-FFF2-40B4-BE49-F238E27FC236}">
                      <a16:creationId xmlns:a16="http://schemas.microsoft.com/office/drawing/2014/main" id="{FE38812B-26DA-B54D-B98B-8097CFE0E4A8}"/>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80" name="Straight Connector 279">
                <a:extLst>
                  <a:ext uri="{FF2B5EF4-FFF2-40B4-BE49-F238E27FC236}">
                    <a16:creationId xmlns:a16="http://schemas.microsoft.com/office/drawing/2014/main" id="{CACE47DF-047A-8450-4CD9-5EF1A254A2E7}"/>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81" name="TextBox 280">
                <a:extLst>
                  <a:ext uri="{FF2B5EF4-FFF2-40B4-BE49-F238E27FC236}">
                    <a16:creationId xmlns:a16="http://schemas.microsoft.com/office/drawing/2014/main" id="{C69BE571-C1AB-B873-2607-19550E6AFF1B}"/>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82" name="TextBox 281">
                <a:extLst>
                  <a:ext uri="{FF2B5EF4-FFF2-40B4-BE49-F238E27FC236}">
                    <a16:creationId xmlns:a16="http://schemas.microsoft.com/office/drawing/2014/main" id="{96DFC9AB-A6F4-69AF-B667-8213E6263921}"/>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78" name="Oval 277">
              <a:extLst>
                <a:ext uri="{FF2B5EF4-FFF2-40B4-BE49-F238E27FC236}">
                  <a16:creationId xmlns:a16="http://schemas.microsoft.com/office/drawing/2014/main" id="{6B3EA644-AFFE-A711-2684-613AC2AFF21F}"/>
                </a:ext>
              </a:extLst>
            </p:cNvPr>
            <p:cNvSpPr/>
            <p:nvPr/>
          </p:nvSpPr>
          <p:spPr>
            <a:xfrm>
              <a:off x="1016483"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46" name="Group 245" descr="Teknologi er en lille driftsomkostning">
            <a:extLst>
              <a:ext uri="{FF2B5EF4-FFF2-40B4-BE49-F238E27FC236}">
                <a16:creationId xmlns:a16="http://schemas.microsoft.com/office/drawing/2014/main" id="{A3F6E938-C9DE-80CA-0B11-E6B270EDDB13}"/>
              </a:ext>
              <a:ext uri="{C183D7F6-B498-43B3-948B-1728B52AA6E4}">
                <adec:decorative xmlns:adec="http://schemas.microsoft.com/office/drawing/2017/decorative" val="0"/>
              </a:ext>
            </a:extLst>
          </p:cNvPr>
          <p:cNvGrpSpPr/>
          <p:nvPr/>
        </p:nvGrpSpPr>
        <p:grpSpPr>
          <a:xfrm>
            <a:off x="7290762" y="4818452"/>
            <a:ext cx="1577742" cy="265864"/>
            <a:chOff x="860772" y="4884291"/>
            <a:chExt cx="1487909" cy="250726"/>
          </a:xfrm>
        </p:grpSpPr>
        <p:grpSp>
          <p:nvGrpSpPr>
            <p:cNvPr id="247" name="Group 246">
              <a:extLst>
                <a:ext uri="{FF2B5EF4-FFF2-40B4-BE49-F238E27FC236}">
                  <a16:creationId xmlns:a16="http://schemas.microsoft.com/office/drawing/2014/main" id="{E0DF34FE-BD96-10CE-F1E8-E1EA03CC52AD}"/>
                </a:ext>
              </a:extLst>
            </p:cNvPr>
            <p:cNvGrpSpPr/>
            <p:nvPr/>
          </p:nvGrpSpPr>
          <p:grpSpPr>
            <a:xfrm>
              <a:off x="860772" y="4884291"/>
              <a:ext cx="1487909" cy="212473"/>
              <a:chOff x="5354949" y="3009711"/>
              <a:chExt cx="1645739" cy="202758"/>
            </a:xfrm>
          </p:grpSpPr>
          <p:grpSp>
            <p:nvGrpSpPr>
              <p:cNvPr id="249" name="Group 248">
                <a:extLst>
                  <a:ext uri="{FF2B5EF4-FFF2-40B4-BE49-F238E27FC236}">
                    <a16:creationId xmlns:a16="http://schemas.microsoft.com/office/drawing/2014/main" id="{14888138-5014-51A9-D933-92F8AD65ED31}"/>
                  </a:ext>
                </a:extLst>
              </p:cNvPr>
              <p:cNvGrpSpPr/>
              <p:nvPr/>
            </p:nvGrpSpPr>
            <p:grpSpPr>
              <a:xfrm>
                <a:off x="5458296" y="3153610"/>
                <a:ext cx="1445092" cy="45719"/>
                <a:chOff x="5458296" y="3153610"/>
                <a:chExt cx="1445092" cy="45719"/>
              </a:xfrm>
            </p:grpSpPr>
            <p:cxnSp>
              <p:nvCxnSpPr>
                <p:cNvPr id="253" name="Straight Connector 252">
                  <a:extLst>
                    <a:ext uri="{FF2B5EF4-FFF2-40B4-BE49-F238E27FC236}">
                      <a16:creationId xmlns:a16="http://schemas.microsoft.com/office/drawing/2014/main" id="{DD77F765-8BCA-DA9B-92ED-9459A4BED804}"/>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54" name="Oval 253">
                  <a:extLst>
                    <a:ext uri="{FF2B5EF4-FFF2-40B4-BE49-F238E27FC236}">
                      <a16:creationId xmlns:a16="http://schemas.microsoft.com/office/drawing/2014/main" id="{F83D1B95-AB03-D2DD-732F-DA9A76A7C2D6}"/>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55" name="Oval 254">
                  <a:extLst>
                    <a:ext uri="{FF2B5EF4-FFF2-40B4-BE49-F238E27FC236}">
                      <a16:creationId xmlns:a16="http://schemas.microsoft.com/office/drawing/2014/main" id="{3C2DE6BE-45FF-2F61-0FD4-FF715EE96D39}"/>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50" name="Straight Connector 249">
                <a:extLst>
                  <a:ext uri="{FF2B5EF4-FFF2-40B4-BE49-F238E27FC236}">
                    <a16:creationId xmlns:a16="http://schemas.microsoft.com/office/drawing/2014/main" id="{7561E450-B259-E323-4B7D-AA695797DC5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51" name="TextBox 250">
                <a:extLst>
                  <a:ext uri="{FF2B5EF4-FFF2-40B4-BE49-F238E27FC236}">
                    <a16:creationId xmlns:a16="http://schemas.microsoft.com/office/drawing/2014/main" id="{3CC0BD0C-400A-E9EE-85CE-985769A07BAF}"/>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52" name="TextBox 251">
                <a:extLst>
                  <a:ext uri="{FF2B5EF4-FFF2-40B4-BE49-F238E27FC236}">
                    <a16:creationId xmlns:a16="http://schemas.microsoft.com/office/drawing/2014/main" id="{5D3FDB7F-ACC4-DAD8-9E23-DFE5212D8A46}"/>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48" name="Oval 247">
              <a:extLst>
                <a:ext uri="{FF2B5EF4-FFF2-40B4-BE49-F238E27FC236}">
                  <a16:creationId xmlns:a16="http://schemas.microsoft.com/office/drawing/2014/main" id="{BDB3692D-C0C8-4F35-A655-6FBAA4D67314}"/>
                </a:ext>
              </a:extLst>
            </p:cNvPr>
            <p:cNvSpPr/>
            <p:nvPr/>
          </p:nvSpPr>
          <p:spPr>
            <a:xfrm>
              <a:off x="895757"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56" name="Group 255" descr="Nye kompetencer  er en lille driftsomkostning">
            <a:extLst>
              <a:ext uri="{FF2B5EF4-FFF2-40B4-BE49-F238E27FC236}">
                <a16:creationId xmlns:a16="http://schemas.microsoft.com/office/drawing/2014/main" id="{35E0D2AD-4EB3-8C44-E3BF-D36D9FEC4453}"/>
              </a:ext>
              <a:ext uri="{C183D7F6-B498-43B3-948B-1728B52AA6E4}">
                <adec:decorative xmlns:adec="http://schemas.microsoft.com/office/drawing/2017/decorative" val="0"/>
              </a:ext>
            </a:extLst>
          </p:cNvPr>
          <p:cNvGrpSpPr/>
          <p:nvPr/>
        </p:nvGrpSpPr>
        <p:grpSpPr>
          <a:xfrm>
            <a:off x="7290762" y="5350882"/>
            <a:ext cx="1577742" cy="265864"/>
            <a:chOff x="860772" y="4884291"/>
            <a:chExt cx="1487909" cy="250726"/>
          </a:xfrm>
        </p:grpSpPr>
        <p:grpSp>
          <p:nvGrpSpPr>
            <p:cNvPr id="257" name="Group 256">
              <a:extLst>
                <a:ext uri="{FF2B5EF4-FFF2-40B4-BE49-F238E27FC236}">
                  <a16:creationId xmlns:a16="http://schemas.microsoft.com/office/drawing/2014/main" id="{FB4DFC9F-B989-2716-443C-5F0652C52769}"/>
                </a:ext>
              </a:extLst>
            </p:cNvPr>
            <p:cNvGrpSpPr/>
            <p:nvPr/>
          </p:nvGrpSpPr>
          <p:grpSpPr>
            <a:xfrm>
              <a:off x="860772" y="4884291"/>
              <a:ext cx="1487909" cy="212473"/>
              <a:chOff x="5354949" y="3009711"/>
              <a:chExt cx="1645739" cy="202758"/>
            </a:xfrm>
          </p:grpSpPr>
          <p:grpSp>
            <p:nvGrpSpPr>
              <p:cNvPr id="259" name="Group 258">
                <a:extLst>
                  <a:ext uri="{FF2B5EF4-FFF2-40B4-BE49-F238E27FC236}">
                    <a16:creationId xmlns:a16="http://schemas.microsoft.com/office/drawing/2014/main" id="{473AD98D-06B5-0585-236D-5D6A76AB5C18}"/>
                  </a:ext>
                </a:extLst>
              </p:cNvPr>
              <p:cNvGrpSpPr/>
              <p:nvPr/>
            </p:nvGrpSpPr>
            <p:grpSpPr>
              <a:xfrm>
                <a:off x="5458296" y="3153610"/>
                <a:ext cx="1445092" cy="45719"/>
                <a:chOff x="5458296" y="3153610"/>
                <a:chExt cx="1445092" cy="45719"/>
              </a:xfrm>
            </p:grpSpPr>
            <p:cxnSp>
              <p:nvCxnSpPr>
                <p:cNvPr id="263" name="Straight Connector 262">
                  <a:extLst>
                    <a:ext uri="{FF2B5EF4-FFF2-40B4-BE49-F238E27FC236}">
                      <a16:creationId xmlns:a16="http://schemas.microsoft.com/office/drawing/2014/main" id="{DD71D88C-EAD2-C3AD-C805-3BDFBDE24D20}"/>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64" name="Oval 263">
                  <a:extLst>
                    <a:ext uri="{FF2B5EF4-FFF2-40B4-BE49-F238E27FC236}">
                      <a16:creationId xmlns:a16="http://schemas.microsoft.com/office/drawing/2014/main" id="{550386FB-D16E-41A7-CAA1-D45AB47BD7A6}"/>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65" name="Oval 264">
                  <a:extLst>
                    <a:ext uri="{FF2B5EF4-FFF2-40B4-BE49-F238E27FC236}">
                      <a16:creationId xmlns:a16="http://schemas.microsoft.com/office/drawing/2014/main" id="{7E99749F-CE40-F9C6-46F9-2814F689ACAE}"/>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60" name="Straight Connector 259">
                <a:extLst>
                  <a:ext uri="{FF2B5EF4-FFF2-40B4-BE49-F238E27FC236}">
                    <a16:creationId xmlns:a16="http://schemas.microsoft.com/office/drawing/2014/main" id="{2EFF49B9-92D9-89E1-51E8-AB7D85EB90D3}"/>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61" name="TextBox 260">
                <a:extLst>
                  <a:ext uri="{FF2B5EF4-FFF2-40B4-BE49-F238E27FC236}">
                    <a16:creationId xmlns:a16="http://schemas.microsoft.com/office/drawing/2014/main" id="{282CD7FC-1A40-0366-650A-2E045ECA82DB}"/>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62" name="TextBox 261">
                <a:extLst>
                  <a:ext uri="{FF2B5EF4-FFF2-40B4-BE49-F238E27FC236}">
                    <a16:creationId xmlns:a16="http://schemas.microsoft.com/office/drawing/2014/main" id="{CBC0F452-161C-D4AA-DFA9-76F7E681543F}"/>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58" name="Oval 257">
              <a:extLst>
                <a:ext uri="{FF2B5EF4-FFF2-40B4-BE49-F238E27FC236}">
                  <a16:creationId xmlns:a16="http://schemas.microsoft.com/office/drawing/2014/main" id="{23CE9EC3-58E2-86F0-7599-A148623322FA}"/>
                </a:ext>
              </a:extLst>
            </p:cNvPr>
            <p:cNvSpPr/>
            <p:nvPr/>
          </p:nvSpPr>
          <p:spPr>
            <a:xfrm>
              <a:off x="102251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66" name="Group 265" descr="Drift og support  er en lille driftsomkostning">
            <a:extLst>
              <a:ext uri="{FF2B5EF4-FFF2-40B4-BE49-F238E27FC236}">
                <a16:creationId xmlns:a16="http://schemas.microsoft.com/office/drawing/2014/main" id="{73EA3C06-ACE8-533D-69A8-DE14AB6D76E8}"/>
              </a:ext>
              <a:ext uri="{C183D7F6-B498-43B3-948B-1728B52AA6E4}">
                <adec:decorative xmlns:adec="http://schemas.microsoft.com/office/drawing/2017/decorative" val="0"/>
              </a:ext>
            </a:extLst>
          </p:cNvPr>
          <p:cNvGrpSpPr/>
          <p:nvPr/>
        </p:nvGrpSpPr>
        <p:grpSpPr>
          <a:xfrm>
            <a:off x="7290759" y="5883335"/>
            <a:ext cx="1577739" cy="261648"/>
            <a:chOff x="860772" y="4884291"/>
            <a:chExt cx="1487909" cy="246749"/>
          </a:xfrm>
        </p:grpSpPr>
        <p:grpSp>
          <p:nvGrpSpPr>
            <p:cNvPr id="267" name="Group 266">
              <a:extLst>
                <a:ext uri="{FF2B5EF4-FFF2-40B4-BE49-F238E27FC236}">
                  <a16:creationId xmlns:a16="http://schemas.microsoft.com/office/drawing/2014/main" id="{7E3DA327-E14B-A455-3D9F-CB27B055FA77}"/>
                </a:ext>
              </a:extLst>
            </p:cNvPr>
            <p:cNvGrpSpPr/>
            <p:nvPr/>
          </p:nvGrpSpPr>
          <p:grpSpPr>
            <a:xfrm>
              <a:off x="860772" y="4884291"/>
              <a:ext cx="1487909" cy="212473"/>
              <a:chOff x="5354949" y="3009711"/>
              <a:chExt cx="1645739" cy="202758"/>
            </a:xfrm>
          </p:grpSpPr>
          <p:grpSp>
            <p:nvGrpSpPr>
              <p:cNvPr id="269" name="Group 268">
                <a:extLst>
                  <a:ext uri="{FF2B5EF4-FFF2-40B4-BE49-F238E27FC236}">
                    <a16:creationId xmlns:a16="http://schemas.microsoft.com/office/drawing/2014/main" id="{E9459578-38A2-5B6C-491D-DA4142E244B0}"/>
                  </a:ext>
                </a:extLst>
              </p:cNvPr>
              <p:cNvGrpSpPr/>
              <p:nvPr/>
            </p:nvGrpSpPr>
            <p:grpSpPr>
              <a:xfrm>
                <a:off x="5458296" y="3153610"/>
                <a:ext cx="1445092" cy="45719"/>
                <a:chOff x="5458296" y="3153610"/>
                <a:chExt cx="1445092" cy="45719"/>
              </a:xfrm>
            </p:grpSpPr>
            <p:cxnSp>
              <p:nvCxnSpPr>
                <p:cNvPr id="273" name="Straight Connector 272">
                  <a:extLst>
                    <a:ext uri="{FF2B5EF4-FFF2-40B4-BE49-F238E27FC236}">
                      <a16:creationId xmlns:a16="http://schemas.microsoft.com/office/drawing/2014/main" id="{05378FCF-2657-47AE-1E34-E5B2A86582C7}"/>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74" name="Oval 273">
                  <a:extLst>
                    <a:ext uri="{FF2B5EF4-FFF2-40B4-BE49-F238E27FC236}">
                      <a16:creationId xmlns:a16="http://schemas.microsoft.com/office/drawing/2014/main" id="{D2781C37-7763-371D-CF95-546397D34D71}"/>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75" name="Oval 274">
                  <a:extLst>
                    <a:ext uri="{FF2B5EF4-FFF2-40B4-BE49-F238E27FC236}">
                      <a16:creationId xmlns:a16="http://schemas.microsoft.com/office/drawing/2014/main" id="{B54D241B-031C-7C7F-67F1-3C86CC1F1827}"/>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70" name="Straight Connector 269">
                <a:extLst>
                  <a:ext uri="{FF2B5EF4-FFF2-40B4-BE49-F238E27FC236}">
                    <a16:creationId xmlns:a16="http://schemas.microsoft.com/office/drawing/2014/main" id="{5986DEA0-8525-F02F-A11B-ED73BE6819A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71" name="TextBox 270">
                <a:extLst>
                  <a:ext uri="{FF2B5EF4-FFF2-40B4-BE49-F238E27FC236}">
                    <a16:creationId xmlns:a16="http://schemas.microsoft.com/office/drawing/2014/main" id="{815E943B-E225-C0BC-A115-6F475C9E428A}"/>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72" name="TextBox 271">
                <a:extLst>
                  <a:ext uri="{FF2B5EF4-FFF2-40B4-BE49-F238E27FC236}">
                    <a16:creationId xmlns:a16="http://schemas.microsoft.com/office/drawing/2014/main" id="{BB6DDB39-74D3-1D69-C79F-AEAE670BD3A3}"/>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68" name="Oval 267">
              <a:extLst>
                <a:ext uri="{FF2B5EF4-FFF2-40B4-BE49-F238E27FC236}">
                  <a16:creationId xmlns:a16="http://schemas.microsoft.com/office/drawing/2014/main" id="{24B7E806-A8EB-A2EB-06E6-0A35CB0FA23E}"/>
                </a:ext>
              </a:extLst>
            </p:cNvPr>
            <p:cNvSpPr/>
            <p:nvPr/>
          </p:nvSpPr>
          <p:spPr>
            <a:xfrm>
              <a:off x="1024279" y="4987040"/>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219" name="TextBox 218">
            <a:extLst>
              <a:ext uri="{FF2B5EF4-FFF2-40B4-BE49-F238E27FC236}">
                <a16:creationId xmlns:a16="http://schemas.microsoft.com/office/drawing/2014/main" id="{D814A8BA-05B0-3BAD-7DDE-ABE1872784D1}"/>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a:t>Midlertidige omkostninger</a:t>
            </a:r>
            <a:endParaRPr lang="da-DK" sz="900" noProof="0"/>
          </a:p>
          <a:p>
            <a:pPr>
              <a:lnSpc>
                <a:spcPct val="200000"/>
              </a:lnSpc>
            </a:pPr>
            <a:r>
              <a:rPr lang="da-DK" sz="900" noProof="0"/>
              <a:t>  Projektledelse </a:t>
            </a:r>
          </a:p>
          <a:p>
            <a:pPr>
              <a:lnSpc>
                <a:spcPct val="200000"/>
              </a:lnSpc>
            </a:pPr>
            <a:endParaRPr lang="da-DK" sz="900" noProof="0"/>
          </a:p>
          <a:p>
            <a:pPr>
              <a:lnSpc>
                <a:spcPct val="200000"/>
              </a:lnSpc>
            </a:pPr>
            <a:r>
              <a:rPr lang="da-DK" sz="900" noProof="0"/>
              <a:t>  Organisatorisk implementering</a:t>
            </a:r>
          </a:p>
          <a:p>
            <a:pPr>
              <a:lnSpc>
                <a:spcPct val="200000"/>
              </a:lnSpc>
            </a:pPr>
            <a:r>
              <a:rPr lang="da-DK" sz="900" noProof="0"/>
              <a:t> </a:t>
            </a:r>
          </a:p>
          <a:p>
            <a:pPr>
              <a:lnSpc>
                <a:spcPct val="200000"/>
              </a:lnSpc>
            </a:pPr>
            <a:r>
              <a:rPr lang="da-DK" sz="900" noProof="0"/>
              <a:t>  Teknisk implementering</a:t>
            </a:r>
          </a:p>
          <a:p>
            <a:pPr>
              <a:lnSpc>
                <a:spcPct val="150000"/>
              </a:lnSpc>
            </a:pPr>
            <a:endParaRPr lang="da-DK" sz="900" noProof="0"/>
          </a:p>
          <a:p>
            <a:pPr>
              <a:lnSpc>
                <a:spcPct val="150000"/>
              </a:lnSpc>
            </a:pPr>
            <a:endParaRPr lang="da-DK" sz="900" b="1" noProof="0">
              <a:solidFill>
                <a:srgbClr val="36465A"/>
              </a:solidFill>
            </a:endParaRPr>
          </a:p>
          <a:p>
            <a:pPr>
              <a:lnSpc>
                <a:spcPct val="150000"/>
              </a:lnSpc>
            </a:pPr>
            <a:r>
              <a:rPr lang="da-DK" sz="900" b="1" noProof="0">
                <a:solidFill>
                  <a:srgbClr val="36465A"/>
                </a:solidFill>
              </a:rPr>
              <a:t>Driftsomkostninger</a:t>
            </a:r>
          </a:p>
          <a:p>
            <a:pPr>
              <a:lnSpc>
                <a:spcPct val="200000"/>
              </a:lnSpc>
            </a:pPr>
            <a:r>
              <a:rPr lang="da-DK" sz="900" noProof="0">
                <a:solidFill>
                  <a:schemeClr val="accent4">
                    <a:lumMod val="50000"/>
                  </a:schemeClr>
                </a:solidFill>
              </a:rPr>
              <a:t>  Teknologi</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Nye kompetencer </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Drift og support</a:t>
            </a:r>
          </a:p>
        </p:txBody>
      </p:sp>
      <p:sp>
        <p:nvSpPr>
          <p:cNvPr id="134" name="TextBox 133">
            <a:extLst>
              <a:ext uri="{FF2B5EF4-FFF2-40B4-BE49-F238E27FC236}">
                <a16:creationId xmlns:a16="http://schemas.microsoft.com/office/drawing/2014/main" id="{E24252AF-4498-F3E6-5F37-AADC3C31F596}"/>
              </a:ext>
            </a:extLst>
          </p:cNvPr>
          <p:cNvSpPr txBox="1">
            <a:spLocks/>
          </p:cNvSpPr>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Nøgletal</a:t>
            </a:r>
          </a:p>
        </p:txBody>
      </p:sp>
      <p:sp>
        <p:nvSpPr>
          <p:cNvPr id="198" name="TextBox 197">
            <a:extLst>
              <a:ext uri="{FF2B5EF4-FFF2-40B4-BE49-F238E27FC236}">
                <a16:creationId xmlns:a16="http://schemas.microsoft.com/office/drawing/2014/main" id="{7920FA32-0724-C418-B24E-FCF6B0B8EDCB}"/>
              </a:ext>
            </a:extLst>
          </p:cNvPr>
          <p:cNvSpPr txBox="1"/>
          <p:nvPr/>
        </p:nvSpPr>
        <p:spPr>
          <a:xfrm>
            <a:off x="10330124" y="2146410"/>
            <a:ext cx="1519861" cy="677108"/>
          </a:xfrm>
          <a:prstGeom prst="rect">
            <a:avLst/>
          </a:prstGeom>
          <a:noFill/>
        </p:spPr>
        <p:txBody>
          <a:bodyPr wrap="square">
            <a:spAutoFit/>
          </a:bodyPr>
          <a:lstStyle/>
          <a:p>
            <a:r>
              <a:rPr lang="da-DK" sz="1400" noProof="0" dirty="0">
                <a:solidFill>
                  <a:srgbClr val="EE2F66"/>
                </a:solidFill>
              </a:rPr>
              <a:t>Ca. 600.000 kr. </a:t>
            </a:r>
            <a:endParaRPr lang="da-DK" sz="1400" noProof="0" dirty="0">
              <a:solidFill>
                <a:srgbClr val="2C8027"/>
              </a:solidFill>
              <a:highlight>
                <a:srgbClr val="FFFF00"/>
              </a:highlight>
            </a:endParaRPr>
          </a:p>
          <a:p>
            <a:r>
              <a:rPr lang="da-DK" sz="800" noProof="0" dirty="0"/>
              <a:t>sparet årligt i licensomkostninger.</a:t>
            </a:r>
          </a:p>
          <a:p>
            <a:endParaRPr lang="da-DK" sz="800" noProof="0" dirty="0"/>
          </a:p>
        </p:txBody>
      </p:sp>
      <p:sp>
        <p:nvSpPr>
          <p:cNvPr id="201" name="TextBox 200">
            <a:extLst>
              <a:ext uri="{FF2B5EF4-FFF2-40B4-BE49-F238E27FC236}">
                <a16:creationId xmlns:a16="http://schemas.microsoft.com/office/drawing/2014/main" id="{97B2B794-0AC0-7602-5DB5-4DDE315A2118}"/>
              </a:ext>
            </a:extLst>
          </p:cNvPr>
          <p:cNvSpPr txBox="1"/>
          <p:nvPr/>
        </p:nvSpPr>
        <p:spPr>
          <a:xfrm>
            <a:off x="10330124" y="3723908"/>
            <a:ext cx="1519861" cy="677108"/>
          </a:xfrm>
          <a:prstGeom prst="rect">
            <a:avLst/>
          </a:prstGeom>
          <a:noFill/>
        </p:spPr>
        <p:txBody>
          <a:bodyPr wrap="square">
            <a:spAutoFit/>
          </a:bodyPr>
          <a:lstStyle/>
          <a:p>
            <a:r>
              <a:rPr lang="da-DK" sz="1400" noProof="0">
                <a:solidFill>
                  <a:srgbClr val="EE2F66"/>
                </a:solidFill>
              </a:rPr>
              <a:t>Ca. 200.000 kr. </a:t>
            </a:r>
            <a:endParaRPr lang="da-DK" sz="1400" noProof="0">
              <a:solidFill>
                <a:srgbClr val="2C8027"/>
              </a:solidFill>
              <a:highlight>
                <a:srgbClr val="FFFF00"/>
              </a:highlight>
            </a:endParaRPr>
          </a:p>
          <a:p>
            <a:r>
              <a:rPr lang="da-DK" sz="800" noProof="0"/>
              <a:t>i engangsudgifter ifm. transitionen.</a:t>
            </a:r>
          </a:p>
          <a:p>
            <a:endParaRPr lang="da-DK" sz="800" noProof="0"/>
          </a:p>
        </p:txBody>
      </p:sp>
      <p:sp>
        <p:nvSpPr>
          <p:cNvPr id="204" name="TextBox 203">
            <a:extLst>
              <a:ext uri="{FF2B5EF4-FFF2-40B4-BE49-F238E27FC236}">
                <a16:creationId xmlns:a16="http://schemas.microsoft.com/office/drawing/2014/main" id="{67622047-A156-4945-3896-EE2213ECEC83}"/>
              </a:ext>
            </a:extLst>
          </p:cNvPr>
          <p:cNvSpPr txBox="1"/>
          <p:nvPr/>
        </p:nvSpPr>
        <p:spPr>
          <a:xfrm>
            <a:off x="10330124" y="2935159"/>
            <a:ext cx="1519861" cy="677108"/>
          </a:xfrm>
          <a:prstGeom prst="rect">
            <a:avLst/>
          </a:prstGeom>
          <a:noFill/>
        </p:spPr>
        <p:txBody>
          <a:bodyPr wrap="square">
            <a:spAutoFit/>
          </a:bodyPr>
          <a:lstStyle/>
          <a:p>
            <a:r>
              <a:rPr lang="da-DK" sz="1400" noProof="0">
                <a:solidFill>
                  <a:srgbClr val="EE2F66"/>
                </a:solidFill>
              </a:rPr>
              <a:t>Ca. 60 </a:t>
            </a:r>
            <a:endParaRPr lang="da-DK" sz="1400" noProof="0">
              <a:solidFill>
                <a:srgbClr val="2C8027"/>
              </a:solidFill>
            </a:endParaRPr>
          </a:p>
          <a:p>
            <a:r>
              <a:rPr lang="da-DK" sz="800" noProof="0"/>
              <a:t>løsninger blev flyttet fra Azure til Hetzner.</a:t>
            </a:r>
          </a:p>
          <a:p>
            <a:endParaRPr lang="da-DK" sz="800" noProof="0"/>
          </a:p>
        </p:txBody>
      </p:sp>
      <p:grpSp>
        <p:nvGrpSpPr>
          <p:cNvPr id="220" name="Group 219">
            <a:extLst>
              <a:ext uri="{FF2B5EF4-FFF2-40B4-BE49-F238E27FC236}">
                <a16:creationId xmlns:a16="http://schemas.microsoft.com/office/drawing/2014/main" id="{94C57857-F789-0661-40D1-BA449E62C693}"/>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221" name="Oval 220">
              <a:extLst>
                <a:ext uri="{FF2B5EF4-FFF2-40B4-BE49-F238E27FC236}">
                  <a16:creationId xmlns:a16="http://schemas.microsoft.com/office/drawing/2014/main" id="{7AFD6E06-2B75-6221-D6D5-DA346B7FEA11}"/>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22" name="Freeform 11">
              <a:extLst>
                <a:ext uri="{FF2B5EF4-FFF2-40B4-BE49-F238E27FC236}">
                  <a16:creationId xmlns:a16="http://schemas.microsoft.com/office/drawing/2014/main" id="{05C26DB5-6728-79B7-93CE-D1CE6A1C4968}"/>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233" name="Group 232">
            <a:extLst>
              <a:ext uri="{FF2B5EF4-FFF2-40B4-BE49-F238E27FC236}">
                <a16:creationId xmlns:a16="http://schemas.microsoft.com/office/drawing/2014/main" id="{6141999F-C09C-D0C5-246A-93AB6F0A39D3}"/>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234" name="Oval 233">
              <a:extLst>
                <a:ext uri="{FF2B5EF4-FFF2-40B4-BE49-F238E27FC236}">
                  <a16:creationId xmlns:a16="http://schemas.microsoft.com/office/drawing/2014/main" id="{23139AD0-BCAB-AA98-30FE-8375EFAD00E6}"/>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35" name="Freeform 19">
              <a:extLst>
                <a:ext uri="{FF2B5EF4-FFF2-40B4-BE49-F238E27FC236}">
                  <a16:creationId xmlns:a16="http://schemas.microsoft.com/office/drawing/2014/main" id="{D3315F66-8EE1-0C1C-8239-FDFFD3CDCDA8}"/>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14" name="Content Placeholder 5">
            <a:extLst>
              <a:ext uri="{FF2B5EF4-FFF2-40B4-BE49-F238E27FC236}">
                <a16:creationId xmlns:a16="http://schemas.microsoft.com/office/drawing/2014/main" id="{97BAFDCC-90F4-31F1-4448-EDDC21BA23CA}"/>
              </a:ext>
            </a:extLst>
          </p:cNvPr>
          <p:cNvSpPr txBox="1">
            <a:spLocks/>
          </p:cNvSpPr>
          <p:nvPr/>
        </p:nvSpPr>
        <p:spPr>
          <a:xfrm>
            <a:off x="558228" y="6426480"/>
            <a:ext cx="11509488" cy="290179"/>
          </a:xfrm>
          <a:prstGeom prst="rect">
            <a:avLst/>
          </a:prstGeom>
        </p:spPr>
        <p:txBody>
          <a:bodyPr vert="horz" lIns="0" tIns="0" rIns="0" bIns="0" rtlCol="0" anchor="t">
            <a:noAutofit/>
          </a:bodyPr>
          <a:lstStyle>
            <a:defPPr>
              <a:defRPr lang="en-US"/>
            </a:defPPr>
            <a:lvl1pPr marL="87313" indent="-87313" defTabSz="203892">
              <a:lnSpc>
                <a:spcPct val="100000"/>
              </a:lnSpc>
              <a:spcBef>
                <a:spcPts val="0"/>
              </a:spcBef>
              <a:spcAft>
                <a:spcPts val="300"/>
              </a:spcAft>
              <a:buClrTx/>
              <a:buFont typeface="Arial" panose="020B0604020202020204" pitchFamily="34" charset="0"/>
              <a:buNone/>
              <a:defRPr sz="900" b="0" cap="none" baseline="30000"/>
            </a:lvl1pPr>
            <a:lvl2pPr marL="0" indent="0" defTabSz="203892">
              <a:lnSpc>
                <a:spcPct val="100000"/>
              </a:lnSpc>
              <a:spcBef>
                <a:spcPts val="0"/>
              </a:spcBef>
              <a:spcAft>
                <a:spcPts val="600"/>
              </a:spcAft>
              <a:buClrTx/>
              <a:buFont typeface="Arial" panose="020B0604020202020204" pitchFamily="34" charset="0"/>
              <a:buNone/>
              <a:defRPr sz="1200" b="1" cap="none" baseline="0">
                <a:solidFill>
                  <a:schemeClr val="accent1"/>
                </a:solidFill>
              </a:defRPr>
            </a:lvl2pPr>
            <a:lvl3pPr marL="0" indent="0" defTabSz="203892">
              <a:lnSpc>
                <a:spcPct val="100000"/>
              </a:lnSpc>
              <a:spcBef>
                <a:spcPts val="0"/>
              </a:spcBef>
              <a:spcAft>
                <a:spcPts val="600"/>
              </a:spcAft>
              <a:buFont typeface="Arial" panose="020B0604020202020204" pitchFamily="34" charset="0"/>
              <a:buNone/>
              <a:defRPr sz="1100">
                <a:solidFill>
                  <a:schemeClr val="accent3"/>
                </a:solidFill>
              </a:defRPr>
            </a:lvl3pPr>
            <a:lvl4pPr marL="180000" indent="-180000" defTabSz="203892">
              <a:lnSpc>
                <a:spcPct val="100000"/>
              </a:lnSpc>
              <a:spcBef>
                <a:spcPts val="0"/>
              </a:spcBef>
              <a:spcAft>
                <a:spcPts val="600"/>
              </a:spcAft>
              <a:buClr>
                <a:srgbClr val="F62B44"/>
              </a:buClr>
              <a:buFont typeface="Arial" panose="020B0604020202020204" pitchFamily="34" charset="0"/>
              <a:buChar char="•"/>
              <a:defRPr sz="1100">
                <a:solidFill>
                  <a:schemeClr val="accent3"/>
                </a:solidFill>
              </a:defRPr>
            </a:lvl4pPr>
            <a:lvl5pPr marL="36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5pPr>
            <a:lvl6pPr marL="54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6pPr>
            <a:lvl7pPr marL="225425" indent="-225425" defTabSz="203892">
              <a:lnSpc>
                <a:spcPct val="100000"/>
              </a:lnSpc>
              <a:spcBef>
                <a:spcPts val="0"/>
              </a:spcBef>
              <a:spcAft>
                <a:spcPts val="600"/>
              </a:spcAft>
              <a:buClr>
                <a:srgbClr val="F62B44"/>
              </a:buClr>
              <a:buFont typeface="+mj-lt"/>
              <a:buAutoNum type="arabicPeriod"/>
              <a:defRPr sz="1100">
                <a:solidFill>
                  <a:schemeClr val="accent3"/>
                </a:solidFill>
              </a:defRPr>
            </a:lvl7pPr>
            <a:lvl8pPr marL="449263" indent="-215900" defTabSz="203892">
              <a:lnSpc>
                <a:spcPct val="100000"/>
              </a:lnSpc>
              <a:spcBef>
                <a:spcPts val="0"/>
              </a:spcBef>
              <a:spcAft>
                <a:spcPts val="600"/>
              </a:spcAft>
              <a:buClr>
                <a:srgbClr val="F62B44"/>
              </a:buClr>
              <a:buFont typeface="+mj-lt"/>
              <a:buAutoNum type="alphaLcParenR"/>
              <a:defRPr sz="1100">
                <a:solidFill>
                  <a:schemeClr val="accent3"/>
                </a:solidFill>
              </a:defRPr>
            </a:lvl8pPr>
            <a:lvl9pPr marL="630238" indent="-180975" defTabSz="203892">
              <a:lnSpc>
                <a:spcPct val="100000"/>
              </a:lnSpc>
              <a:spcBef>
                <a:spcPts val="0"/>
              </a:spcBef>
              <a:spcAft>
                <a:spcPts val="600"/>
              </a:spcAft>
              <a:buClr>
                <a:srgbClr val="F62B44"/>
              </a:buClr>
              <a:buSzPct val="100000"/>
              <a:buFont typeface="+mj-lt"/>
              <a:buAutoNum type="romanLcPeriod"/>
              <a:defRPr sz="1100">
                <a:solidFill>
                  <a:schemeClr val="accent3"/>
                </a:solidFill>
              </a:defRPr>
            </a:lvl9pPr>
          </a:lstStyle>
          <a:p>
            <a:r>
              <a:rPr lang="da-DK" sz="700" i="1" baseline="0" noProof="0"/>
              <a:t>*</a:t>
            </a:r>
            <a:r>
              <a:rPr lang="da-DK" sz="800" i="1" baseline="0" noProof="0"/>
              <a:t>Containerisering sikrer ensartede miljøer på tværs af udvikling, test og drift, reducerer afhængigheder og understøtter hurtigere </a:t>
            </a:r>
            <a:r>
              <a:rPr lang="da-DK" sz="800" i="1" baseline="0" noProof="0" dirty="0" err="1"/>
              <a:t>deployment</a:t>
            </a:r>
            <a:r>
              <a:rPr lang="da-DK" sz="800" i="1" baseline="0" noProof="0"/>
              <a:t> og automatisering.</a:t>
            </a:r>
            <a:endParaRPr lang="da-DK" sz="700" i="1" baseline="0" noProof="0"/>
          </a:p>
        </p:txBody>
      </p:sp>
      <p:sp>
        <p:nvSpPr>
          <p:cNvPr id="13" name="TextBox 12">
            <a:extLst>
              <a:ext uri="{FF2B5EF4-FFF2-40B4-BE49-F238E27FC236}">
                <a16:creationId xmlns:a16="http://schemas.microsoft.com/office/drawing/2014/main" id="{4C04BFB9-D71C-32F1-1666-580FD09FD355}"/>
              </a:ext>
            </a:extLst>
          </p:cNvPr>
          <p:cNvSpPr txBox="1"/>
          <p:nvPr/>
        </p:nvSpPr>
        <p:spPr>
          <a:xfrm>
            <a:off x="9388818" y="4673978"/>
            <a:ext cx="2387562" cy="1487587"/>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Der bliver brugt flere interne timer på drift, men medarbejderne har oplevet større kontrol over applikationerne, og løsningerne er blevet gjort mere flytbare via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Kubernetes</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a:t>
            </a:r>
          </a:p>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Bo Fristed</a:t>
            </a:r>
            <a:b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b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Chef for ITK i Aarhus Kommune</a:t>
            </a:r>
            <a:endPar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p:txBody>
      </p:sp>
    </p:spTree>
    <p:extLst>
      <p:ext uri="{BB962C8B-B14F-4D97-AF65-F5344CB8AC3E}">
        <p14:creationId xmlns:p14="http://schemas.microsoft.com/office/powerpoint/2010/main" val="2044346718"/>
      </p:ext>
    </p:extLst>
  </p:cSld>
  <p:clrMapOvr>
    <a:masterClrMapping/>
  </p:clrMapOvr>
  <p:transition>
    <p:fade/>
  </p:transition>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BDF80B5-9F97-45A6-9B4B-5870C39B02D5}"/>
            </a:ext>
          </a:extLst>
        </p:cNvPr>
        <p:cNvGrpSpPr/>
        <p:nvPr/>
      </p:nvGrpSpPr>
      <p:grpSpPr>
        <a:xfrm>
          <a:off x="0" y="0"/>
          <a:ext cx="0" cy="0"/>
          <a:chOff x="0" y="0"/>
          <a:chExt cx="0" cy="0"/>
        </a:xfrm>
      </p:grpSpPr>
      <p:sp>
        <p:nvSpPr>
          <p:cNvPr id="108" name="Rectangle: Rounded Corners 107">
            <a:extLst>
              <a:ext uri="{FF2B5EF4-FFF2-40B4-BE49-F238E27FC236}">
                <a16:creationId xmlns:a16="http://schemas.microsoft.com/office/drawing/2014/main" id="{1302FA0F-F32A-9785-3A41-A2547F239208}"/>
              </a:ext>
            </a:extLst>
          </p:cNvPr>
          <p:cNvSpPr/>
          <p:nvPr/>
        </p:nvSpPr>
        <p:spPr>
          <a:xfrm>
            <a:off x="169304" y="11734"/>
            <a:ext cx="653960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2 | Digital suverænitet i Region Syds OT-miljø</a:t>
            </a:r>
          </a:p>
        </p:txBody>
      </p:sp>
      <p:sp>
        <p:nvSpPr>
          <p:cNvPr id="4" name="Rectangle: Rounded Corners 3">
            <a:extLst>
              <a:ext uri="{FF2B5EF4-FFF2-40B4-BE49-F238E27FC236}">
                <a16:creationId xmlns:a16="http://schemas.microsoft.com/office/drawing/2014/main" id="{9B61E080-ECEA-C0C7-96A5-AB56C90FB6C9}"/>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3" name="Rectangle: Rounded Corners 52">
            <a:extLst>
              <a:ext uri="{FF2B5EF4-FFF2-40B4-BE49-F238E27FC236}">
                <a16:creationId xmlns:a16="http://schemas.microsoft.com/office/drawing/2014/main" id="{4C7FE62F-3C7D-B6A3-FC24-6503C0D81D28}"/>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chemeClr val="lt1">
                  <a:alpha val="50000"/>
                </a:schemeClr>
              </a:solidFill>
            </a:endParaRPr>
          </a:p>
        </p:txBody>
      </p:sp>
      <p:sp>
        <p:nvSpPr>
          <p:cNvPr id="2" name="Title 1">
            <a:extLst>
              <a:ext uri="{FF2B5EF4-FFF2-40B4-BE49-F238E27FC236}">
                <a16:creationId xmlns:a16="http://schemas.microsoft.com/office/drawing/2014/main" id="{F3FD7F79-F274-CAF3-F1B2-CA841E777402}"/>
              </a:ext>
            </a:extLst>
          </p:cNvPr>
          <p:cNvSpPr>
            <a:spLocks noGrp="1"/>
          </p:cNvSpPr>
          <p:nvPr>
            <p:ph type="title"/>
          </p:nvPr>
        </p:nvSpPr>
        <p:spPr/>
        <p:txBody>
          <a:bodyPr/>
          <a:lstStyle/>
          <a:p>
            <a:r>
              <a:rPr lang="da-DK" sz="2200" noProof="0" dirty="0"/>
              <a:t>Side 1/3 | </a:t>
            </a:r>
            <a:r>
              <a:rPr lang="da-DK" sz="2200" b="1" noProof="0" dirty="0"/>
              <a:t>Sammenfatning af casen</a:t>
            </a:r>
          </a:p>
        </p:txBody>
      </p:sp>
      <p:sp>
        <p:nvSpPr>
          <p:cNvPr id="9" name="Rectangle: Rounded Corners 8">
            <a:extLst>
              <a:ext uri="{FF2B5EF4-FFF2-40B4-BE49-F238E27FC236}">
                <a16:creationId xmlns:a16="http://schemas.microsoft.com/office/drawing/2014/main" id="{2463DE20-0DB7-4A25-0BD2-D2D6E9A1BA21}"/>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3" name="Content Placeholder 5">
            <a:extLst>
              <a:ext uri="{FF2B5EF4-FFF2-40B4-BE49-F238E27FC236}">
                <a16:creationId xmlns:a16="http://schemas.microsoft.com/office/drawing/2014/main" id="{E427DC7E-D96F-6FDE-94FE-3D0786EF9387}"/>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11" name="Rectangle 10">
            <a:extLst>
              <a:ext uri="{FF2B5EF4-FFF2-40B4-BE49-F238E27FC236}">
                <a16:creationId xmlns:a16="http://schemas.microsoft.com/office/drawing/2014/main" id="{349CA85D-BA0D-5336-7FA0-9D44A51482F1}"/>
              </a:ext>
            </a:extLst>
          </p:cNvPr>
          <p:cNvSpPr/>
          <p:nvPr/>
        </p:nvSpPr>
        <p:spPr>
          <a:xfrm>
            <a:off x="552449" y="2139037"/>
            <a:ext cx="2757177"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lvl="0">
              <a:spcAft>
                <a:spcPts val="350"/>
              </a:spcAft>
              <a:defRPr/>
            </a:pPr>
            <a:r>
              <a:rPr lang="da-DK" sz="900" noProof="0" dirty="0">
                <a:solidFill>
                  <a:srgbClr val="000000"/>
                </a:solidFill>
                <a:latin typeface="Arial" panose="020B0604020202020204"/>
              </a:rPr>
              <a:t>Region Syddanmark etablerer et lager- og logistikcenter til Esbjerg Sygehus med automatiserede systemer.</a:t>
            </a:r>
          </a:p>
          <a:p>
            <a:pPr lvl="0">
              <a:spcAft>
                <a:spcPts val="350"/>
              </a:spcAft>
              <a:defRPr/>
            </a:pPr>
            <a:r>
              <a:rPr lang="da-DK" sz="900" noProof="0" dirty="0">
                <a:solidFill>
                  <a:srgbClr val="000000"/>
                </a:solidFill>
                <a:latin typeface="Arial" panose="020B0604020202020204"/>
              </a:rPr>
              <a:t>Projektet omfatter et autostore robotlager samt et </a:t>
            </a:r>
            <a:r>
              <a:rPr lang="da-DK" sz="900" noProof="0" dirty="0" err="1">
                <a:solidFill>
                  <a:srgbClr val="000000"/>
                </a:solidFill>
                <a:latin typeface="Arial" panose="020B0604020202020204"/>
              </a:rPr>
              <a:t>warehouse</a:t>
            </a:r>
            <a:r>
              <a:rPr lang="da-DK" sz="900" noProof="0" dirty="0">
                <a:solidFill>
                  <a:srgbClr val="000000"/>
                </a:solidFill>
                <a:latin typeface="Arial" panose="020B0604020202020204"/>
              </a:rPr>
              <a:t> management system (WMS) og er baseret på on-</a:t>
            </a:r>
            <a:r>
              <a:rPr lang="da-DK" sz="900" noProof="0" dirty="0" err="1">
                <a:solidFill>
                  <a:srgbClr val="000000"/>
                </a:solidFill>
                <a:latin typeface="Arial" panose="020B0604020202020204"/>
              </a:rPr>
              <a:t>premise</a:t>
            </a:r>
            <a:r>
              <a:rPr lang="da-DK" sz="900" noProof="0" dirty="0">
                <a:solidFill>
                  <a:srgbClr val="000000"/>
                </a:solidFill>
                <a:latin typeface="Arial" panose="020B0604020202020204"/>
              </a:rPr>
              <a:t>-teknologi og åbne standarder.</a:t>
            </a:r>
            <a:endParaRPr lang="da-DK" sz="900" i="1" noProof="0" dirty="0">
              <a:solidFill>
                <a:srgbClr val="000000"/>
              </a:solidFill>
              <a:latin typeface="Arial" panose="020B0604020202020204"/>
            </a:endParaRPr>
          </a:p>
          <a:p>
            <a:pPr lvl="0">
              <a:spcAft>
                <a:spcPts val="350"/>
              </a:spcAft>
              <a:defRPr/>
            </a:pPr>
            <a:r>
              <a:rPr lang="da-DK" sz="900" noProof="0" dirty="0">
                <a:solidFill>
                  <a:srgbClr val="000000"/>
                </a:solidFill>
                <a:latin typeface="Arial" panose="020B0604020202020204"/>
              </a:rPr>
              <a:t>Projektet er særligt fokuseret på operationel teknologi (OT) og er derfor vanskelig at placere i teknologistakken. Der er dog snitflader til koncern- og fagsystemer, sikkerhedsløsning, </a:t>
            </a:r>
            <a:r>
              <a:rPr lang="da-DK" sz="900" noProof="0" dirty="0" err="1">
                <a:solidFill>
                  <a:srgbClr val="000000"/>
                </a:solidFill>
                <a:latin typeface="Arial" panose="020B0604020202020204"/>
              </a:rPr>
              <a:t>devices</a:t>
            </a:r>
            <a:r>
              <a:rPr lang="da-DK" sz="900" noProof="0" dirty="0">
                <a:solidFill>
                  <a:srgbClr val="000000"/>
                </a:solidFill>
                <a:latin typeface="Arial" panose="020B0604020202020204"/>
              </a:rPr>
              <a:t> og cloud services.</a:t>
            </a:r>
          </a:p>
        </p:txBody>
      </p:sp>
      <p:grpSp>
        <p:nvGrpSpPr>
          <p:cNvPr id="145" name="Group 144" descr="Oversigt over teknologistakken og hvor casen rammer. Denne case rammer Koncern og fagsystemer, Sikkerhedsløsninger, Devices og slutbrugerudstyr og cloud services">
            <a:extLst>
              <a:ext uri="{FF2B5EF4-FFF2-40B4-BE49-F238E27FC236}">
                <a16:creationId xmlns:a16="http://schemas.microsoft.com/office/drawing/2014/main" id="{AB1DF9D6-6D5E-0939-E626-E3197E6E25F0}"/>
              </a:ext>
              <a:ext uri="{C183D7F6-B498-43B3-948B-1728B52AA6E4}">
                <adec:decorative xmlns:adec="http://schemas.microsoft.com/office/drawing/2017/decorative" val="0"/>
              </a:ext>
            </a:extLst>
          </p:cNvPr>
          <p:cNvGrpSpPr/>
          <p:nvPr/>
        </p:nvGrpSpPr>
        <p:grpSpPr>
          <a:xfrm>
            <a:off x="713385" y="4086154"/>
            <a:ext cx="2338961" cy="2232878"/>
            <a:chOff x="713385" y="4086154"/>
            <a:chExt cx="2338961" cy="2232878"/>
          </a:xfrm>
        </p:grpSpPr>
        <p:sp>
          <p:nvSpPr>
            <p:cNvPr id="5" name="Rectangle: Rounded Corners 4">
              <a:extLst>
                <a:ext uri="{FF2B5EF4-FFF2-40B4-BE49-F238E27FC236}">
                  <a16:creationId xmlns:a16="http://schemas.microsoft.com/office/drawing/2014/main" id="{2D00B6AF-6373-A3B8-CD31-E571184D323B}"/>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Digitale løsninger</a:t>
              </a:r>
            </a:p>
          </p:txBody>
        </p:sp>
        <p:sp>
          <p:nvSpPr>
            <p:cNvPr id="7" name="Rectangle: Rounded Corners 6">
              <a:extLst>
                <a:ext uri="{FF2B5EF4-FFF2-40B4-BE49-F238E27FC236}">
                  <a16:creationId xmlns:a16="http://schemas.microsoft.com/office/drawing/2014/main" id="{252A55AD-30E9-471A-A85D-D5701D516226}"/>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It-infrastruktur</a:t>
              </a:r>
            </a:p>
          </p:txBody>
        </p:sp>
        <p:sp>
          <p:nvSpPr>
            <p:cNvPr id="8" name="Rectangle 36">
              <a:extLst>
                <a:ext uri="{FF2B5EF4-FFF2-40B4-BE49-F238E27FC236}">
                  <a16:creationId xmlns:a16="http://schemas.microsoft.com/office/drawing/2014/main" id="{FD453DCA-B8CD-8740-603D-7DD0BD8E09F0}"/>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AI og digitale services</a:t>
              </a:r>
            </a:p>
          </p:txBody>
        </p:sp>
        <p:sp>
          <p:nvSpPr>
            <p:cNvPr id="10" name="Rectangle 43">
              <a:extLst>
                <a:ext uri="{FF2B5EF4-FFF2-40B4-BE49-F238E27FC236}">
                  <a16:creationId xmlns:a16="http://schemas.microsoft.com/office/drawing/2014/main" id="{1B1952A0-00E4-C954-3904-B85D223C7BF7}"/>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a:solidFill>
                    <a:schemeClr val="bg1"/>
                  </a:solidFill>
                </a:rPr>
                <a:t>Teknologistak</a:t>
              </a:r>
            </a:p>
          </p:txBody>
        </p:sp>
        <p:sp>
          <p:nvSpPr>
            <p:cNvPr id="15" name="Rectangle 36">
              <a:extLst>
                <a:ext uri="{FF2B5EF4-FFF2-40B4-BE49-F238E27FC236}">
                  <a16:creationId xmlns:a16="http://schemas.microsoft.com/office/drawing/2014/main" id="{6D91DB76-C899-9006-3860-CD640F88AC16}"/>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Koncern- og fagsystemer</a:t>
              </a:r>
            </a:p>
          </p:txBody>
        </p:sp>
        <p:sp>
          <p:nvSpPr>
            <p:cNvPr id="16" name="Rectangle 36">
              <a:extLst>
                <a:ext uri="{FF2B5EF4-FFF2-40B4-BE49-F238E27FC236}">
                  <a16:creationId xmlns:a16="http://schemas.microsoft.com/office/drawing/2014/main" id="{26D9D595-A494-64D3-88A6-7419D0DD42A8}"/>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igital arbejdsplads</a:t>
              </a:r>
            </a:p>
          </p:txBody>
        </p:sp>
        <p:sp>
          <p:nvSpPr>
            <p:cNvPr id="17" name="Rectangle 36">
              <a:extLst>
                <a:ext uri="{FF2B5EF4-FFF2-40B4-BE49-F238E27FC236}">
                  <a16:creationId xmlns:a16="http://schemas.microsoft.com/office/drawing/2014/main" id="{E7261254-9066-2203-1BF3-734BD8D958E8}"/>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ikkerhedsløsninger</a:t>
              </a:r>
            </a:p>
          </p:txBody>
        </p:sp>
        <p:sp>
          <p:nvSpPr>
            <p:cNvPr id="18" name="Rectangle 36">
              <a:extLst>
                <a:ext uri="{FF2B5EF4-FFF2-40B4-BE49-F238E27FC236}">
                  <a16:creationId xmlns:a16="http://schemas.microsoft.com/office/drawing/2014/main" id="{F0E8707B-A767-D408-23E8-4E02DF0F4704}"/>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deling og basis-software</a:t>
              </a:r>
            </a:p>
          </p:txBody>
        </p:sp>
        <p:sp>
          <p:nvSpPr>
            <p:cNvPr id="19" name="Rectangle 36">
              <a:extLst>
                <a:ext uri="{FF2B5EF4-FFF2-40B4-BE49-F238E27FC236}">
                  <a16:creationId xmlns:a16="http://schemas.microsoft.com/office/drawing/2014/main" id="{800578AD-22F2-28FD-6BF7-DA1FF1171481}"/>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Cloud services</a:t>
              </a:r>
            </a:p>
          </p:txBody>
        </p:sp>
        <p:sp>
          <p:nvSpPr>
            <p:cNvPr id="20" name="Rectangle 36">
              <a:extLst>
                <a:ext uri="{FF2B5EF4-FFF2-40B4-BE49-F238E27FC236}">
                  <a16:creationId xmlns:a16="http://schemas.microsoft.com/office/drawing/2014/main" id="{0EA58445-FE11-4C15-A71A-B8E9ED5C626A}"/>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evices og slutbrugerudstyr</a:t>
              </a:r>
            </a:p>
          </p:txBody>
        </p:sp>
        <p:sp>
          <p:nvSpPr>
            <p:cNvPr id="21" name="Rectangle 36">
              <a:extLst>
                <a:ext uri="{FF2B5EF4-FFF2-40B4-BE49-F238E27FC236}">
                  <a16:creationId xmlns:a16="http://schemas.microsoft.com/office/drawing/2014/main" id="{CFD9E3AA-8323-258B-374E-064906AEB785}"/>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centerinfrastruktur</a:t>
              </a:r>
            </a:p>
          </p:txBody>
        </p:sp>
        <p:sp>
          <p:nvSpPr>
            <p:cNvPr id="24" name="Rectangle 36">
              <a:extLst>
                <a:ext uri="{FF2B5EF4-FFF2-40B4-BE49-F238E27FC236}">
                  <a16:creationId xmlns:a16="http://schemas.microsoft.com/office/drawing/2014/main" id="{277EB6BD-6A48-E5DF-D4D7-92685D617D1C}"/>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Netværksinfrastruktur</a:t>
              </a:r>
            </a:p>
          </p:txBody>
        </p:sp>
      </p:grpSp>
      <p:sp>
        <p:nvSpPr>
          <p:cNvPr id="3" name="Content Placeholder 5">
            <a:extLst>
              <a:ext uri="{FF2B5EF4-FFF2-40B4-BE49-F238E27FC236}">
                <a16:creationId xmlns:a16="http://schemas.microsoft.com/office/drawing/2014/main" id="{1B6230A7-B7B7-0AB1-BD23-7A839C7529C0}"/>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Karakteristika, gevinster og barrierer</a:t>
            </a:r>
          </a:p>
        </p:txBody>
      </p:sp>
      <p:grpSp>
        <p:nvGrpSpPr>
          <p:cNvPr id="71" name="Group 70" descr="Casen er mellem projekt og implementeringsfasen">
            <a:extLst>
              <a:ext uri="{FF2B5EF4-FFF2-40B4-BE49-F238E27FC236}">
                <a16:creationId xmlns:a16="http://schemas.microsoft.com/office/drawing/2014/main" id="{69EC34EF-70F2-813B-8380-A5EF77E64AD5}"/>
              </a:ext>
              <a:ext uri="{C183D7F6-B498-43B3-948B-1728B52AA6E4}">
                <adec:decorative xmlns:adec="http://schemas.microsoft.com/office/drawing/2017/decorative" val="0"/>
              </a:ext>
            </a:extLst>
          </p:cNvPr>
          <p:cNvGrpSpPr/>
          <p:nvPr/>
        </p:nvGrpSpPr>
        <p:grpSpPr>
          <a:xfrm>
            <a:off x="6937091" y="1945363"/>
            <a:ext cx="2371002" cy="233209"/>
            <a:chOff x="579065" y="3721174"/>
            <a:chExt cx="2371002" cy="233209"/>
          </a:xfrm>
        </p:grpSpPr>
        <p:cxnSp>
          <p:nvCxnSpPr>
            <p:cNvPr id="62" name="Straight Connector 61">
              <a:extLst>
                <a:ext uri="{FF2B5EF4-FFF2-40B4-BE49-F238E27FC236}">
                  <a16:creationId xmlns:a16="http://schemas.microsoft.com/office/drawing/2014/main" id="{A06412F0-B1BB-1ADE-091B-49E449F8C922}"/>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DC5C5274-5018-4012-B03A-31F09514D519}"/>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55" name="TextBox 54">
              <a:extLst>
                <a:ext uri="{FF2B5EF4-FFF2-40B4-BE49-F238E27FC236}">
                  <a16:creationId xmlns:a16="http://schemas.microsoft.com/office/drawing/2014/main" id="{B20D8EBA-46B6-076C-E542-2B5D527F5B04}"/>
                </a:ext>
              </a:extLst>
            </p:cNvPr>
            <p:cNvSpPr txBox="1"/>
            <p:nvPr/>
          </p:nvSpPr>
          <p:spPr>
            <a:xfrm>
              <a:off x="579065" y="3723935"/>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dé</a:t>
              </a:r>
            </a:p>
          </p:txBody>
        </p:sp>
        <p:sp>
          <p:nvSpPr>
            <p:cNvPr id="56" name="TextBox 55">
              <a:extLst>
                <a:ext uri="{FF2B5EF4-FFF2-40B4-BE49-F238E27FC236}">
                  <a16:creationId xmlns:a16="http://schemas.microsoft.com/office/drawing/2014/main" id="{A0E4CC76-2E3E-9DE7-246D-DD6ECE153693}"/>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Projekt</a:t>
              </a:r>
            </a:p>
          </p:txBody>
        </p:sp>
        <p:sp>
          <p:nvSpPr>
            <p:cNvPr id="65" name="TextBox 64">
              <a:extLst>
                <a:ext uri="{FF2B5EF4-FFF2-40B4-BE49-F238E27FC236}">
                  <a16:creationId xmlns:a16="http://schemas.microsoft.com/office/drawing/2014/main" id="{B25C3963-2A1B-DF1F-4BEC-ED9DA8536F15}"/>
                </a:ext>
              </a:extLst>
            </p:cNvPr>
            <p:cNvSpPr txBox="1"/>
            <p:nvPr/>
          </p:nvSpPr>
          <p:spPr>
            <a:xfrm>
              <a:off x="1681056" y="3722668"/>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mplementering</a:t>
              </a:r>
            </a:p>
          </p:txBody>
        </p:sp>
        <p:sp>
          <p:nvSpPr>
            <p:cNvPr id="66" name="TextBox 65">
              <a:extLst>
                <a:ext uri="{FF2B5EF4-FFF2-40B4-BE49-F238E27FC236}">
                  <a16:creationId xmlns:a16="http://schemas.microsoft.com/office/drawing/2014/main" id="{6B6CF2F0-FEFE-302A-EA9B-9813439B3F9D}"/>
                </a:ext>
              </a:extLst>
            </p:cNvPr>
            <p:cNvSpPr txBox="1"/>
            <p:nvPr/>
          </p:nvSpPr>
          <p:spPr>
            <a:xfrm>
              <a:off x="2299837" y="3723935"/>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Drift</a:t>
              </a:r>
            </a:p>
          </p:txBody>
        </p:sp>
        <p:cxnSp>
          <p:nvCxnSpPr>
            <p:cNvPr id="68" name="Straight Connector 67">
              <a:extLst>
                <a:ext uri="{FF2B5EF4-FFF2-40B4-BE49-F238E27FC236}">
                  <a16:creationId xmlns:a16="http://schemas.microsoft.com/office/drawing/2014/main" id="{5EE96AFD-4E3B-3BC4-F2EE-D5AD6EE43CBB}"/>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2DDCF8C3-BFC6-2A66-930A-5D6940FF0492}"/>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63A6D862-E004-7E9B-6BEF-8E0EFAD7B6E7}"/>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14" name="Rectangle 13">
            <a:extLst>
              <a:ext uri="{FF2B5EF4-FFF2-40B4-BE49-F238E27FC236}">
                <a16:creationId xmlns:a16="http://schemas.microsoft.com/office/drawing/2014/main" id="{B92F2C44-8F22-2F2E-450C-F0358BF027E7}"/>
              </a:ext>
            </a:extLst>
          </p:cNvPr>
          <p:cNvSpPr/>
          <p:nvPr/>
        </p:nvSpPr>
        <p:spPr>
          <a:xfrm>
            <a:off x="3408013" y="2139036"/>
            <a:ext cx="584007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900" b="1" noProof="0" dirty="0">
                <a:solidFill>
                  <a:srgbClr val="36465A"/>
                </a:solidFill>
              </a:rPr>
              <a:t>Generelle karakteristika</a:t>
            </a:r>
          </a:p>
          <a:p>
            <a:pPr marL="171450" indent="-171450">
              <a:buFont typeface="Wingdings" panose="05000000000000000000" pitchFamily="2" charset="2"/>
              <a:buChar char="Ø"/>
            </a:pPr>
            <a:r>
              <a:rPr lang="da-DK" sz="900" b="1" noProof="0" dirty="0">
                <a:solidFill>
                  <a:schemeClr val="tx1"/>
                </a:solidFill>
              </a:rPr>
              <a:t>Status på projekt: </a:t>
            </a:r>
            <a:r>
              <a:rPr lang="da-DK" sz="900" noProof="0" dirty="0">
                <a:solidFill>
                  <a:schemeClr val="tx1"/>
                </a:solidFill>
                <a:sym typeface="Wingdings" panose="05000000000000000000" pitchFamily="2" charset="2"/>
              </a:rPr>
              <a:t>Region Syddanmark har afsluttet udbuddet for lagerautomatik (autostore), og leverandøren er valgt. Selve byggeriet af lager- og logistikcenteret er sendt i udbud med forventet kontrakttildeling omkring årsskiftet 2025/2026. Udbuddet for WMS er planlagt, men endnu ikke gennemført. Projektet forventes færdigt i 2027.</a:t>
            </a:r>
            <a:endParaRPr lang="da-DK" sz="900" b="1" i="1" noProof="0" dirty="0">
              <a:solidFill>
                <a:schemeClr val="tx1"/>
              </a:solidFill>
            </a:endParaRPr>
          </a:p>
          <a:p>
            <a:pPr marL="171450" indent="-171450">
              <a:spcAft>
                <a:spcPts val="300"/>
              </a:spcAft>
              <a:buFont typeface="Wingdings" panose="05000000000000000000" pitchFamily="2" charset="2"/>
              <a:buChar char="Ø"/>
            </a:pPr>
            <a:r>
              <a:rPr lang="da-DK" sz="900" b="1" noProof="0" dirty="0">
                <a:solidFill>
                  <a:schemeClr val="tx1"/>
                </a:solidFill>
              </a:rPr>
              <a:t>Antal myndigheder/organisationer: </a:t>
            </a:r>
            <a:r>
              <a:rPr lang="da-DK" sz="900" noProof="0" dirty="0">
                <a:solidFill>
                  <a:schemeClr val="tx1"/>
                </a:solidFill>
              </a:rPr>
              <a:t>Projektet er drevet af Byggeafdelingen i Region Syddanmark, og Esbjerg Sygehus vil være bruger af lageret, når projektet er afsluttet.</a:t>
            </a:r>
            <a:endParaRPr lang="da-DK" sz="900" b="1" noProof="0" dirty="0">
              <a:solidFill>
                <a:schemeClr val="tx1"/>
              </a:solidFill>
            </a:endParaRPr>
          </a:p>
          <a:p>
            <a:pPr marL="171450" indent="-171450">
              <a:spcAft>
                <a:spcPts val="300"/>
              </a:spcAft>
              <a:buFont typeface="Wingdings" panose="05000000000000000000" pitchFamily="2" charset="2"/>
              <a:buChar char="Ø"/>
            </a:pPr>
            <a:r>
              <a:rPr lang="da-DK" sz="900" b="1" noProof="0" dirty="0">
                <a:solidFill>
                  <a:schemeClr val="tx1"/>
                </a:solidFill>
              </a:rPr>
              <a:t>Geografisk omfang: </a:t>
            </a:r>
            <a:r>
              <a:rPr lang="da-DK" sz="900" noProof="0" dirty="0">
                <a:solidFill>
                  <a:schemeClr val="tx1"/>
                </a:solidFill>
              </a:rPr>
              <a:t>Region Syddanmark og mere specifikt Esbjerg Sygehus.</a:t>
            </a:r>
          </a:p>
          <a:p>
            <a:pPr marL="171450" indent="-171450">
              <a:spcAft>
                <a:spcPts val="300"/>
              </a:spcAft>
              <a:buFont typeface="Wingdings" panose="05000000000000000000" pitchFamily="2" charset="2"/>
              <a:buChar char="Ø"/>
            </a:pPr>
            <a:r>
              <a:rPr lang="da-DK" sz="900" b="1" noProof="0" dirty="0">
                <a:solidFill>
                  <a:schemeClr val="tx1"/>
                </a:solidFill>
              </a:rPr>
              <a:t>Antal brugere omfattet: </a:t>
            </a:r>
            <a:r>
              <a:rPr lang="da-DK" sz="900" noProof="0" dirty="0">
                <a:solidFill>
                  <a:schemeClr val="tx1"/>
                </a:solidFill>
              </a:rPr>
              <a:t>Projektet påvirker logistik for ca. 3.000 medarbejdere på Esbjerg Sygehus samt ca. 400.000 patienter årligt.</a:t>
            </a:r>
            <a:endParaRPr lang="da-DK" sz="900" b="1" noProof="0" dirty="0">
              <a:solidFill>
                <a:schemeClr val="tx1"/>
              </a:solidFill>
            </a:endParaRPr>
          </a:p>
          <a:p>
            <a:pPr marL="171450" indent="-171450">
              <a:spcAft>
                <a:spcPts val="300"/>
              </a:spcAft>
              <a:buFont typeface="Wingdings" panose="05000000000000000000" pitchFamily="2" charset="2"/>
              <a:buChar char="Ø"/>
            </a:pPr>
            <a:r>
              <a:rPr lang="da-DK" sz="900" b="1" noProof="0" dirty="0">
                <a:solidFill>
                  <a:schemeClr val="tx1"/>
                </a:solidFill>
              </a:rPr>
              <a:t>Antal systemer berørt: </a:t>
            </a:r>
            <a:r>
              <a:rPr lang="da-DK" sz="900" noProof="0" dirty="0">
                <a:solidFill>
                  <a:schemeClr val="tx1"/>
                </a:solidFill>
              </a:rPr>
              <a:t>Projektet har snitflader til en række OT-systemer og bygningsstyringskomponenter, herunder adgangskortsystemer, lagerstyringssoftware, datacenterintegration og overvågningssystemer.</a:t>
            </a:r>
            <a:endParaRPr lang="da-DK" sz="900" b="1" noProof="0" dirty="0">
              <a:solidFill>
                <a:schemeClr val="tx1"/>
              </a:solidFill>
            </a:endParaRPr>
          </a:p>
        </p:txBody>
      </p:sp>
      <p:sp>
        <p:nvSpPr>
          <p:cNvPr id="49" name="Isosceles Triangle 48">
            <a:extLst>
              <a:ext uri="{FF2B5EF4-FFF2-40B4-BE49-F238E27FC236}">
                <a16:creationId xmlns:a16="http://schemas.microsoft.com/office/drawing/2014/main" id="{AEB3BEF1-6D77-5A80-7A24-79B9E1414785}"/>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6" name="Straight Connector 5">
            <a:extLst>
              <a:ext uri="{FF2B5EF4-FFF2-40B4-BE49-F238E27FC236}">
                <a16:creationId xmlns:a16="http://schemas.microsoft.com/office/drawing/2014/main" id="{63FA2756-630C-62F6-320F-18F36D02D055}"/>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31DBE2A3-5012-C102-4BB5-3FA3B03FF9B6}"/>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Gevinster </a:t>
            </a:r>
          </a:p>
        </p:txBody>
      </p:sp>
      <p:sp>
        <p:nvSpPr>
          <p:cNvPr id="59" name="Content Placeholder 5">
            <a:extLst>
              <a:ext uri="{FF2B5EF4-FFF2-40B4-BE49-F238E27FC236}">
                <a16:creationId xmlns:a16="http://schemas.microsoft.com/office/drawing/2014/main" id="{21A5E3D1-BA2D-0022-3171-3B3CA1DD3223}"/>
              </a:ext>
            </a:extLst>
          </p:cNvPr>
          <p:cNvSpPr txBox="1">
            <a:spLocks/>
          </p:cNvSpPr>
          <p:nvPr/>
        </p:nvSpPr>
        <p:spPr>
          <a:xfrm>
            <a:off x="3484616" y="4541641"/>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Ins="0"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a:solidFill>
                  <a:schemeClr val="tx1"/>
                </a:solidFill>
              </a:rPr>
              <a:t>Kontrol over data og drift</a:t>
            </a:r>
            <a:r>
              <a:rPr lang="da-DK" sz="900" b="0" noProof="0">
                <a:solidFill>
                  <a:schemeClr val="tx1"/>
                </a:solidFill>
              </a:rPr>
              <a:t>: On-</a:t>
            </a:r>
            <a:r>
              <a:rPr lang="da-DK" sz="900" b="0" noProof="0" err="1">
                <a:solidFill>
                  <a:schemeClr val="tx1"/>
                </a:solidFill>
              </a:rPr>
              <a:t>premise</a:t>
            </a:r>
            <a:r>
              <a:rPr lang="da-DK" sz="900" b="0" noProof="0" dirty="0">
                <a:solidFill>
                  <a:schemeClr val="tx1"/>
                </a:solidFill>
              </a:rPr>
              <a:t>-</a:t>
            </a:r>
            <a:r>
              <a:rPr lang="da-DK" sz="900" b="0" noProof="0">
                <a:solidFill>
                  <a:schemeClr val="tx1"/>
                </a:solidFill>
              </a:rPr>
              <a:t>løsning sikrer, at data ikke ligger hos eksterne cloud-udbydere, hvilket øger kontrol over data.</a:t>
            </a:r>
          </a:p>
          <a:p>
            <a:pPr marL="171450" indent="-171450">
              <a:buFont typeface="Wingdings" panose="05000000000000000000" pitchFamily="2" charset="2"/>
              <a:buChar char="Ø"/>
            </a:pPr>
            <a:r>
              <a:rPr lang="da-DK" sz="900" noProof="0">
                <a:solidFill>
                  <a:schemeClr val="tx1"/>
                </a:solidFill>
              </a:rPr>
              <a:t>Reduceret leverandørafhængighed</a:t>
            </a:r>
            <a:r>
              <a:rPr lang="da-DK" sz="900" b="0" noProof="0">
                <a:solidFill>
                  <a:schemeClr val="tx1"/>
                </a:solidFill>
              </a:rPr>
              <a:t>: Krav om åbne standarder og </a:t>
            </a:r>
            <a:r>
              <a:rPr lang="da-DK" sz="900" b="0" noProof="0" err="1">
                <a:solidFill>
                  <a:schemeClr val="tx1"/>
                </a:solidFill>
              </a:rPr>
              <a:t>interoperabilitet</a:t>
            </a:r>
            <a:r>
              <a:rPr lang="da-DK" sz="900" b="0" noProof="0">
                <a:solidFill>
                  <a:schemeClr val="tx1"/>
                </a:solidFill>
              </a:rPr>
              <a:t> begrænser omkostninger ved leverandørskifte.</a:t>
            </a:r>
          </a:p>
          <a:p>
            <a:pPr marL="171450" indent="-171450">
              <a:buFont typeface="Wingdings" panose="05000000000000000000" pitchFamily="2" charset="2"/>
              <a:buChar char="Ø"/>
            </a:pPr>
            <a:r>
              <a:rPr lang="da-DK" sz="900" noProof="0">
                <a:solidFill>
                  <a:schemeClr val="tx1"/>
                </a:solidFill>
              </a:rPr>
              <a:t>Fleksibilitet i fremtidige ændringer</a:t>
            </a:r>
            <a:r>
              <a:rPr lang="da-DK" sz="900" b="0" noProof="0">
                <a:solidFill>
                  <a:schemeClr val="tx1"/>
                </a:solidFill>
              </a:rPr>
              <a:t>: Åbne standarder giver bedre mulighed for at udskifte delelementer og integrationer</a:t>
            </a:r>
            <a:r>
              <a:rPr lang="da-DK" sz="900" b="0" noProof="0" dirty="0">
                <a:solidFill>
                  <a:schemeClr val="tx1"/>
                </a:solidFill>
              </a:rPr>
              <a:t>.</a:t>
            </a:r>
            <a:endParaRPr lang="da-DK" sz="900" b="0" noProof="0">
              <a:solidFill>
                <a:schemeClr val="tx1"/>
              </a:solidFill>
            </a:endParaRPr>
          </a:p>
          <a:p>
            <a:pPr marL="171450" indent="-171450">
              <a:buFont typeface="Wingdings" panose="05000000000000000000" pitchFamily="2" charset="2"/>
              <a:buChar char="Ø"/>
            </a:pPr>
            <a:r>
              <a:rPr lang="da-DK" sz="900" noProof="0">
                <a:solidFill>
                  <a:schemeClr val="tx1"/>
                </a:solidFill>
              </a:rPr>
              <a:t>On-</a:t>
            </a:r>
            <a:r>
              <a:rPr lang="da-DK" sz="900" noProof="0" err="1">
                <a:solidFill>
                  <a:schemeClr val="tx1"/>
                </a:solidFill>
              </a:rPr>
              <a:t>premise</a:t>
            </a:r>
            <a:r>
              <a:rPr lang="da-DK" sz="900" noProof="0">
                <a:solidFill>
                  <a:schemeClr val="tx1"/>
                </a:solidFill>
              </a:rPr>
              <a:t> til samme pris</a:t>
            </a:r>
            <a:r>
              <a:rPr lang="da-DK" sz="900" b="0" noProof="0">
                <a:solidFill>
                  <a:schemeClr val="tx1"/>
                </a:solidFill>
              </a:rPr>
              <a:t>: Krav til on-</a:t>
            </a:r>
            <a:r>
              <a:rPr lang="da-DK" sz="900" b="0" noProof="0" err="1">
                <a:solidFill>
                  <a:schemeClr val="tx1"/>
                </a:solidFill>
              </a:rPr>
              <a:t>premise</a:t>
            </a:r>
            <a:r>
              <a:rPr lang="da-DK" sz="900" b="0" noProof="0">
                <a:solidFill>
                  <a:schemeClr val="tx1"/>
                </a:solidFill>
              </a:rPr>
              <a:t> ikke medført øgede udgifter.</a:t>
            </a:r>
            <a:endParaRPr lang="da-DK" noProof="0">
              <a:solidFill>
                <a:schemeClr val="tx1"/>
              </a:solidFill>
            </a:endParaRPr>
          </a:p>
        </p:txBody>
      </p:sp>
      <p:sp>
        <p:nvSpPr>
          <p:cNvPr id="23" name="Content Placeholder 5">
            <a:extLst>
              <a:ext uri="{FF2B5EF4-FFF2-40B4-BE49-F238E27FC236}">
                <a16:creationId xmlns:a16="http://schemas.microsoft.com/office/drawing/2014/main" id="{B66506B7-9ED3-37F9-86CA-D5ECE92B6920}"/>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Barrierer</a:t>
            </a:r>
          </a:p>
        </p:txBody>
      </p:sp>
      <p:cxnSp>
        <p:nvCxnSpPr>
          <p:cNvPr id="25" name="Straight Connector 24">
            <a:extLst>
              <a:ext uri="{FF2B5EF4-FFF2-40B4-BE49-F238E27FC236}">
                <a16:creationId xmlns:a16="http://schemas.microsoft.com/office/drawing/2014/main" id="{5E223C5E-3E02-3CB2-89E3-BB2766DE9091}"/>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B1ABFCBB-25DE-AC02-BEB5-C3DAB4826C34}"/>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cxnSp>
        <p:nvCxnSpPr>
          <p:cNvPr id="57" name="Straight Connector 56">
            <a:extLst>
              <a:ext uri="{FF2B5EF4-FFF2-40B4-BE49-F238E27FC236}">
                <a16:creationId xmlns:a16="http://schemas.microsoft.com/office/drawing/2014/main" id="{F0671CFF-0FFD-EF4A-5059-0B55AD2B317C}"/>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5FBB6FC7-3B0C-4D30-0000-0876169A7504}"/>
              </a:ext>
              <a:ext uri="{C183D7F6-B498-43B3-948B-1728B52AA6E4}">
                <adec:decorative xmlns:adec="http://schemas.microsoft.com/office/drawing/2017/decorative" val="1"/>
              </a:ext>
            </a:extLst>
          </p:cNvPr>
          <p:cNvCxnSpPr>
            <a:cxnSpLocks/>
          </p:cNvCxnSpPr>
          <p:nvPr/>
        </p:nvCxnSpPr>
        <p:spPr>
          <a:xfrm>
            <a:off x="6585098"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0" name="Content Placeholder 5">
            <a:extLst>
              <a:ext uri="{FF2B5EF4-FFF2-40B4-BE49-F238E27FC236}">
                <a16:creationId xmlns:a16="http://schemas.microsoft.com/office/drawing/2014/main" id="{D06ED56F-8053-ED37-3726-A980E7AB3957}"/>
              </a:ext>
            </a:extLst>
          </p:cNvPr>
          <p:cNvSpPr txBox="1">
            <a:spLocks/>
          </p:cNvSpPr>
          <p:nvPr/>
        </p:nvSpPr>
        <p:spPr>
          <a:xfrm>
            <a:off x="6445567" y="4578217"/>
            <a:ext cx="2785220" cy="163562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lvl="0" indent="-171450" defTabSz="914400" eaLnBrk="0" fontAlgn="base" hangingPunct="0">
              <a:spcBef>
                <a:spcPct val="0"/>
              </a:spcBef>
              <a:spcAft>
                <a:spcPts val="300"/>
              </a:spcAft>
              <a:buFont typeface="Wingdings" panose="05000000000000000000" pitchFamily="2" charset="2"/>
              <a:buChar char="Ø"/>
            </a:pPr>
            <a:r>
              <a:rPr lang="da-DK" sz="900" noProof="0">
                <a:solidFill>
                  <a:schemeClr val="tx1"/>
                </a:solidFill>
              </a:rPr>
              <a:t>Begrænset leverandørmarked</a:t>
            </a:r>
            <a:r>
              <a:rPr lang="da-DK" sz="900" b="0" noProof="0">
                <a:solidFill>
                  <a:schemeClr val="tx1"/>
                </a:solidFill>
              </a:rPr>
              <a:t>: Hårde krav til on-</a:t>
            </a:r>
            <a:r>
              <a:rPr lang="da-DK" sz="900" b="0" noProof="0" err="1">
                <a:solidFill>
                  <a:schemeClr val="tx1"/>
                </a:solidFill>
              </a:rPr>
              <a:t>premise</a:t>
            </a:r>
            <a:r>
              <a:rPr lang="da-DK" sz="900" b="0" noProof="0">
                <a:solidFill>
                  <a:schemeClr val="tx1"/>
                </a:solidFill>
              </a:rPr>
              <a:t> og europæiske leverandører kan gøre det vanskeligt at finde relevante løsninger.</a:t>
            </a:r>
          </a:p>
          <a:p>
            <a:pPr marL="171450" lvl="0" indent="-171450" defTabSz="914400" eaLnBrk="0" fontAlgn="base" hangingPunct="0">
              <a:spcBef>
                <a:spcPct val="0"/>
              </a:spcBef>
              <a:spcAft>
                <a:spcPts val="300"/>
              </a:spcAft>
              <a:buFont typeface="Wingdings" panose="05000000000000000000" pitchFamily="2" charset="2"/>
              <a:buChar char="Ø"/>
            </a:pPr>
            <a:r>
              <a:rPr lang="da-DK" sz="900" noProof="0">
                <a:solidFill>
                  <a:schemeClr val="tx1"/>
                </a:solidFill>
              </a:rPr>
              <a:t>Kvalitet af europæiske alternativer</a:t>
            </a:r>
            <a:r>
              <a:rPr lang="da-DK" sz="900" b="0" noProof="0">
                <a:solidFill>
                  <a:schemeClr val="tx1"/>
                </a:solidFill>
              </a:rPr>
              <a:t>: På OT-området har europæiske alternativer ikke altid den samme kvalitet som globale leverandører, og det kan være nødvendigt at foretage konkrete afvejninger mellem kvalitet og digital suverænitet. </a:t>
            </a:r>
          </a:p>
          <a:p>
            <a:pPr marL="171450" lvl="0" indent="-171450" defTabSz="914400" eaLnBrk="0" fontAlgn="base" hangingPunct="0">
              <a:spcBef>
                <a:spcPct val="0"/>
              </a:spcBef>
              <a:spcAft>
                <a:spcPts val="300"/>
              </a:spcAft>
              <a:buFont typeface="Wingdings" panose="05000000000000000000" pitchFamily="2" charset="2"/>
              <a:buChar char="Ø"/>
            </a:pPr>
            <a:r>
              <a:rPr lang="da-DK" sz="900" noProof="0">
                <a:solidFill>
                  <a:schemeClr val="tx1"/>
                </a:solidFill>
              </a:rPr>
              <a:t>Svært at måle gevinster</a:t>
            </a:r>
            <a:r>
              <a:rPr lang="da-DK" sz="900" b="0" noProof="0">
                <a:solidFill>
                  <a:schemeClr val="tx1"/>
                </a:solidFill>
              </a:rPr>
              <a:t>: Sikkerhed, kontrol og digital suverænitet er værdifulde gevinster, men kan være vanskelige at måle, og vanskeliggør dokumentation af gevinster.</a:t>
            </a:r>
          </a:p>
        </p:txBody>
      </p:sp>
      <p:cxnSp>
        <p:nvCxnSpPr>
          <p:cNvPr id="61" name="Straight Connector 60">
            <a:extLst>
              <a:ext uri="{FF2B5EF4-FFF2-40B4-BE49-F238E27FC236}">
                <a16:creationId xmlns:a16="http://schemas.microsoft.com/office/drawing/2014/main" id="{B3601DC8-C9F9-4D76-B8FB-557517B04804}"/>
              </a:ext>
              <a:ext uri="{C183D7F6-B498-43B3-948B-1728B52AA6E4}">
                <adec:decorative xmlns:adec="http://schemas.microsoft.com/office/drawing/2017/decorative" val="1"/>
              </a:ext>
            </a:extLst>
          </p:cNvPr>
          <p:cNvCxnSpPr>
            <a:cxnSpLocks/>
          </p:cNvCxnSpPr>
          <p:nvPr/>
        </p:nvCxnSpPr>
        <p:spPr>
          <a:xfrm>
            <a:off x="3408176" y="2122972"/>
            <a:ext cx="3493285" cy="16064"/>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6" name="Rectangle 25">
            <a:extLst>
              <a:ext uri="{FF2B5EF4-FFF2-40B4-BE49-F238E27FC236}">
                <a16:creationId xmlns:a16="http://schemas.microsoft.com/office/drawing/2014/main" id="{4D86A06E-945C-9E8A-9B20-D742035DF658}"/>
              </a:ext>
              <a:ext uri="{C183D7F6-B498-43B3-948B-1728B52AA6E4}">
                <adec:decorative xmlns:adec="http://schemas.microsoft.com/office/drawing/2017/decorative" val="1"/>
              </a:ext>
            </a:extLst>
          </p:cNvPr>
          <p:cNvSpPr>
            <a:spLocks/>
          </p:cNvSpPr>
          <p:nvPr/>
        </p:nvSpPr>
        <p:spPr>
          <a:xfrm>
            <a:off x="1061353" y="5885157"/>
            <a:ext cx="1994269" cy="433874"/>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27" name="Rectangle 26">
            <a:extLst>
              <a:ext uri="{FF2B5EF4-FFF2-40B4-BE49-F238E27FC236}">
                <a16:creationId xmlns:a16="http://schemas.microsoft.com/office/drawing/2014/main" id="{76AAFD0F-0835-99C9-AC5E-08826F690294}"/>
              </a:ext>
              <a:ext uri="{C183D7F6-B498-43B3-948B-1728B52AA6E4}">
                <adec:decorative xmlns:adec="http://schemas.microsoft.com/office/drawing/2017/decorative" val="1"/>
              </a:ext>
            </a:extLst>
          </p:cNvPr>
          <p:cNvSpPr>
            <a:spLocks/>
          </p:cNvSpPr>
          <p:nvPr/>
        </p:nvSpPr>
        <p:spPr>
          <a:xfrm>
            <a:off x="1066246" y="4281488"/>
            <a:ext cx="2020311" cy="201263"/>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15" name="Rectangle 114">
            <a:extLst>
              <a:ext uri="{FF2B5EF4-FFF2-40B4-BE49-F238E27FC236}">
                <a16:creationId xmlns:a16="http://schemas.microsoft.com/office/drawing/2014/main" id="{1C69621C-6A45-5562-F680-EA701283DB0C}"/>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endParaRPr lang="da-DK" sz="900" b="1" noProof="0">
              <a:solidFill>
                <a:schemeClr val="tx1"/>
              </a:solidFill>
            </a:endParaRPr>
          </a:p>
        </p:txBody>
      </p:sp>
      <p:cxnSp>
        <p:nvCxnSpPr>
          <p:cNvPr id="30" name="Straight Connector 29">
            <a:extLst>
              <a:ext uri="{FF2B5EF4-FFF2-40B4-BE49-F238E27FC236}">
                <a16:creationId xmlns:a16="http://schemas.microsoft.com/office/drawing/2014/main" id="{21E1840E-2D04-1ED5-24F6-7066DE6DB46F}"/>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15CFC833-60D0-913B-B52F-1D10037CBBC9}"/>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74" name="Oval 73">
            <a:extLst>
              <a:ext uri="{FF2B5EF4-FFF2-40B4-BE49-F238E27FC236}">
                <a16:creationId xmlns:a16="http://schemas.microsoft.com/office/drawing/2014/main" id="{CFF3E6F6-A175-0ABC-60AA-524CBA15F9E8}"/>
              </a:ext>
              <a:ext uri="{C183D7F6-B498-43B3-948B-1728B52AA6E4}">
                <adec:decorative xmlns:adec="http://schemas.microsoft.com/office/drawing/2017/decorative" val="1"/>
              </a:ext>
            </a:extLst>
          </p:cNvPr>
          <p:cNvSpPr/>
          <p:nvPr/>
        </p:nvSpPr>
        <p:spPr>
          <a:xfrm>
            <a:off x="7893843"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nvGrpSpPr>
          <p:cNvPr id="146" name="Group 145">
            <a:extLst>
              <a:ext uri="{FF2B5EF4-FFF2-40B4-BE49-F238E27FC236}">
                <a16:creationId xmlns:a16="http://schemas.microsoft.com/office/drawing/2014/main" id="{1F8A2992-81EA-E217-FCD0-918714EC0D05}"/>
              </a:ext>
              <a:ext uri="{C183D7F6-B498-43B3-948B-1728B52AA6E4}">
                <adec:decorative xmlns:adec="http://schemas.microsoft.com/office/drawing/2017/decorative" val="1"/>
              </a:ext>
            </a:extLst>
          </p:cNvPr>
          <p:cNvGrpSpPr/>
          <p:nvPr/>
        </p:nvGrpSpPr>
        <p:grpSpPr>
          <a:xfrm>
            <a:off x="-7434" y="-3292"/>
            <a:ext cx="176971" cy="6862880"/>
            <a:chOff x="-10502" y="0"/>
            <a:chExt cx="176971" cy="6859588"/>
          </a:xfrm>
          <a:solidFill>
            <a:srgbClr val="024D78"/>
          </a:solidFill>
        </p:grpSpPr>
        <p:sp>
          <p:nvSpPr>
            <p:cNvPr id="147" name="Rectangle 146">
              <a:extLst>
                <a:ext uri="{FF2B5EF4-FFF2-40B4-BE49-F238E27FC236}">
                  <a16:creationId xmlns:a16="http://schemas.microsoft.com/office/drawing/2014/main" id="{80BE4140-A923-F4D8-ABCE-46BC4D144688}"/>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8" name="Rectangle 147">
              <a:extLst>
                <a:ext uri="{FF2B5EF4-FFF2-40B4-BE49-F238E27FC236}">
                  <a16:creationId xmlns:a16="http://schemas.microsoft.com/office/drawing/2014/main" id="{FAE420AA-1946-D7C0-2173-EA82FC4D023B}"/>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pic>
        <p:nvPicPr>
          <p:cNvPr id="1028" name="Picture 4">
            <a:extLst>
              <a:ext uri="{FF2B5EF4-FFF2-40B4-BE49-F238E27FC236}">
                <a16:creationId xmlns:a16="http://schemas.microsoft.com/office/drawing/2014/main" id="{61E48191-2EB9-2579-C9E0-1941B9ABE4A9}"/>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007612" y="252814"/>
            <a:ext cx="2014851" cy="842208"/>
          </a:xfrm>
          <a:prstGeom prst="rect">
            <a:avLst/>
          </a:prstGeom>
          <a:noFill/>
          <a:extLst>
            <a:ext uri="{909E8E84-426E-40DD-AFC4-6F175D3DCCD1}">
              <a14:hiddenFill xmlns:a14="http://schemas.microsoft.com/office/drawing/2010/main">
                <a:solidFill>
                  <a:srgbClr val="FFFFFF"/>
                </a:solidFill>
              </a14:hiddenFill>
            </a:ext>
          </a:extLst>
        </p:spPr>
      </p:pic>
      <p:sp>
        <p:nvSpPr>
          <p:cNvPr id="36" name="Rectangle 26">
            <a:extLst>
              <a:ext uri="{FF2B5EF4-FFF2-40B4-BE49-F238E27FC236}">
                <a16:creationId xmlns:a16="http://schemas.microsoft.com/office/drawing/2014/main" id="{4917383C-9A4C-4871-A935-40E76DBD51E9}"/>
              </a:ext>
              <a:ext uri="{C183D7F6-B498-43B3-948B-1728B52AA6E4}">
                <adec:decorative xmlns:adec="http://schemas.microsoft.com/office/drawing/2017/decorative" val="1"/>
              </a:ext>
            </a:extLst>
          </p:cNvPr>
          <p:cNvSpPr>
            <a:spLocks/>
          </p:cNvSpPr>
          <p:nvPr/>
        </p:nvSpPr>
        <p:spPr>
          <a:xfrm>
            <a:off x="1066246" y="4745168"/>
            <a:ext cx="2020311" cy="234783"/>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37" name="Rectangle 26">
            <a:extLst>
              <a:ext uri="{FF2B5EF4-FFF2-40B4-BE49-F238E27FC236}">
                <a16:creationId xmlns:a16="http://schemas.microsoft.com/office/drawing/2014/main" id="{2E776AA6-F931-CEBB-95F9-0DADFC3CAB81}"/>
              </a:ext>
              <a:ext uri="{C183D7F6-B498-43B3-948B-1728B52AA6E4}">
                <adec:decorative xmlns:adec="http://schemas.microsoft.com/office/drawing/2017/decorative" val="1"/>
              </a:ext>
            </a:extLst>
          </p:cNvPr>
          <p:cNvSpPr>
            <a:spLocks/>
          </p:cNvSpPr>
          <p:nvPr/>
        </p:nvSpPr>
        <p:spPr>
          <a:xfrm>
            <a:off x="1066246" y="5173449"/>
            <a:ext cx="2020311" cy="234783"/>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grpSp>
        <p:nvGrpSpPr>
          <p:cNvPr id="33" name="Group 32" descr="Casen addresserer virkemidlerne arkitektur og åbne standarder, indkøb, krav og leverandørsamarbejde samt alternative løsninger ">
            <a:extLst>
              <a:ext uri="{FF2B5EF4-FFF2-40B4-BE49-F238E27FC236}">
                <a16:creationId xmlns:a16="http://schemas.microsoft.com/office/drawing/2014/main" id="{AE41A5AB-3272-AB1C-6642-1D565FE7600E}"/>
              </a:ext>
            </a:extLst>
          </p:cNvPr>
          <p:cNvGrpSpPr/>
          <p:nvPr/>
        </p:nvGrpSpPr>
        <p:grpSpPr>
          <a:xfrm>
            <a:off x="9603525" y="1810298"/>
            <a:ext cx="2399666" cy="2088724"/>
            <a:chOff x="6170312" y="1801370"/>
            <a:chExt cx="2399666" cy="2088724"/>
          </a:xfrm>
        </p:grpSpPr>
        <p:sp>
          <p:nvSpPr>
            <p:cNvPr id="34" name="Content Placeholder 5">
              <a:extLst>
                <a:ext uri="{FF2B5EF4-FFF2-40B4-BE49-F238E27FC236}">
                  <a16:creationId xmlns:a16="http://schemas.microsoft.com/office/drawing/2014/main" id="{95E5BA6B-9719-83E6-DDF6-3CA2C42BD2C4}"/>
                </a:ext>
              </a:extLst>
            </p:cNvPr>
            <p:cNvSpPr txBox="1">
              <a:spLocks/>
            </p:cNvSpPr>
            <p:nvPr/>
          </p:nvSpPr>
          <p:spPr>
            <a:xfrm>
              <a:off x="6292650" y="1860060"/>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Virkemidler</a:t>
              </a:r>
            </a:p>
          </p:txBody>
        </p:sp>
        <p:sp>
          <p:nvSpPr>
            <p:cNvPr id="35" name="Rectangle: Rounded Corners 34">
              <a:extLst>
                <a:ext uri="{FF2B5EF4-FFF2-40B4-BE49-F238E27FC236}">
                  <a16:creationId xmlns:a16="http://schemas.microsoft.com/office/drawing/2014/main" id="{715FD89E-36C5-3A5B-1C64-662F9A62DF0E}"/>
                </a:ext>
              </a:extLst>
            </p:cNvPr>
            <p:cNvSpPr/>
            <p:nvPr/>
          </p:nvSpPr>
          <p:spPr>
            <a:xfrm>
              <a:off x="6170312" y="1801370"/>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solidFill>
                  <a:srgbClr val="A2B3C9"/>
                </a:solidFill>
              </a:endParaRPr>
            </a:p>
          </p:txBody>
        </p:sp>
        <p:cxnSp>
          <p:nvCxnSpPr>
            <p:cNvPr id="39" name="Straight Connector 38">
              <a:extLst>
                <a:ext uri="{FF2B5EF4-FFF2-40B4-BE49-F238E27FC236}">
                  <a16:creationId xmlns:a16="http://schemas.microsoft.com/office/drawing/2014/main" id="{17211D55-CC18-B5CB-9425-84F6C05CFBD0}"/>
                </a:ext>
              </a:extLst>
            </p:cNvPr>
            <p:cNvCxnSpPr>
              <a:cxnSpLocks/>
            </p:cNvCxnSpPr>
            <p:nvPr/>
          </p:nvCxnSpPr>
          <p:spPr>
            <a:xfrm>
              <a:off x="6281165" y="2112275"/>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0" name="Rektangel: afrundede hjørner 10">
              <a:extLst>
                <a:ext uri="{FF2B5EF4-FFF2-40B4-BE49-F238E27FC236}">
                  <a16:creationId xmlns:a16="http://schemas.microsoft.com/office/drawing/2014/main" id="{4131BA97-4420-1F8A-67CC-1C639BADEF07}"/>
                </a:ext>
              </a:extLst>
            </p:cNvPr>
            <p:cNvSpPr>
              <a:spLocks/>
            </p:cNvSpPr>
            <p:nvPr/>
          </p:nvSpPr>
          <p:spPr>
            <a:xfrm>
              <a:off x="6281355" y="2161059"/>
              <a:ext cx="2190658" cy="252000"/>
            </a:xfrm>
            <a:prstGeom prst="roundRect">
              <a:avLst>
                <a:gd name="adj" fmla="val 5714"/>
              </a:avLst>
            </a:prstGeom>
            <a:solidFill>
              <a:srgbClr val="B7E5E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1" name="TextBox 4">
              <a:extLst>
                <a:ext uri="{FF2B5EF4-FFF2-40B4-BE49-F238E27FC236}">
                  <a16:creationId xmlns:a16="http://schemas.microsoft.com/office/drawing/2014/main" id="{A5353EA3-CB7B-3051-DE1D-5724E8A749C8}"/>
                </a:ext>
              </a:extLst>
            </p:cNvPr>
            <p:cNvSpPr txBox="1">
              <a:spLocks/>
            </p:cNvSpPr>
            <p:nvPr/>
          </p:nvSpPr>
          <p:spPr>
            <a:xfrm>
              <a:off x="6579387" y="2172005"/>
              <a:ext cx="1955475" cy="230108"/>
            </a:xfrm>
            <a:prstGeom prst="rect">
              <a:avLst/>
            </a:prstGeom>
            <a:noFill/>
          </p:spPr>
          <p:txBody>
            <a:bodyPr wrap="square" lIns="0" rtlCol="0" anchor="ctr">
              <a:noAutofit/>
            </a:bodyPr>
            <a:lstStyle/>
            <a:p>
              <a:r>
                <a:rPr lang="da-DK" sz="700" noProof="0" dirty="0">
                  <a:solidFill>
                    <a:srgbClr val="024D78"/>
                  </a:solidFill>
                </a:rPr>
                <a:t>01 | Strategi og organisation</a:t>
              </a:r>
            </a:p>
          </p:txBody>
        </p:sp>
        <p:sp>
          <p:nvSpPr>
            <p:cNvPr id="42" name="Rektangel: afrundede hjørner 5">
              <a:extLst>
                <a:ext uri="{FF2B5EF4-FFF2-40B4-BE49-F238E27FC236}">
                  <a16:creationId xmlns:a16="http://schemas.microsoft.com/office/drawing/2014/main" id="{D3939E73-44FB-5E5C-C351-97E821A60D0A}"/>
                </a:ext>
              </a:extLst>
            </p:cNvPr>
            <p:cNvSpPr>
              <a:spLocks/>
            </p:cNvSpPr>
            <p:nvPr/>
          </p:nvSpPr>
          <p:spPr>
            <a:xfrm>
              <a:off x="6280700" y="3209658"/>
              <a:ext cx="2190658" cy="252000"/>
            </a:xfrm>
            <a:prstGeom prst="roundRect">
              <a:avLst>
                <a:gd name="adj" fmla="val 5714"/>
              </a:avLst>
            </a:prstGeom>
            <a:solidFill>
              <a:srgbClr val="B7E5EE">
                <a:alpha val="2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3" name="Rektangel: afrundede hjørner 9">
              <a:extLst>
                <a:ext uri="{FF2B5EF4-FFF2-40B4-BE49-F238E27FC236}">
                  <a16:creationId xmlns:a16="http://schemas.microsoft.com/office/drawing/2014/main" id="{940041B3-EFA3-8E57-E140-4F9EFDB4E3E8}"/>
                </a:ext>
              </a:extLst>
            </p:cNvPr>
            <p:cNvSpPr>
              <a:spLocks/>
            </p:cNvSpPr>
            <p:nvPr/>
          </p:nvSpPr>
          <p:spPr>
            <a:xfrm>
              <a:off x="6281618" y="2861617"/>
              <a:ext cx="2190193" cy="252000"/>
            </a:xfrm>
            <a:prstGeom prst="roundRect">
              <a:avLst>
                <a:gd name="adj" fmla="val 5714"/>
              </a:avLst>
            </a:prstGeom>
            <a:solidFill>
              <a:srgbClr val="B7E5EE">
                <a:alpha val="50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4" name="Rektangel: afrundede hjørner 39">
              <a:extLst>
                <a:ext uri="{FF2B5EF4-FFF2-40B4-BE49-F238E27FC236}">
                  <a16:creationId xmlns:a16="http://schemas.microsoft.com/office/drawing/2014/main" id="{EEE0F207-A3D4-EEE3-9C27-8465CDA9FBAC}"/>
                </a:ext>
              </a:extLst>
            </p:cNvPr>
            <p:cNvSpPr>
              <a:spLocks/>
            </p:cNvSpPr>
            <p:nvPr/>
          </p:nvSpPr>
          <p:spPr>
            <a:xfrm>
              <a:off x="6280700" y="2490331"/>
              <a:ext cx="2190193" cy="252000"/>
            </a:xfrm>
            <a:prstGeom prst="roundRect">
              <a:avLst>
                <a:gd name="adj" fmla="val 5714"/>
              </a:avLst>
            </a:prstGeom>
            <a:solidFill>
              <a:srgbClr val="B7E5EE">
                <a:alpha val="7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6" name="Rektangel: afrundede hjørner 39">
              <a:extLst>
                <a:ext uri="{FF2B5EF4-FFF2-40B4-BE49-F238E27FC236}">
                  <a16:creationId xmlns:a16="http://schemas.microsoft.com/office/drawing/2014/main" id="{B7CA6CDD-B755-375B-1C54-7DB89244F179}"/>
                </a:ext>
              </a:extLst>
            </p:cNvPr>
            <p:cNvSpPr>
              <a:spLocks/>
            </p:cNvSpPr>
            <p:nvPr/>
          </p:nvSpPr>
          <p:spPr>
            <a:xfrm>
              <a:off x="6281165" y="3562176"/>
              <a:ext cx="2190193" cy="252000"/>
            </a:xfrm>
            <a:prstGeom prst="roundRect">
              <a:avLst>
                <a:gd name="adj" fmla="val 5714"/>
              </a:avLst>
            </a:prstGeom>
            <a:solidFill>
              <a:srgbClr val="B7E5EE">
                <a:alpha val="1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7" name="TextBox 4">
              <a:extLst>
                <a:ext uri="{FF2B5EF4-FFF2-40B4-BE49-F238E27FC236}">
                  <a16:creationId xmlns:a16="http://schemas.microsoft.com/office/drawing/2014/main" id="{6EFA8F2A-8D61-E2B8-4B7B-98FD33FD7A28}"/>
                </a:ext>
              </a:extLst>
            </p:cNvPr>
            <p:cNvSpPr txBox="1">
              <a:spLocks/>
            </p:cNvSpPr>
            <p:nvPr/>
          </p:nvSpPr>
          <p:spPr>
            <a:xfrm>
              <a:off x="6578922" y="3220604"/>
              <a:ext cx="1955475" cy="230108"/>
            </a:xfrm>
            <a:prstGeom prst="rect">
              <a:avLst/>
            </a:prstGeom>
            <a:noFill/>
          </p:spPr>
          <p:txBody>
            <a:bodyPr wrap="square" lIns="0" rtlCol="0" anchor="ctr">
              <a:noAutofit/>
            </a:bodyPr>
            <a:lstStyle/>
            <a:p>
              <a:r>
                <a:rPr lang="da-DK" sz="700" b="1" noProof="0" dirty="0">
                  <a:solidFill>
                    <a:srgbClr val="024D78"/>
                  </a:solidFill>
                </a:rPr>
                <a:t>04 | Indkøb, krav og leverandørsamarbejde</a:t>
              </a:r>
            </a:p>
          </p:txBody>
        </p:sp>
        <p:sp>
          <p:nvSpPr>
            <p:cNvPr id="48" name="TextBox 4">
              <a:extLst>
                <a:ext uri="{FF2B5EF4-FFF2-40B4-BE49-F238E27FC236}">
                  <a16:creationId xmlns:a16="http://schemas.microsoft.com/office/drawing/2014/main" id="{D9FC0949-2746-BCE9-F733-FCD03B4FE2BA}"/>
                </a:ext>
              </a:extLst>
            </p:cNvPr>
            <p:cNvSpPr txBox="1">
              <a:spLocks/>
            </p:cNvSpPr>
            <p:nvPr/>
          </p:nvSpPr>
          <p:spPr>
            <a:xfrm>
              <a:off x="6579387" y="2872563"/>
              <a:ext cx="1955475" cy="230108"/>
            </a:xfrm>
            <a:prstGeom prst="rect">
              <a:avLst/>
            </a:prstGeom>
            <a:noFill/>
          </p:spPr>
          <p:txBody>
            <a:bodyPr wrap="square" lIns="0" rtlCol="0" anchor="ctr">
              <a:noAutofit/>
            </a:bodyPr>
            <a:lstStyle/>
            <a:p>
              <a:r>
                <a:rPr lang="da-DK" sz="700" b="1" noProof="0" dirty="0">
                  <a:solidFill>
                    <a:srgbClr val="024D78"/>
                  </a:solidFill>
                </a:rPr>
                <a:t>03 | Arkitektur og åbne standarder</a:t>
              </a:r>
            </a:p>
          </p:txBody>
        </p:sp>
        <p:sp>
          <p:nvSpPr>
            <p:cNvPr id="50" name="TextBox 4">
              <a:extLst>
                <a:ext uri="{FF2B5EF4-FFF2-40B4-BE49-F238E27FC236}">
                  <a16:creationId xmlns:a16="http://schemas.microsoft.com/office/drawing/2014/main" id="{B58FFE3A-8CEA-79A8-56C4-C59DC3BBA497}"/>
                </a:ext>
              </a:extLst>
            </p:cNvPr>
            <p:cNvSpPr txBox="1">
              <a:spLocks/>
            </p:cNvSpPr>
            <p:nvPr/>
          </p:nvSpPr>
          <p:spPr>
            <a:xfrm>
              <a:off x="6578469" y="2501277"/>
              <a:ext cx="1955475" cy="230108"/>
            </a:xfrm>
            <a:prstGeom prst="rect">
              <a:avLst/>
            </a:prstGeom>
            <a:noFill/>
          </p:spPr>
          <p:txBody>
            <a:bodyPr wrap="square" lIns="0" rtlCol="0" anchor="ctr">
              <a:noAutofit/>
            </a:bodyPr>
            <a:lstStyle/>
            <a:p>
              <a:r>
                <a:rPr lang="da-DK" sz="700" noProof="0" dirty="0">
                  <a:solidFill>
                    <a:srgbClr val="024D78"/>
                  </a:solidFill>
                </a:rPr>
                <a:t>02 | Risikobaseret styring af afhængigheder</a:t>
              </a:r>
            </a:p>
          </p:txBody>
        </p:sp>
        <p:sp>
          <p:nvSpPr>
            <p:cNvPr id="51" name="TextBox 4">
              <a:extLst>
                <a:ext uri="{FF2B5EF4-FFF2-40B4-BE49-F238E27FC236}">
                  <a16:creationId xmlns:a16="http://schemas.microsoft.com/office/drawing/2014/main" id="{3F92C318-FF99-81CD-B37A-432BD3541C58}"/>
                </a:ext>
              </a:extLst>
            </p:cNvPr>
            <p:cNvSpPr txBox="1">
              <a:spLocks/>
            </p:cNvSpPr>
            <p:nvPr/>
          </p:nvSpPr>
          <p:spPr>
            <a:xfrm>
              <a:off x="6579387" y="3573122"/>
              <a:ext cx="1955475" cy="230108"/>
            </a:xfrm>
            <a:prstGeom prst="rect">
              <a:avLst/>
            </a:prstGeom>
            <a:noFill/>
          </p:spPr>
          <p:txBody>
            <a:bodyPr wrap="square" lIns="0" rtlCol="0" anchor="ctr">
              <a:noAutofit/>
            </a:bodyPr>
            <a:lstStyle/>
            <a:p>
              <a:r>
                <a:rPr lang="da-DK" sz="700" b="1" noProof="0" dirty="0">
                  <a:solidFill>
                    <a:srgbClr val="024D78"/>
                  </a:solidFill>
                </a:rPr>
                <a:t>05 | Alternative løsninger</a:t>
              </a:r>
            </a:p>
          </p:txBody>
        </p:sp>
        <p:sp>
          <p:nvSpPr>
            <p:cNvPr id="54" name="Freeform 7">
              <a:extLst>
                <a:ext uri="{FF2B5EF4-FFF2-40B4-BE49-F238E27FC236}">
                  <a16:creationId xmlns:a16="http://schemas.microsoft.com/office/drawing/2014/main" id="{D5BAFC89-E59F-B1EE-513C-A5F1D207DD36}"/>
                </a:ext>
              </a:extLst>
            </p:cNvPr>
            <p:cNvSpPr>
              <a:spLocks noEditPoints="1"/>
            </p:cNvSpPr>
            <p:nvPr/>
          </p:nvSpPr>
          <p:spPr bwMode="auto">
            <a:xfrm>
              <a:off x="6353426" y="3250371"/>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63" name="Group 62">
              <a:extLst>
                <a:ext uri="{FF2B5EF4-FFF2-40B4-BE49-F238E27FC236}">
                  <a16:creationId xmlns:a16="http://schemas.microsoft.com/office/drawing/2014/main" id="{5C97E0FB-152B-E103-A492-DC1D63A6059F}"/>
                </a:ext>
              </a:extLst>
            </p:cNvPr>
            <p:cNvGrpSpPr/>
            <p:nvPr/>
          </p:nvGrpSpPr>
          <p:grpSpPr>
            <a:xfrm>
              <a:off x="6345364" y="2912838"/>
              <a:ext cx="193946" cy="152578"/>
              <a:chOff x="8675444" y="2927353"/>
              <a:chExt cx="573087" cy="450850"/>
            </a:xfrm>
            <a:solidFill>
              <a:srgbClr val="024D78"/>
            </a:solidFill>
          </p:grpSpPr>
          <p:sp>
            <p:nvSpPr>
              <p:cNvPr id="77" name="Freeform 257">
                <a:extLst>
                  <a:ext uri="{FF2B5EF4-FFF2-40B4-BE49-F238E27FC236}">
                    <a16:creationId xmlns:a16="http://schemas.microsoft.com/office/drawing/2014/main" id="{3E4E158C-997E-0F26-9A0E-2FD2DE7DD5FE}"/>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8" name="Freeform 258">
                <a:extLst>
                  <a:ext uri="{FF2B5EF4-FFF2-40B4-BE49-F238E27FC236}">
                    <a16:creationId xmlns:a16="http://schemas.microsoft.com/office/drawing/2014/main" id="{F349CAE6-6E4D-60A9-8E0D-27A42E052057}"/>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9" name="Freeform 259">
                <a:extLst>
                  <a:ext uri="{FF2B5EF4-FFF2-40B4-BE49-F238E27FC236}">
                    <a16:creationId xmlns:a16="http://schemas.microsoft.com/office/drawing/2014/main" id="{BDD5B8AF-C370-F575-B226-700C907639FB}"/>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64" name="Group 63">
              <a:extLst>
                <a:ext uri="{FF2B5EF4-FFF2-40B4-BE49-F238E27FC236}">
                  <a16:creationId xmlns:a16="http://schemas.microsoft.com/office/drawing/2014/main" id="{6C2ACB61-EC39-289D-1E9D-DB8975FA0BBF}"/>
                </a:ext>
              </a:extLst>
            </p:cNvPr>
            <p:cNvGrpSpPr/>
            <p:nvPr/>
          </p:nvGrpSpPr>
          <p:grpSpPr>
            <a:xfrm>
              <a:off x="6352025" y="2519193"/>
              <a:ext cx="178788" cy="179199"/>
              <a:chOff x="8695953" y="3768979"/>
              <a:chExt cx="531804" cy="533027"/>
            </a:xfrm>
            <a:solidFill>
              <a:srgbClr val="024D78"/>
            </a:solidFill>
          </p:grpSpPr>
          <p:sp>
            <p:nvSpPr>
              <p:cNvPr id="73" name="Freeform 291">
                <a:extLst>
                  <a:ext uri="{FF2B5EF4-FFF2-40B4-BE49-F238E27FC236}">
                    <a16:creationId xmlns:a16="http://schemas.microsoft.com/office/drawing/2014/main" id="{8849939F-7831-F6E7-F06D-34068EB6F627}"/>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5" name="Freeform 292">
                <a:extLst>
                  <a:ext uri="{FF2B5EF4-FFF2-40B4-BE49-F238E27FC236}">
                    <a16:creationId xmlns:a16="http://schemas.microsoft.com/office/drawing/2014/main" id="{61D11967-B220-1AF3-3AF9-F4AEF2475771}"/>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6" name="Freeform 293">
                <a:extLst>
                  <a:ext uri="{FF2B5EF4-FFF2-40B4-BE49-F238E27FC236}">
                    <a16:creationId xmlns:a16="http://schemas.microsoft.com/office/drawing/2014/main" id="{8C67B964-2BAA-51C6-E0B2-E15D8C0FC562}"/>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67" name="Freeform 25">
              <a:extLst>
                <a:ext uri="{FF2B5EF4-FFF2-40B4-BE49-F238E27FC236}">
                  <a16:creationId xmlns:a16="http://schemas.microsoft.com/office/drawing/2014/main" id="{93F2AAB7-FA7D-D38F-9432-E9BD9515DD8D}"/>
                </a:ext>
              </a:extLst>
            </p:cNvPr>
            <p:cNvSpPr>
              <a:spLocks noEditPoints="1"/>
            </p:cNvSpPr>
            <p:nvPr/>
          </p:nvSpPr>
          <p:spPr bwMode="auto">
            <a:xfrm>
              <a:off x="6336953" y="3594116"/>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72" name="Freeform 17">
              <a:extLst>
                <a:ext uri="{FF2B5EF4-FFF2-40B4-BE49-F238E27FC236}">
                  <a16:creationId xmlns:a16="http://schemas.microsoft.com/office/drawing/2014/main" id="{88163680-D3BB-323C-A2A7-A494C4D9B7B2}"/>
                </a:ext>
              </a:extLst>
            </p:cNvPr>
            <p:cNvSpPr>
              <a:spLocks noEditPoints="1"/>
            </p:cNvSpPr>
            <p:nvPr/>
          </p:nvSpPr>
          <p:spPr bwMode="auto">
            <a:xfrm>
              <a:off x="6352866" y="2197783"/>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grpSp>
      <p:sp>
        <p:nvSpPr>
          <p:cNvPr id="29" name="Content Placeholder 5">
            <a:extLst>
              <a:ext uri="{FF2B5EF4-FFF2-40B4-BE49-F238E27FC236}">
                <a16:creationId xmlns:a16="http://schemas.microsoft.com/office/drawing/2014/main" id="{4698A27B-37A5-6CAD-534D-A6A6A556EC55}"/>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Nøgleerfaringer og </a:t>
            </a:r>
            <a:r>
              <a:rPr lang="da-DK" sz="1100" noProof="0" dirty="0" err="1">
                <a:solidFill>
                  <a:srgbClr val="36465A"/>
                </a:solidFill>
              </a:rPr>
              <a:t>læringer</a:t>
            </a:r>
            <a:endParaRPr lang="da-DK" sz="1100" noProof="0">
              <a:solidFill>
                <a:srgbClr val="36465A"/>
              </a:solidFill>
            </a:endParaRPr>
          </a:p>
        </p:txBody>
      </p:sp>
      <p:sp>
        <p:nvSpPr>
          <p:cNvPr id="32" name="Content Placeholder 5">
            <a:extLst>
              <a:ext uri="{FF2B5EF4-FFF2-40B4-BE49-F238E27FC236}">
                <a16:creationId xmlns:a16="http://schemas.microsoft.com/office/drawing/2014/main" id="{6552E382-C03F-82D0-6693-9FC8A89BA527}"/>
              </a:ext>
            </a:extLst>
          </p:cNvPr>
          <p:cNvSpPr txBox="1">
            <a:spLocks/>
          </p:cNvSpPr>
          <p:nvPr/>
        </p:nvSpPr>
        <p:spPr>
          <a:xfrm>
            <a:off x="9716605" y="4322108"/>
            <a:ext cx="2227352" cy="202682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ct val="0"/>
              </a:spcAft>
              <a:buFont typeface="Wingdings" panose="05000000000000000000" pitchFamily="2" charset="2"/>
              <a:buChar char="ü"/>
            </a:pPr>
            <a:r>
              <a:rPr lang="da-DK" sz="900" noProof="0"/>
              <a:t>Digital suverænitet som præmis</a:t>
            </a:r>
            <a:br>
              <a:rPr lang="da-DK" sz="900" noProof="0"/>
            </a:br>
            <a:r>
              <a:rPr lang="da-DK" sz="900" b="0" noProof="0"/>
              <a:t>Åbne standarder og on-</a:t>
            </a:r>
            <a:r>
              <a:rPr lang="da-DK" sz="900" b="0" noProof="0" err="1"/>
              <a:t>premise</a:t>
            </a:r>
            <a:r>
              <a:rPr lang="da-DK" sz="900" b="0" noProof="0" dirty="0"/>
              <a:t>-</a:t>
            </a:r>
            <a:r>
              <a:rPr lang="da-DK" sz="900" b="0" noProof="0"/>
              <a:t>drift skal ikke bare være minimumskrav, men en præmis for gennemførsel af udbud for at sikre leverandøruafhængighed og handlefrihed.</a:t>
            </a:r>
          </a:p>
          <a:p>
            <a:pPr lvl="0" defTabSz="914400" eaLnBrk="0" fontAlgn="base" hangingPunct="0">
              <a:spcBef>
                <a:spcPct val="0"/>
              </a:spcBef>
              <a:spcAft>
                <a:spcPct val="0"/>
              </a:spcAft>
            </a:pPr>
            <a:endParaRPr lang="da-DK" sz="900" noProof="0">
              <a:solidFill>
                <a:schemeClr val="tx1"/>
              </a:solidFill>
            </a:endParaRPr>
          </a:p>
          <a:p>
            <a:pPr marL="171450" indent="-171450" defTabSz="914400" eaLnBrk="0" fontAlgn="base" hangingPunct="0">
              <a:spcBef>
                <a:spcPct val="0"/>
              </a:spcBef>
              <a:spcAft>
                <a:spcPct val="0"/>
              </a:spcAft>
              <a:buFont typeface="Wingdings" panose="05000000000000000000" pitchFamily="2" charset="2"/>
              <a:buChar char="ü"/>
            </a:pPr>
            <a:r>
              <a:rPr lang="da-DK" sz="900" noProof="0">
                <a:solidFill>
                  <a:schemeClr val="tx1"/>
                </a:solidFill>
              </a:rPr>
              <a:t>Digital suverænitet skal tænkes bredt </a:t>
            </a:r>
            <a:r>
              <a:rPr lang="da-DK" sz="900" b="0" noProof="0"/>
              <a:t>Krav om digital suverænitet skal ikke kun adresseres i it-miljøet, men også indtænkes i OT-løsninger og i integrationen mellem OT og it. Det  sikre</a:t>
            </a:r>
            <a:r>
              <a:rPr lang="da-DK" sz="900" b="0" noProof="0" dirty="0"/>
              <a:t>r</a:t>
            </a:r>
            <a:r>
              <a:rPr lang="da-DK" sz="900" b="0" noProof="0"/>
              <a:t>, at hele infrastrukturen fra end-points til netværk understøtter kontrol, sikkerhed og leverandøruafhængighed.</a:t>
            </a:r>
            <a:endParaRPr lang="da-DK" sz="900" b="0" noProof="0">
              <a:solidFill>
                <a:schemeClr val="tx1"/>
              </a:solidFill>
            </a:endParaRPr>
          </a:p>
        </p:txBody>
      </p:sp>
      <p:sp>
        <p:nvSpPr>
          <p:cNvPr id="120" name="Rectangle 119">
            <a:extLst>
              <a:ext uri="{FF2B5EF4-FFF2-40B4-BE49-F238E27FC236}">
                <a16:creationId xmlns:a16="http://schemas.microsoft.com/office/drawing/2014/main" id="{CE2F5A69-2DBA-204F-FBB7-0DAC6ED06D60}"/>
              </a:ext>
              <a:ext uri="{C183D7F6-B498-43B3-948B-1728B52AA6E4}">
                <adec:decorative xmlns:adec="http://schemas.microsoft.com/office/drawing/2017/decorative" val="1"/>
              </a:ext>
            </a:extLst>
          </p:cNvPr>
          <p:cNvSpPr>
            <a:spLocks/>
          </p:cNvSpPr>
          <p:nvPr/>
        </p:nvSpPr>
        <p:spPr>
          <a:xfrm>
            <a:off x="9692609" y="2146755"/>
            <a:ext cx="2211497" cy="65265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Tree>
    <p:extLst>
      <p:ext uri="{BB962C8B-B14F-4D97-AF65-F5344CB8AC3E}">
        <p14:creationId xmlns:p14="http://schemas.microsoft.com/office/powerpoint/2010/main" val="159228985"/>
      </p:ext>
    </p:extLst>
  </p:cSld>
  <p:clrMapOvr>
    <a:masterClrMapping/>
  </p:clrMapOvr>
  <p:transition>
    <p:fade/>
  </p:transition>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53F07D3-8E3C-CC17-185F-A6357733CD38}"/>
            </a:ext>
          </a:extLst>
        </p:cNvPr>
        <p:cNvGrpSpPr/>
        <p:nvPr/>
      </p:nvGrpSpPr>
      <p:grpSpPr>
        <a:xfrm>
          <a:off x="0" y="0"/>
          <a:ext cx="0" cy="0"/>
          <a:chOff x="0" y="0"/>
          <a:chExt cx="0" cy="0"/>
        </a:xfrm>
      </p:grpSpPr>
      <p:sp>
        <p:nvSpPr>
          <p:cNvPr id="31" name="Rectangle: Rounded Corners 30">
            <a:extLst>
              <a:ext uri="{FF2B5EF4-FFF2-40B4-BE49-F238E27FC236}">
                <a16:creationId xmlns:a16="http://schemas.microsoft.com/office/drawing/2014/main" id="{52F48CB8-8676-6DAD-5BF0-3025F03F609E}"/>
              </a:ext>
            </a:extLst>
          </p:cNvPr>
          <p:cNvSpPr/>
          <p:nvPr/>
        </p:nvSpPr>
        <p:spPr>
          <a:xfrm>
            <a:off x="169304" y="11734"/>
            <a:ext cx="5928283"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2 | Digital suverænitet i Region Syds OT-miljø</a:t>
            </a:r>
          </a:p>
        </p:txBody>
      </p:sp>
      <p:sp>
        <p:nvSpPr>
          <p:cNvPr id="24" name="Rectangle: Rounded Corners 23">
            <a:extLst>
              <a:ext uri="{FF2B5EF4-FFF2-40B4-BE49-F238E27FC236}">
                <a16:creationId xmlns:a16="http://schemas.microsoft.com/office/drawing/2014/main" id="{F3014BA2-468D-A620-FA33-B5D8E1AB6138}"/>
              </a:ext>
              <a:ext uri="{C183D7F6-B498-43B3-948B-1728B52AA6E4}">
                <adec:decorative xmlns:adec="http://schemas.microsoft.com/office/drawing/2017/decorative" val="1"/>
              </a:ext>
            </a:extLst>
          </p:cNvPr>
          <p:cNvSpPr/>
          <p:nvPr/>
        </p:nvSpPr>
        <p:spPr>
          <a:xfrm>
            <a:off x="6724923" y="1867828"/>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 name="Title 1">
            <a:extLst>
              <a:ext uri="{FF2B5EF4-FFF2-40B4-BE49-F238E27FC236}">
                <a16:creationId xmlns:a16="http://schemas.microsoft.com/office/drawing/2014/main" id="{A7BE5973-9B62-1E88-9B7E-36CA1F0657B9}"/>
              </a:ext>
            </a:extLst>
          </p:cNvPr>
          <p:cNvSpPr>
            <a:spLocks noGrp="1"/>
          </p:cNvSpPr>
          <p:nvPr>
            <p:ph type="title"/>
          </p:nvPr>
        </p:nvSpPr>
        <p:spPr/>
        <p:txBody>
          <a:bodyPr/>
          <a:lstStyle/>
          <a:p>
            <a:r>
              <a:rPr lang="da-DK" sz="2200" noProof="0" dirty="0"/>
              <a:t>Side 2/3 | </a:t>
            </a:r>
            <a:r>
              <a:rPr lang="da-DK" sz="2200" b="1" noProof="0" dirty="0"/>
              <a:t>Formål, baggrund og kontekst</a:t>
            </a:r>
          </a:p>
        </p:txBody>
      </p:sp>
      <p:sp>
        <p:nvSpPr>
          <p:cNvPr id="10" name="Rectangle: Rounded Corners 9">
            <a:extLst>
              <a:ext uri="{FF2B5EF4-FFF2-40B4-BE49-F238E27FC236}">
                <a16:creationId xmlns:a16="http://schemas.microsoft.com/office/drawing/2014/main" id="{D74780E0-CC45-E981-233D-D60DDB6DD104}"/>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Formål og strategi </a:t>
            </a:r>
          </a:p>
        </p:txBody>
      </p:sp>
      <p:sp>
        <p:nvSpPr>
          <p:cNvPr id="3" name="Rectangle 2">
            <a:extLst>
              <a:ext uri="{FF2B5EF4-FFF2-40B4-BE49-F238E27FC236}">
                <a16:creationId xmlns:a16="http://schemas.microsoft.com/office/drawing/2014/main" id="{13DDBA15-B16B-1FFA-E7CB-7289D1FCC753}"/>
              </a:ext>
            </a:extLst>
          </p:cNvPr>
          <p:cNvSpPr/>
          <p:nvPr/>
        </p:nvSpPr>
        <p:spPr>
          <a:xfrm>
            <a:off x="560498" y="2069025"/>
            <a:ext cx="2940490" cy="41709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Formål</a:t>
            </a:r>
          </a:p>
          <a:p>
            <a:r>
              <a:rPr lang="da-DK" sz="900" noProof="0">
                <a:solidFill>
                  <a:schemeClr val="tx1"/>
                </a:solidFill>
                <a:sym typeface="Wingdings" panose="05000000000000000000" pitchFamily="2" charset="2"/>
              </a:rPr>
              <a:t>Projektet har til formål at etablere et automatiseret lager- og logistikcenter for Esbjerg Sygehus, der understøtter effektiv håndtering af bl.a. sterile varer. Løsningen skal baseres på åbne standarder for at sikre </a:t>
            </a:r>
            <a:r>
              <a:rPr lang="da-DK" sz="900" noProof="0" err="1">
                <a:solidFill>
                  <a:schemeClr val="tx1"/>
                </a:solidFill>
                <a:sym typeface="Wingdings" panose="05000000000000000000" pitchFamily="2" charset="2"/>
              </a:rPr>
              <a:t>interoperabilitet</a:t>
            </a:r>
            <a:r>
              <a:rPr lang="da-DK" sz="900" noProof="0">
                <a:solidFill>
                  <a:schemeClr val="tx1"/>
                </a:solidFill>
                <a:sym typeface="Wingdings" panose="05000000000000000000" pitchFamily="2" charset="2"/>
              </a:rPr>
              <a:t> og leverandøruafhængighed.</a:t>
            </a:r>
          </a:p>
          <a:p>
            <a:endParaRPr lang="da-DK" sz="900" noProof="0">
              <a:solidFill>
                <a:schemeClr val="tx1"/>
              </a:solidFill>
              <a:sym typeface="Wingdings" panose="05000000000000000000" pitchFamily="2" charset="2"/>
            </a:endParaRPr>
          </a:p>
          <a:p>
            <a:r>
              <a:rPr lang="da-DK" sz="900" noProof="0">
                <a:solidFill>
                  <a:schemeClr val="tx1"/>
                </a:solidFill>
                <a:sym typeface="Wingdings" panose="05000000000000000000" pitchFamily="2" charset="2"/>
              </a:rPr>
              <a:t>Ved at vælge en on</a:t>
            </a:r>
            <a:r>
              <a:rPr lang="da-DK" sz="900" noProof="0" dirty="0">
                <a:solidFill>
                  <a:schemeClr val="tx1"/>
                </a:solidFill>
                <a:sym typeface="Wingdings" panose="05000000000000000000" pitchFamily="2" charset="2"/>
              </a:rPr>
              <a:t>-</a:t>
            </a:r>
            <a:r>
              <a:rPr lang="da-DK" sz="900" noProof="0" err="1">
                <a:solidFill>
                  <a:schemeClr val="tx1"/>
                </a:solidFill>
                <a:sym typeface="Wingdings" panose="05000000000000000000" pitchFamily="2" charset="2"/>
              </a:rPr>
              <a:t>premise</a:t>
            </a:r>
            <a:r>
              <a:rPr lang="da-DK" sz="900" noProof="0">
                <a:solidFill>
                  <a:schemeClr val="tx1"/>
                </a:solidFill>
                <a:sym typeface="Wingdings" panose="05000000000000000000" pitchFamily="2" charset="2"/>
              </a:rPr>
              <a:t>-løsning frem for cloud-løsninger ønsker regionen at opretholde kontrol over data og drift, styrke sikkerheden og sikre compliance </a:t>
            </a:r>
            <a:r>
              <a:rPr lang="da-DK" sz="900" noProof="0" dirty="0">
                <a:solidFill>
                  <a:schemeClr val="tx1"/>
                </a:solidFill>
                <a:sym typeface="Wingdings" panose="05000000000000000000" pitchFamily="2" charset="2"/>
              </a:rPr>
              <a:t>med</a:t>
            </a:r>
            <a:r>
              <a:rPr lang="da-DK" sz="900" noProof="0">
                <a:solidFill>
                  <a:schemeClr val="tx1"/>
                </a:solidFill>
                <a:sym typeface="Wingdings" panose="05000000000000000000" pitchFamily="2" charset="2"/>
              </a:rPr>
              <a:t> lovkrav. </a:t>
            </a:r>
            <a:endParaRPr lang="da-DK" sz="900" noProof="0">
              <a:solidFill>
                <a:schemeClr val="tx1"/>
              </a:solidFill>
            </a:endParaRPr>
          </a:p>
          <a:p>
            <a:endParaRPr lang="da-DK" sz="900" noProof="0">
              <a:solidFill>
                <a:schemeClr val="tx1"/>
              </a:solidFill>
              <a:sym typeface="Wingdings" panose="05000000000000000000" pitchFamily="2" charset="2"/>
            </a:endParaRPr>
          </a:p>
          <a:p>
            <a:r>
              <a:rPr lang="da-DK" sz="900" b="1" noProof="0">
                <a:solidFill>
                  <a:srgbClr val="36465A"/>
                </a:solidFill>
                <a:sym typeface="Wingdings" panose="05000000000000000000" pitchFamily="2" charset="2"/>
              </a:rPr>
              <a:t>Strategisk ophæng</a:t>
            </a:r>
          </a:p>
          <a:p>
            <a:r>
              <a:rPr lang="da-DK" sz="900" noProof="0">
                <a:solidFill>
                  <a:schemeClr val="tx1"/>
                </a:solidFill>
                <a:sym typeface="Wingdings" panose="05000000000000000000" pitchFamily="2" charset="2"/>
              </a:rPr>
              <a:t>Projektet er forankret i Region Syddanmarks digitaliseringsstrategi, som er politisk vedtaget af Regionsrådet. Strategien lægger vægt på at styrke digital robusthed og sikkerhed, forenkle it-landskabet og sikre, at digitale løsninger understøtter kerneopgaven. </a:t>
            </a:r>
          </a:p>
          <a:p>
            <a:endParaRPr lang="da-DK" sz="900" noProof="0">
              <a:solidFill>
                <a:schemeClr val="tx1"/>
              </a:solidFill>
              <a:sym typeface="Wingdings" panose="05000000000000000000" pitchFamily="2" charset="2"/>
            </a:endParaRPr>
          </a:p>
          <a:p>
            <a:r>
              <a:rPr lang="da-DK" sz="900" noProof="0">
                <a:solidFill>
                  <a:schemeClr val="tx1"/>
                </a:solidFill>
                <a:sym typeface="Wingdings" panose="05000000000000000000" pitchFamily="2" charset="2"/>
              </a:rPr>
              <a:t>Regionen prioriterer styring af data, robust infrastruktur og højt sikkerhedsniveau, herunder vurdering af krav ved ekstern </a:t>
            </a:r>
            <a:r>
              <a:rPr lang="da-DK" sz="900" noProof="0" err="1">
                <a:solidFill>
                  <a:schemeClr val="tx1"/>
                </a:solidFill>
                <a:sym typeface="Wingdings" panose="05000000000000000000" pitchFamily="2" charset="2"/>
              </a:rPr>
              <a:t>hosting</a:t>
            </a:r>
            <a:r>
              <a:rPr lang="da-DK" sz="900" noProof="0">
                <a:solidFill>
                  <a:schemeClr val="tx1"/>
                </a:solidFill>
                <a:sym typeface="Wingdings" panose="05000000000000000000" pitchFamily="2" charset="2"/>
              </a:rPr>
              <a:t> og cloud. Koncerndirektionen har truffet beslutning om en ”</a:t>
            </a:r>
            <a:r>
              <a:rPr lang="da-DK" sz="900" i="1" noProof="0">
                <a:solidFill>
                  <a:schemeClr val="tx1"/>
                </a:solidFill>
                <a:sym typeface="Wingdings" panose="05000000000000000000" pitchFamily="2" charset="2"/>
              </a:rPr>
              <a:t>on-</a:t>
            </a:r>
            <a:r>
              <a:rPr lang="da-DK" sz="900" i="1" noProof="0" err="1">
                <a:solidFill>
                  <a:schemeClr val="tx1"/>
                </a:solidFill>
                <a:sym typeface="Wingdings" panose="05000000000000000000" pitchFamily="2" charset="2"/>
              </a:rPr>
              <a:t>premise</a:t>
            </a:r>
            <a:r>
              <a:rPr lang="da-DK" sz="900" i="1" noProof="0">
                <a:solidFill>
                  <a:schemeClr val="tx1"/>
                </a:solidFill>
                <a:sym typeface="Wingdings" panose="05000000000000000000" pitchFamily="2" charset="2"/>
              </a:rPr>
              <a:t> </a:t>
            </a:r>
            <a:r>
              <a:rPr lang="da-DK" sz="900" i="1" noProof="0" err="1">
                <a:solidFill>
                  <a:schemeClr val="tx1"/>
                </a:solidFill>
                <a:sym typeface="Wingdings" panose="05000000000000000000" pitchFamily="2" charset="2"/>
              </a:rPr>
              <a:t>first</a:t>
            </a:r>
            <a:r>
              <a:rPr lang="da-DK" sz="900" noProof="0">
                <a:solidFill>
                  <a:schemeClr val="tx1"/>
                </a:solidFill>
                <a:sym typeface="Wingdings" panose="05000000000000000000" pitchFamily="2" charset="2"/>
              </a:rPr>
              <a:t>”-tilgang, hvor on-</a:t>
            </a:r>
            <a:r>
              <a:rPr lang="da-DK" sz="900" noProof="0" err="1">
                <a:solidFill>
                  <a:schemeClr val="tx1"/>
                </a:solidFill>
                <a:sym typeface="Wingdings" panose="05000000000000000000" pitchFamily="2" charset="2"/>
              </a:rPr>
              <a:t>premise</a:t>
            </a:r>
            <a:r>
              <a:rPr lang="da-DK" sz="900" noProof="0" dirty="0">
                <a:solidFill>
                  <a:schemeClr val="tx1"/>
                </a:solidFill>
                <a:sym typeface="Wingdings" panose="05000000000000000000" pitchFamily="2" charset="2"/>
              </a:rPr>
              <a:t>-</a:t>
            </a:r>
            <a:r>
              <a:rPr lang="da-DK" sz="900" noProof="0">
                <a:solidFill>
                  <a:schemeClr val="tx1"/>
                </a:solidFill>
                <a:sym typeface="Wingdings" panose="05000000000000000000" pitchFamily="2" charset="2"/>
              </a:rPr>
              <a:t>løsninger prioriteres først, og hvor cloud-løsninger kræver grundige sikkerhedsvurderinger, før de implementeres.</a:t>
            </a:r>
          </a:p>
          <a:p>
            <a:endParaRPr lang="da-DK" sz="900" noProof="0">
              <a:solidFill>
                <a:schemeClr val="tx1"/>
              </a:solidFill>
              <a:sym typeface="Wingdings" panose="05000000000000000000" pitchFamily="2" charset="2"/>
            </a:endParaRPr>
          </a:p>
          <a:p>
            <a:r>
              <a:rPr lang="da-DK" sz="900" noProof="0">
                <a:solidFill>
                  <a:schemeClr val="tx1"/>
                </a:solidFill>
                <a:sym typeface="Wingdings" panose="05000000000000000000" pitchFamily="2" charset="2"/>
              </a:rPr>
              <a:t>Autostore-projektet følger disse principper med en on-</a:t>
            </a:r>
            <a:r>
              <a:rPr lang="da-DK" sz="900" noProof="0" err="1">
                <a:solidFill>
                  <a:schemeClr val="tx1"/>
                </a:solidFill>
                <a:sym typeface="Wingdings" panose="05000000000000000000" pitchFamily="2" charset="2"/>
              </a:rPr>
              <a:t>premise</a:t>
            </a:r>
            <a:r>
              <a:rPr lang="da-DK" sz="900" noProof="0">
                <a:solidFill>
                  <a:schemeClr val="tx1"/>
                </a:solidFill>
                <a:sym typeface="Wingdings" panose="05000000000000000000" pitchFamily="2" charset="2"/>
              </a:rPr>
              <a:t>-løsning baseret på åben standarder.</a:t>
            </a:r>
            <a:endParaRPr lang="da-DK" sz="900" b="1" noProof="0">
              <a:solidFill>
                <a:schemeClr val="tx1"/>
              </a:solidFill>
            </a:endParaRPr>
          </a:p>
        </p:txBody>
      </p:sp>
      <p:sp>
        <p:nvSpPr>
          <p:cNvPr id="11" name="Rectangle: Rounded Corners 10">
            <a:extLst>
              <a:ext uri="{FF2B5EF4-FFF2-40B4-BE49-F238E27FC236}">
                <a16:creationId xmlns:a16="http://schemas.microsoft.com/office/drawing/2014/main" id="{2E9D0261-C554-4173-D51F-E52D2581732B}"/>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Baggrund og kontekst</a:t>
            </a:r>
          </a:p>
        </p:txBody>
      </p:sp>
      <p:sp>
        <p:nvSpPr>
          <p:cNvPr id="5" name="Rectangle 4">
            <a:extLst>
              <a:ext uri="{FF2B5EF4-FFF2-40B4-BE49-F238E27FC236}">
                <a16:creationId xmlns:a16="http://schemas.microsoft.com/office/drawing/2014/main" id="{CC8F265A-DDDC-676B-218A-C1D4C3C8F4A8}"/>
              </a:ext>
            </a:extLst>
          </p:cNvPr>
          <p:cNvSpPr/>
          <p:nvPr/>
        </p:nvSpPr>
        <p:spPr>
          <a:xfrm>
            <a:off x="3565419" y="2069025"/>
            <a:ext cx="2939028" cy="45059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rPr>
              <a:t>Baggrund</a:t>
            </a:r>
          </a:p>
          <a:p>
            <a:r>
              <a:rPr lang="da-DK" sz="900" noProof="0">
                <a:solidFill>
                  <a:schemeClr val="tx1"/>
                </a:solidFill>
              </a:rPr>
              <a:t>Region Syddanmark arbejder aktivt med digital suverænitet i deres OT-landskab, herunder: </a:t>
            </a:r>
          </a:p>
          <a:p>
            <a:pPr marL="171450" indent="-171450">
              <a:buFont typeface="Arial" panose="020B0604020202020204" pitchFamily="34" charset="0"/>
              <a:buChar char="•"/>
            </a:pPr>
            <a:r>
              <a:rPr lang="da-DK" sz="900" noProof="0">
                <a:solidFill>
                  <a:schemeClr val="tx1"/>
                </a:solidFill>
              </a:rPr>
              <a:t>Open source komponenter i </a:t>
            </a:r>
            <a:r>
              <a:rPr lang="da-DK" sz="900" noProof="0" dirty="0" err="1">
                <a:solidFill>
                  <a:schemeClr val="tx1"/>
                </a:solidFill>
              </a:rPr>
              <a:t>Supervisory</a:t>
            </a:r>
            <a:r>
              <a:rPr lang="da-DK" sz="900" noProof="0">
                <a:solidFill>
                  <a:schemeClr val="tx1"/>
                </a:solidFill>
              </a:rPr>
              <a:t> Control and Data </a:t>
            </a:r>
            <a:r>
              <a:rPr lang="da-DK" sz="900" noProof="0" dirty="0" err="1">
                <a:solidFill>
                  <a:schemeClr val="tx1"/>
                </a:solidFill>
              </a:rPr>
              <a:t>Acquisition</a:t>
            </a:r>
            <a:r>
              <a:rPr lang="da-DK" sz="900" noProof="0">
                <a:solidFill>
                  <a:schemeClr val="tx1"/>
                </a:solidFill>
              </a:rPr>
              <a:t> (SCADA)-systemer</a:t>
            </a:r>
            <a:r>
              <a:rPr lang="da-DK" sz="900" noProof="0" dirty="0">
                <a:solidFill>
                  <a:schemeClr val="tx1"/>
                </a:solidFill>
              </a:rPr>
              <a:t> med</a:t>
            </a:r>
            <a:r>
              <a:rPr lang="da-DK" sz="900" noProof="0">
                <a:solidFill>
                  <a:schemeClr val="tx1"/>
                </a:solidFill>
              </a:rPr>
              <a:t> ca. 2.000 </a:t>
            </a:r>
            <a:r>
              <a:rPr lang="da-DK" sz="900" noProof="0" dirty="0" err="1">
                <a:solidFill>
                  <a:schemeClr val="tx1"/>
                </a:solidFill>
              </a:rPr>
              <a:t>repositories</a:t>
            </a:r>
            <a:r>
              <a:rPr lang="da-DK" sz="900" noProof="0">
                <a:solidFill>
                  <a:schemeClr val="tx1"/>
                </a:solidFill>
              </a:rPr>
              <a:t> i relation til programmering af </a:t>
            </a:r>
            <a:r>
              <a:rPr lang="da-DK" sz="900" noProof="0" dirty="0" err="1">
                <a:solidFill>
                  <a:schemeClr val="tx1"/>
                </a:solidFill>
              </a:rPr>
              <a:t>programmable</a:t>
            </a:r>
            <a:r>
              <a:rPr lang="da-DK" sz="900" noProof="0">
                <a:solidFill>
                  <a:schemeClr val="tx1"/>
                </a:solidFill>
              </a:rPr>
              <a:t> </a:t>
            </a:r>
            <a:r>
              <a:rPr lang="da-DK" sz="900" noProof="0" dirty="0" err="1">
                <a:solidFill>
                  <a:schemeClr val="tx1"/>
                </a:solidFill>
              </a:rPr>
              <a:t>logic</a:t>
            </a:r>
            <a:r>
              <a:rPr lang="da-DK" sz="900" noProof="0">
                <a:solidFill>
                  <a:schemeClr val="tx1"/>
                </a:solidFill>
              </a:rPr>
              <a:t> controllers (</a:t>
            </a:r>
            <a:r>
              <a:rPr lang="da-DK" sz="900" noProof="0" dirty="0" err="1">
                <a:solidFill>
                  <a:schemeClr val="tx1"/>
                </a:solidFill>
              </a:rPr>
              <a:t>PLC’er</a:t>
            </a:r>
            <a:r>
              <a:rPr lang="da-DK" sz="900" noProof="0">
                <a:solidFill>
                  <a:schemeClr val="tx1"/>
                </a:solidFill>
              </a:rPr>
              <a:t>) </a:t>
            </a:r>
          </a:p>
          <a:p>
            <a:pPr marL="171450" indent="-171450">
              <a:buFont typeface="Arial" panose="020B0604020202020204" pitchFamily="34" charset="0"/>
              <a:buChar char="•"/>
            </a:pPr>
            <a:r>
              <a:rPr lang="da-DK" sz="900" noProof="0">
                <a:solidFill>
                  <a:schemeClr val="tx1"/>
                </a:solidFill>
              </a:rPr>
              <a:t>Adskillelse af kontraktbindinger mellem bygningsstyringssystemer og selve bygningerne, der ofte har kontraktlængde på 20-30 år</a:t>
            </a:r>
          </a:p>
          <a:p>
            <a:pPr marL="171450" indent="-171450">
              <a:buFont typeface="Arial" panose="020B0604020202020204" pitchFamily="34" charset="0"/>
              <a:buChar char="•"/>
            </a:pPr>
            <a:r>
              <a:rPr lang="da-DK" sz="900" noProof="0" dirty="0" err="1">
                <a:solidFill>
                  <a:schemeClr val="tx1"/>
                </a:solidFill>
              </a:rPr>
              <a:t>Kravstillelse</a:t>
            </a:r>
            <a:r>
              <a:rPr lang="da-DK" sz="900" noProof="0">
                <a:solidFill>
                  <a:schemeClr val="tx1"/>
                </a:solidFill>
              </a:rPr>
              <a:t> om on-</a:t>
            </a:r>
            <a:r>
              <a:rPr lang="da-DK" sz="900" noProof="0" dirty="0" err="1">
                <a:solidFill>
                  <a:schemeClr val="tx1"/>
                </a:solidFill>
              </a:rPr>
              <a:t>premise</a:t>
            </a:r>
            <a:r>
              <a:rPr lang="da-DK" sz="900" noProof="0">
                <a:solidFill>
                  <a:schemeClr val="tx1"/>
                </a:solidFill>
              </a:rPr>
              <a:t> grundet tidligere udfordringer med ekstern </a:t>
            </a:r>
            <a:r>
              <a:rPr lang="da-DK" sz="900" noProof="0" dirty="0" err="1">
                <a:solidFill>
                  <a:schemeClr val="tx1"/>
                </a:solidFill>
              </a:rPr>
              <a:t>hosting</a:t>
            </a:r>
            <a:r>
              <a:rPr lang="da-DK" sz="900" noProof="0">
                <a:solidFill>
                  <a:schemeClr val="tx1"/>
                </a:solidFill>
              </a:rPr>
              <a:t>, f</a:t>
            </a:r>
            <a:r>
              <a:rPr lang="da-DK" sz="900" noProof="0" dirty="0">
                <a:solidFill>
                  <a:schemeClr val="tx1"/>
                </a:solidFill>
              </a:rPr>
              <a:t>x</a:t>
            </a:r>
            <a:r>
              <a:rPr lang="da-DK" sz="900" noProof="0">
                <a:solidFill>
                  <a:schemeClr val="tx1"/>
                </a:solidFill>
              </a:rPr>
              <a:t> ifm. IT-Hotellet-sagen, hvor en leverandør til Odense Universitetshospital blev udsat for et hacker-angreb.</a:t>
            </a:r>
          </a:p>
          <a:p>
            <a:endParaRPr lang="da-DK" sz="900" noProof="0">
              <a:solidFill>
                <a:schemeClr val="tx1"/>
              </a:solidFill>
            </a:endParaRPr>
          </a:p>
          <a:p>
            <a:r>
              <a:rPr lang="da-DK" sz="900" b="1" noProof="0">
                <a:solidFill>
                  <a:srgbClr val="36465A"/>
                </a:solidFill>
              </a:rPr>
              <a:t>Kontekst</a:t>
            </a:r>
          </a:p>
          <a:p>
            <a:r>
              <a:rPr lang="da-DK" sz="900" noProof="0">
                <a:solidFill>
                  <a:schemeClr val="tx1"/>
                </a:solidFill>
              </a:rPr>
              <a:t>Projektet udspiller sig i en bredere kontekst af:</a:t>
            </a:r>
          </a:p>
          <a:p>
            <a:pPr marL="171450" indent="-171450">
              <a:buFont typeface="Arial" panose="020B0604020202020204" pitchFamily="34" charset="0"/>
              <a:buChar char="•"/>
            </a:pPr>
            <a:r>
              <a:rPr lang="da-DK" sz="900" noProof="0">
                <a:solidFill>
                  <a:schemeClr val="tx1"/>
                </a:solidFill>
              </a:rPr>
              <a:t>Stigende politisk og organisatorisk fokus på at styrke digital robusthed i sundhedsvæsenet</a:t>
            </a:r>
          </a:p>
          <a:p>
            <a:pPr marL="171450" indent="-171450">
              <a:buFont typeface="Arial" panose="020B0604020202020204" pitchFamily="34" charset="0"/>
              <a:buChar char="•"/>
            </a:pPr>
            <a:r>
              <a:rPr lang="da-DK" sz="900" noProof="0" dirty="0" err="1">
                <a:solidFill>
                  <a:schemeClr val="tx1"/>
                </a:solidFill>
              </a:rPr>
              <a:t>Cybertrusler</a:t>
            </a:r>
            <a:r>
              <a:rPr lang="da-DK" sz="900" noProof="0">
                <a:solidFill>
                  <a:schemeClr val="tx1"/>
                </a:solidFill>
              </a:rPr>
              <a:t> og krav om datasikkerhed har gjort det nødvendigt at sikre kontrol over kritiske systemer og reducere kompleksiteten i it-landskabet</a:t>
            </a:r>
          </a:p>
          <a:p>
            <a:pPr marL="171450" indent="-171450">
              <a:buFont typeface="Arial" panose="020B0604020202020204" pitchFamily="34" charset="0"/>
              <a:buChar char="•"/>
            </a:pPr>
            <a:r>
              <a:rPr lang="da-DK" sz="900" noProof="0">
                <a:solidFill>
                  <a:schemeClr val="tx1"/>
                </a:solidFill>
              </a:rPr>
              <a:t>Nationale og regionale ambitioner om at fremme digital innovation og automatisering for at frigøre ressourcer og understøtte kerneopgaven</a:t>
            </a:r>
          </a:p>
          <a:p>
            <a:pPr marL="171450" indent="-171450">
              <a:buFont typeface="Arial" panose="020B0604020202020204" pitchFamily="34" charset="0"/>
              <a:buChar char="•"/>
            </a:pPr>
            <a:r>
              <a:rPr lang="da-DK" sz="900" noProof="0">
                <a:solidFill>
                  <a:schemeClr val="tx1"/>
                </a:solidFill>
              </a:rPr>
              <a:t>Strategien for Region Syddanmark lægger vægt på harmonisering, stærkere styring og investeringer i infrastruktur, så digitale løsninger kan implementeres sikkert og effektivt.</a:t>
            </a:r>
          </a:p>
        </p:txBody>
      </p:sp>
      <p:sp>
        <p:nvSpPr>
          <p:cNvPr id="7" name="Rectangle 6">
            <a:extLst>
              <a:ext uri="{FF2B5EF4-FFF2-40B4-BE49-F238E27FC236}">
                <a16:creationId xmlns:a16="http://schemas.microsoft.com/office/drawing/2014/main" id="{4A740C14-E593-9C90-0D3C-F623B395069E}"/>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78E1AED9-5BF4-F533-5554-911A2C4C7891}"/>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4FAFF337-5DD4-9AC6-005E-4432D2182E8F}"/>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B59BBAB8-5A11-A74D-D66E-50E0B98A5893}"/>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4C2597CE-356D-EB7A-7BCA-64395F82AF63}"/>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4" name="Freeform 16">
            <a:extLst>
              <a:ext uri="{FF2B5EF4-FFF2-40B4-BE49-F238E27FC236}">
                <a16:creationId xmlns:a16="http://schemas.microsoft.com/office/drawing/2014/main" id="{77262985-747D-4A39-ECB2-9255701AB554}"/>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34">
            <a:extLst>
              <a:ext uri="{FF2B5EF4-FFF2-40B4-BE49-F238E27FC236}">
                <a16:creationId xmlns:a16="http://schemas.microsoft.com/office/drawing/2014/main" id="{A6D23C97-4392-E418-EE5A-A44B00707BB6}"/>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1" name="TextBox 20">
            <a:extLst>
              <a:ext uri="{FF2B5EF4-FFF2-40B4-BE49-F238E27FC236}">
                <a16:creationId xmlns:a16="http://schemas.microsoft.com/office/drawing/2014/main" id="{EED0D81E-4340-4226-5698-404BF24A44B6}"/>
              </a:ext>
            </a:extLst>
          </p:cNvPr>
          <p:cNvSpPr txBox="1"/>
          <p:nvPr/>
        </p:nvSpPr>
        <p:spPr>
          <a:xfrm>
            <a:off x="6744427" y="1903702"/>
            <a:ext cx="5083664" cy="330646"/>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Region Syddanmark er i gang med at etablere et automatiseret lager- og logistikcenter baseret på on-</a:t>
            </a:r>
            <a:r>
              <a:rPr lang="da-DK" sz="1100" noProof="0" dirty="0" err="1"/>
              <a:t>premise</a:t>
            </a:r>
            <a:r>
              <a:rPr lang="da-DK" sz="1100" noProof="0" dirty="0"/>
              <a:t>-løsninger og åbne standarder</a:t>
            </a:r>
          </a:p>
        </p:txBody>
      </p:sp>
      <p:grpSp>
        <p:nvGrpSpPr>
          <p:cNvPr id="6" name="Group 5">
            <a:extLst>
              <a:ext uri="{FF2B5EF4-FFF2-40B4-BE49-F238E27FC236}">
                <a16:creationId xmlns:a16="http://schemas.microsoft.com/office/drawing/2014/main" id="{0A48322D-C812-1771-187B-6278BF1C5AAA}"/>
              </a:ext>
              <a:ext uri="{C183D7F6-B498-43B3-948B-1728B52AA6E4}">
                <adec:decorative xmlns:adec="http://schemas.microsoft.com/office/drawing/2017/decorative" val="1"/>
              </a:ext>
            </a:extLst>
          </p:cNvPr>
          <p:cNvGrpSpPr/>
          <p:nvPr/>
        </p:nvGrpSpPr>
        <p:grpSpPr>
          <a:xfrm>
            <a:off x="-7434" y="-3292"/>
            <a:ext cx="176971" cy="6862880"/>
            <a:chOff x="-10502" y="0"/>
            <a:chExt cx="176971" cy="6859588"/>
          </a:xfrm>
          <a:solidFill>
            <a:srgbClr val="024D78"/>
          </a:solidFill>
        </p:grpSpPr>
        <p:sp>
          <p:nvSpPr>
            <p:cNvPr id="13" name="Rectangle 12">
              <a:extLst>
                <a:ext uri="{FF2B5EF4-FFF2-40B4-BE49-F238E27FC236}">
                  <a16:creationId xmlns:a16="http://schemas.microsoft.com/office/drawing/2014/main" id="{B0D3A43E-ECBE-17ED-9492-28F6CCCA483B}"/>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 name="Rectangle 13">
              <a:extLst>
                <a:ext uri="{FF2B5EF4-FFF2-40B4-BE49-F238E27FC236}">
                  <a16:creationId xmlns:a16="http://schemas.microsoft.com/office/drawing/2014/main" id="{BE6CF720-10CA-311A-C0F5-CB08276B11D8}"/>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pic>
        <p:nvPicPr>
          <p:cNvPr id="16" name="Picture 4">
            <a:extLst>
              <a:ext uri="{FF2B5EF4-FFF2-40B4-BE49-F238E27FC236}">
                <a16:creationId xmlns:a16="http://schemas.microsoft.com/office/drawing/2014/main" id="{8355F950-5568-DE0D-67D6-4E24CAF7F08E}"/>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007612" y="252814"/>
            <a:ext cx="2014851" cy="842208"/>
          </a:xfrm>
          <a:prstGeom prst="rect">
            <a:avLst/>
          </a:prstGeom>
          <a:noFill/>
          <a:extLst>
            <a:ext uri="{909E8E84-426E-40DD-AFC4-6F175D3DCCD1}">
              <a14:hiddenFill xmlns:a14="http://schemas.microsoft.com/office/drawing/2010/main">
                <a:solidFill>
                  <a:srgbClr val="FFFFFF"/>
                </a:solidFill>
              </a14:hiddenFill>
            </a:ext>
          </a:extLst>
        </p:spPr>
      </p:pic>
      <p:grpSp>
        <p:nvGrpSpPr>
          <p:cNvPr id="15" name="Group 14">
            <a:extLst>
              <a:ext uri="{FF2B5EF4-FFF2-40B4-BE49-F238E27FC236}">
                <a16:creationId xmlns:a16="http://schemas.microsoft.com/office/drawing/2014/main" id="{D7E16111-9C14-02DE-23E4-6225B46BB33C}"/>
              </a:ext>
              <a:ext uri="{C183D7F6-B498-43B3-948B-1728B52AA6E4}">
                <adec:decorative xmlns:adec="http://schemas.microsoft.com/office/drawing/2017/decorative" val="1"/>
              </a:ext>
            </a:extLst>
          </p:cNvPr>
          <p:cNvGrpSpPr/>
          <p:nvPr/>
        </p:nvGrpSpPr>
        <p:grpSpPr>
          <a:xfrm>
            <a:off x="6828398" y="2784594"/>
            <a:ext cx="4907364" cy="2859286"/>
            <a:chOff x="6828398" y="2784594"/>
            <a:chExt cx="4907364" cy="2859286"/>
          </a:xfrm>
        </p:grpSpPr>
        <p:grpSp>
          <p:nvGrpSpPr>
            <p:cNvPr id="40" name="Gruppe 39">
              <a:extLst>
                <a:ext uri="{FF2B5EF4-FFF2-40B4-BE49-F238E27FC236}">
                  <a16:creationId xmlns:a16="http://schemas.microsoft.com/office/drawing/2014/main" id="{8BAD335C-785A-3769-F9F8-79A399BD74B3}"/>
                </a:ext>
                <a:ext uri="{C183D7F6-B498-43B3-948B-1728B52AA6E4}">
                  <adec:decorative xmlns:adec="http://schemas.microsoft.com/office/drawing/2017/decorative" val="1"/>
                </a:ext>
              </a:extLst>
            </p:cNvPr>
            <p:cNvGrpSpPr>
              <a:grpSpLocks/>
            </p:cNvGrpSpPr>
            <p:nvPr/>
          </p:nvGrpSpPr>
          <p:grpSpPr>
            <a:xfrm>
              <a:off x="10888064" y="5105399"/>
              <a:ext cx="538669" cy="488963"/>
              <a:chOff x="10883532" y="5105399"/>
              <a:chExt cx="538669" cy="488963"/>
            </a:xfrm>
          </p:grpSpPr>
          <p:sp>
            <p:nvSpPr>
              <p:cNvPr id="30" name="Kombinationstegning: figur 29">
                <a:extLst>
                  <a:ext uri="{FF2B5EF4-FFF2-40B4-BE49-F238E27FC236}">
                    <a16:creationId xmlns:a16="http://schemas.microsoft.com/office/drawing/2014/main" id="{8DFA6EFA-63B6-2C38-A5CD-70A03A4A4EB0}"/>
                  </a:ext>
                </a:extLst>
              </p:cNvPr>
              <p:cNvSpPr/>
              <p:nvPr/>
            </p:nvSpPr>
            <p:spPr>
              <a:xfrm>
                <a:off x="10883532" y="5105399"/>
                <a:ext cx="538669" cy="488963"/>
              </a:xfrm>
              <a:custGeom>
                <a:avLst/>
                <a:gdLst>
                  <a:gd name="connsiteX0" fmla="*/ 732830 w 1155616"/>
                  <a:gd name="connsiteY0" fmla="*/ 0 h 1048980"/>
                  <a:gd name="connsiteX1" fmla="*/ 366415 w 1155616"/>
                  <a:gd name="connsiteY1" fmla="*/ 0 h 1048980"/>
                  <a:gd name="connsiteX2" fmla="*/ 366415 w 1155616"/>
                  <a:gd name="connsiteY2" fmla="*/ 487027 h 1048980"/>
                  <a:gd name="connsiteX3" fmla="*/ 0 w 1155616"/>
                  <a:gd name="connsiteY3" fmla="*/ 487027 h 1048980"/>
                  <a:gd name="connsiteX4" fmla="*/ 0 w 1155616"/>
                  <a:gd name="connsiteY4" fmla="*/ 1048981 h 1048980"/>
                  <a:gd name="connsiteX5" fmla="*/ 1155616 w 1155616"/>
                  <a:gd name="connsiteY5" fmla="*/ 1048981 h 1048980"/>
                  <a:gd name="connsiteX6" fmla="*/ 1155616 w 1155616"/>
                  <a:gd name="connsiteY6" fmla="*/ 0 h 1048980"/>
                  <a:gd name="connsiteX7" fmla="*/ 732830 w 1155616"/>
                  <a:gd name="connsiteY7" fmla="*/ 0 h 1048980"/>
                  <a:gd name="connsiteX8" fmla="*/ 422786 w 1155616"/>
                  <a:gd name="connsiteY8" fmla="*/ 74927 h 1048980"/>
                  <a:gd name="connsiteX9" fmla="*/ 732830 w 1155616"/>
                  <a:gd name="connsiteY9" fmla="*/ 74927 h 1048980"/>
                  <a:gd name="connsiteX10" fmla="*/ 732830 w 1155616"/>
                  <a:gd name="connsiteY10" fmla="*/ 487027 h 1048980"/>
                  <a:gd name="connsiteX11" fmla="*/ 422786 w 1155616"/>
                  <a:gd name="connsiteY11" fmla="*/ 487027 h 1048980"/>
                  <a:gd name="connsiteX12" fmla="*/ 366415 w 1155616"/>
                  <a:gd name="connsiteY12" fmla="*/ 974053 h 1048980"/>
                  <a:gd name="connsiteX13" fmla="*/ 56372 w 1155616"/>
                  <a:gd name="connsiteY13" fmla="*/ 974053 h 1048980"/>
                  <a:gd name="connsiteX14" fmla="*/ 56372 w 1155616"/>
                  <a:gd name="connsiteY14" fmla="*/ 561954 h 1048980"/>
                  <a:gd name="connsiteX15" fmla="*/ 366415 w 1155616"/>
                  <a:gd name="connsiteY15" fmla="*/ 561954 h 1048980"/>
                  <a:gd name="connsiteX16" fmla="*/ 732830 w 1155616"/>
                  <a:gd name="connsiteY16" fmla="*/ 974053 h 1048980"/>
                  <a:gd name="connsiteX17" fmla="*/ 422786 w 1155616"/>
                  <a:gd name="connsiteY17" fmla="*/ 974053 h 1048980"/>
                  <a:gd name="connsiteX18" fmla="*/ 422786 w 1155616"/>
                  <a:gd name="connsiteY18" fmla="*/ 561954 h 1048980"/>
                  <a:gd name="connsiteX19" fmla="*/ 732830 w 1155616"/>
                  <a:gd name="connsiteY19" fmla="*/ 561954 h 1048980"/>
                  <a:gd name="connsiteX20" fmla="*/ 1099245 w 1155616"/>
                  <a:gd name="connsiteY20" fmla="*/ 974053 h 1048980"/>
                  <a:gd name="connsiteX21" fmla="*/ 789201 w 1155616"/>
                  <a:gd name="connsiteY21" fmla="*/ 974053 h 1048980"/>
                  <a:gd name="connsiteX22" fmla="*/ 789201 w 1155616"/>
                  <a:gd name="connsiteY22" fmla="*/ 561954 h 1048980"/>
                  <a:gd name="connsiteX23" fmla="*/ 1099245 w 1155616"/>
                  <a:gd name="connsiteY23" fmla="*/ 561954 h 1048980"/>
                  <a:gd name="connsiteX24" fmla="*/ 1099245 w 1155616"/>
                  <a:gd name="connsiteY24" fmla="*/ 74927 h 1048980"/>
                  <a:gd name="connsiteX25" fmla="*/ 1099245 w 1155616"/>
                  <a:gd name="connsiteY25" fmla="*/ 487027 h 1048980"/>
                  <a:gd name="connsiteX26" fmla="*/ 789201 w 1155616"/>
                  <a:gd name="connsiteY26" fmla="*/ 487027 h 1048980"/>
                  <a:gd name="connsiteX27" fmla="*/ 789201 w 1155616"/>
                  <a:gd name="connsiteY27" fmla="*/ 74927 h 1048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55616" h="1048980">
                    <a:moveTo>
                      <a:pt x="732830" y="0"/>
                    </a:moveTo>
                    <a:lnTo>
                      <a:pt x="366415" y="0"/>
                    </a:lnTo>
                    <a:lnTo>
                      <a:pt x="366415" y="487027"/>
                    </a:lnTo>
                    <a:lnTo>
                      <a:pt x="0" y="487027"/>
                    </a:lnTo>
                    <a:lnTo>
                      <a:pt x="0" y="1048981"/>
                    </a:lnTo>
                    <a:lnTo>
                      <a:pt x="1155616" y="1048981"/>
                    </a:lnTo>
                    <a:lnTo>
                      <a:pt x="1155616" y="0"/>
                    </a:lnTo>
                    <a:lnTo>
                      <a:pt x="732830" y="0"/>
                    </a:lnTo>
                    <a:close/>
                    <a:moveTo>
                      <a:pt x="422786" y="74927"/>
                    </a:moveTo>
                    <a:lnTo>
                      <a:pt x="732830" y="74927"/>
                    </a:lnTo>
                    <a:lnTo>
                      <a:pt x="732830" y="487027"/>
                    </a:lnTo>
                    <a:lnTo>
                      <a:pt x="422786" y="487027"/>
                    </a:lnTo>
                    <a:close/>
                    <a:moveTo>
                      <a:pt x="366415" y="974053"/>
                    </a:moveTo>
                    <a:lnTo>
                      <a:pt x="56372" y="974053"/>
                    </a:lnTo>
                    <a:lnTo>
                      <a:pt x="56372" y="561954"/>
                    </a:lnTo>
                    <a:lnTo>
                      <a:pt x="366415" y="561954"/>
                    </a:lnTo>
                    <a:close/>
                    <a:moveTo>
                      <a:pt x="732830" y="974053"/>
                    </a:moveTo>
                    <a:lnTo>
                      <a:pt x="422786" y="974053"/>
                    </a:lnTo>
                    <a:lnTo>
                      <a:pt x="422786" y="561954"/>
                    </a:lnTo>
                    <a:lnTo>
                      <a:pt x="732830" y="561954"/>
                    </a:lnTo>
                    <a:close/>
                    <a:moveTo>
                      <a:pt x="1099245" y="974053"/>
                    </a:moveTo>
                    <a:lnTo>
                      <a:pt x="789201" y="974053"/>
                    </a:lnTo>
                    <a:lnTo>
                      <a:pt x="789201" y="561954"/>
                    </a:lnTo>
                    <a:lnTo>
                      <a:pt x="1099245" y="561954"/>
                    </a:lnTo>
                    <a:close/>
                    <a:moveTo>
                      <a:pt x="1099245" y="74927"/>
                    </a:moveTo>
                    <a:lnTo>
                      <a:pt x="1099245" y="487027"/>
                    </a:lnTo>
                    <a:lnTo>
                      <a:pt x="789201" y="487027"/>
                    </a:lnTo>
                    <a:lnTo>
                      <a:pt x="789201" y="74927"/>
                    </a:lnTo>
                    <a:close/>
                  </a:path>
                </a:pathLst>
              </a:custGeom>
              <a:solidFill>
                <a:srgbClr val="000000"/>
              </a:solidFill>
              <a:ln w="3175" cap="flat">
                <a:solidFill>
                  <a:schemeClr val="tx1"/>
                </a:solidFill>
                <a:prstDash val="solid"/>
                <a:miter/>
              </a:ln>
            </p:spPr>
            <p:txBody>
              <a:bodyPr rtlCol="0" anchor="ctr"/>
              <a:lstStyle/>
              <a:p>
                <a:endParaRPr lang="da-DK" noProof="0" dirty="0"/>
              </a:p>
            </p:txBody>
          </p:sp>
          <p:sp>
            <p:nvSpPr>
              <p:cNvPr id="32" name="Kombinationstegning: figur 31">
                <a:extLst>
                  <a:ext uri="{FF2B5EF4-FFF2-40B4-BE49-F238E27FC236}">
                    <a16:creationId xmlns:a16="http://schemas.microsoft.com/office/drawing/2014/main" id="{D46BBA7B-45EE-80CA-AB95-107C3A474E97}"/>
                  </a:ext>
                </a:extLst>
              </p:cNvPr>
              <p:cNvSpPr/>
              <p:nvPr/>
            </p:nvSpPr>
            <p:spPr>
              <a:xfrm>
                <a:off x="11106883" y="5175251"/>
                <a:ext cx="39415" cy="34926"/>
              </a:xfrm>
              <a:custGeom>
                <a:avLst/>
                <a:gdLst>
                  <a:gd name="connsiteX0" fmla="*/ 0 w 84557"/>
                  <a:gd name="connsiteY0" fmla="*/ 0 h 74927"/>
                  <a:gd name="connsiteX1" fmla="*/ 84557 w 84557"/>
                  <a:gd name="connsiteY1" fmla="*/ 0 h 74927"/>
                  <a:gd name="connsiteX2" fmla="*/ 84557 w 84557"/>
                  <a:gd name="connsiteY2" fmla="*/ 74927 h 74927"/>
                  <a:gd name="connsiteX3" fmla="*/ 0 w 84557"/>
                  <a:gd name="connsiteY3" fmla="*/ 74927 h 74927"/>
                </a:gdLst>
                <a:ahLst/>
                <a:cxnLst>
                  <a:cxn ang="0">
                    <a:pos x="connsiteX0" y="connsiteY0"/>
                  </a:cxn>
                  <a:cxn ang="0">
                    <a:pos x="connsiteX1" y="connsiteY1"/>
                  </a:cxn>
                  <a:cxn ang="0">
                    <a:pos x="connsiteX2" y="connsiteY2"/>
                  </a:cxn>
                  <a:cxn ang="0">
                    <a:pos x="connsiteX3" y="connsiteY3"/>
                  </a:cxn>
                </a:cxnLst>
                <a:rect l="l" t="t" r="r" b="b"/>
                <a:pathLst>
                  <a:path w="84557" h="74927">
                    <a:moveTo>
                      <a:pt x="0" y="0"/>
                    </a:moveTo>
                    <a:lnTo>
                      <a:pt x="84557" y="0"/>
                    </a:lnTo>
                    <a:lnTo>
                      <a:pt x="84557" y="74927"/>
                    </a:lnTo>
                    <a:lnTo>
                      <a:pt x="0" y="74927"/>
                    </a:lnTo>
                    <a:close/>
                  </a:path>
                </a:pathLst>
              </a:custGeom>
              <a:solidFill>
                <a:srgbClr val="000000"/>
              </a:solidFill>
              <a:ln w="3175" cap="flat">
                <a:solidFill>
                  <a:schemeClr val="tx1"/>
                </a:solidFill>
                <a:prstDash val="solid"/>
                <a:miter/>
              </a:ln>
            </p:spPr>
            <p:txBody>
              <a:bodyPr rtlCol="0" anchor="ctr"/>
              <a:lstStyle/>
              <a:p>
                <a:endParaRPr lang="da-DK" noProof="0" dirty="0"/>
              </a:p>
            </p:txBody>
          </p:sp>
          <p:sp>
            <p:nvSpPr>
              <p:cNvPr id="33" name="Kombinationstegning: figur 32">
                <a:extLst>
                  <a:ext uri="{FF2B5EF4-FFF2-40B4-BE49-F238E27FC236}">
                    <a16:creationId xmlns:a16="http://schemas.microsoft.com/office/drawing/2014/main" id="{142F7647-953A-3512-4255-AF875F381422}"/>
                  </a:ext>
                </a:extLst>
              </p:cNvPr>
              <p:cNvSpPr/>
              <p:nvPr/>
            </p:nvSpPr>
            <p:spPr>
              <a:xfrm>
                <a:off x="11277680" y="5175251"/>
                <a:ext cx="39415" cy="34926"/>
              </a:xfrm>
              <a:custGeom>
                <a:avLst/>
                <a:gdLst>
                  <a:gd name="connsiteX0" fmla="*/ 0 w 84557"/>
                  <a:gd name="connsiteY0" fmla="*/ 0 h 74927"/>
                  <a:gd name="connsiteX1" fmla="*/ 84557 w 84557"/>
                  <a:gd name="connsiteY1" fmla="*/ 0 h 74927"/>
                  <a:gd name="connsiteX2" fmla="*/ 84557 w 84557"/>
                  <a:gd name="connsiteY2" fmla="*/ 74927 h 74927"/>
                  <a:gd name="connsiteX3" fmla="*/ 0 w 84557"/>
                  <a:gd name="connsiteY3" fmla="*/ 74927 h 74927"/>
                </a:gdLst>
                <a:ahLst/>
                <a:cxnLst>
                  <a:cxn ang="0">
                    <a:pos x="connsiteX0" y="connsiteY0"/>
                  </a:cxn>
                  <a:cxn ang="0">
                    <a:pos x="connsiteX1" y="connsiteY1"/>
                  </a:cxn>
                  <a:cxn ang="0">
                    <a:pos x="connsiteX2" y="connsiteY2"/>
                  </a:cxn>
                  <a:cxn ang="0">
                    <a:pos x="connsiteX3" y="connsiteY3"/>
                  </a:cxn>
                </a:cxnLst>
                <a:rect l="l" t="t" r="r" b="b"/>
                <a:pathLst>
                  <a:path w="84557" h="74927">
                    <a:moveTo>
                      <a:pt x="0" y="0"/>
                    </a:moveTo>
                    <a:lnTo>
                      <a:pt x="84557" y="0"/>
                    </a:lnTo>
                    <a:lnTo>
                      <a:pt x="84557" y="74927"/>
                    </a:lnTo>
                    <a:lnTo>
                      <a:pt x="0" y="74927"/>
                    </a:lnTo>
                    <a:close/>
                  </a:path>
                </a:pathLst>
              </a:custGeom>
              <a:solidFill>
                <a:srgbClr val="000000"/>
              </a:solidFill>
              <a:ln w="3175" cap="flat">
                <a:solidFill>
                  <a:schemeClr val="tx1"/>
                </a:solidFill>
                <a:prstDash val="solid"/>
                <a:miter/>
              </a:ln>
            </p:spPr>
            <p:txBody>
              <a:bodyPr rtlCol="0" anchor="ctr"/>
              <a:lstStyle/>
              <a:p>
                <a:endParaRPr lang="da-DK" noProof="0" dirty="0"/>
              </a:p>
            </p:txBody>
          </p:sp>
          <p:sp>
            <p:nvSpPr>
              <p:cNvPr id="34" name="Kombinationstegning: figur 33">
                <a:extLst>
                  <a:ext uri="{FF2B5EF4-FFF2-40B4-BE49-F238E27FC236}">
                    <a16:creationId xmlns:a16="http://schemas.microsoft.com/office/drawing/2014/main" id="{B72A39B7-34E8-5C40-B37E-A6F4CC749CCC}"/>
                  </a:ext>
                </a:extLst>
              </p:cNvPr>
              <p:cNvSpPr/>
              <p:nvPr/>
            </p:nvSpPr>
            <p:spPr>
              <a:xfrm>
                <a:off x="11106883" y="5402270"/>
                <a:ext cx="39415" cy="34926"/>
              </a:xfrm>
              <a:custGeom>
                <a:avLst/>
                <a:gdLst>
                  <a:gd name="connsiteX0" fmla="*/ 0 w 84557"/>
                  <a:gd name="connsiteY0" fmla="*/ 0 h 74927"/>
                  <a:gd name="connsiteX1" fmla="*/ 84557 w 84557"/>
                  <a:gd name="connsiteY1" fmla="*/ 0 h 74927"/>
                  <a:gd name="connsiteX2" fmla="*/ 84557 w 84557"/>
                  <a:gd name="connsiteY2" fmla="*/ 74927 h 74927"/>
                  <a:gd name="connsiteX3" fmla="*/ 0 w 84557"/>
                  <a:gd name="connsiteY3" fmla="*/ 74927 h 74927"/>
                </a:gdLst>
                <a:ahLst/>
                <a:cxnLst>
                  <a:cxn ang="0">
                    <a:pos x="connsiteX0" y="connsiteY0"/>
                  </a:cxn>
                  <a:cxn ang="0">
                    <a:pos x="connsiteX1" y="connsiteY1"/>
                  </a:cxn>
                  <a:cxn ang="0">
                    <a:pos x="connsiteX2" y="connsiteY2"/>
                  </a:cxn>
                  <a:cxn ang="0">
                    <a:pos x="connsiteX3" y="connsiteY3"/>
                  </a:cxn>
                </a:cxnLst>
                <a:rect l="l" t="t" r="r" b="b"/>
                <a:pathLst>
                  <a:path w="84557" h="74927">
                    <a:moveTo>
                      <a:pt x="0" y="0"/>
                    </a:moveTo>
                    <a:lnTo>
                      <a:pt x="84557" y="0"/>
                    </a:lnTo>
                    <a:lnTo>
                      <a:pt x="84557" y="74927"/>
                    </a:lnTo>
                    <a:lnTo>
                      <a:pt x="0" y="74927"/>
                    </a:lnTo>
                    <a:close/>
                  </a:path>
                </a:pathLst>
              </a:custGeom>
              <a:solidFill>
                <a:srgbClr val="000000"/>
              </a:solidFill>
              <a:ln w="3175" cap="flat">
                <a:solidFill>
                  <a:schemeClr val="tx1"/>
                </a:solidFill>
                <a:prstDash val="solid"/>
                <a:miter/>
              </a:ln>
            </p:spPr>
            <p:txBody>
              <a:bodyPr rtlCol="0" anchor="ctr"/>
              <a:lstStyle/>
              <a:p>
                <a:endParaRPr lang="da-DK" noProof="0" dirty="0"/>
              </a:p>
            </p:txBody>
          </p:sp>
          <p:sp>
            <p:nvSpPr>
              <p:cNvPr id="35" name="Kombinationstegning: figur 34">
                <a:extLst>
                  <a:ext uri="{FF2B5EF4-FFF2-40B4-BE49-F238E27FC236}">
                    <a16:creationId xmlns:a16="http://schemas.microsoft.com/office/drawing/2014/main" id="{D0C20CA0-B703-429F-2236-C454DE3D804E}"/>
                  </a:ext>
                </a:extLst>
              </p:cNvPr>
              <p:cNvSpPr/>
              <p:nvPr/>
            </p:nvSpPr>
            <p:spPr>
              <a:xfrm>
                <a:off x="10936085" y="5402270"/>
                <a:ext cx="39415" cy="34926"/>
              </a:xfrm>
              <a:custGeom>
                <a:avLst/>
                <a:gdLst>
                  <a:gd name="connsiteX0" fmla="*/ 0 w 84557"/>
                  <a:gd name="connsiteY0" fmla="*/ 0 h 74927"/>
                  <a:gd name="connsiteX1" fmla="*/ 84557 w 84557"/>
                  <a:gd name="connsiteY1" fmla="*/ 0 h 74927"/>
                  <a:gd name="connsiteX2" fmla="*/ 84557 w 84557"/>
                  <a:gd name="connsiteY2" fmla="*/ 74927 h 74927"/>
                  <a:gd name="connsiteX3" fmla="*/ 0 w 84557"/>
                  <a:gd name="connsiteY3" fmla="*/ 74927 h 74927"/>
                </a:gdLst>
                <a:ahLst/>
                <a:cxnLst>
                  <a:cxn ang="0">
                    <a:pos x="connsiteX0" y="connsiteY0"/>
                  </a:cxn>
                  <a:cxn ang="0">
                    <a:pos x="connsiteX1" y="connsiteY1"/>
                  </a:cxn>
                  <a:cxn ang="0">
                    <a:pos x="connsiteX2" y="connsiteY2"/>
                  </a:cxn>
                  <a:cxn ang="0">
                    <a:pos x="connsiteX3" y="connsiteY3"/>
                  </a:cxn>
                </a:cxnLst>
                <a:rect l="l" t="t" r="r" b="b"/>
                <a:pathLst>
                  <a:path w="84557" h="74927">
                    <a:moveTo>
                      <a:pt x="0" y="0"/>
                    </a:moveTo>
                    <a:lnTo>
                      <a:pt x="84557" y="0"/>
                    </a:lnTo>
                    <a:lnTo>
                      <a:pt x="84557" y="74927"/>
                    </a:lnTo>
                    <a:lnTo>
                      <a:pt x="0" y="74927"/>
                    </a:lnTo>
                    <a:close/>
                  </a:path>
                </a:pathLst>
              </a:custGeom>
              <a:solidFill>
                <a:srgbClr val="000000"/>
              </a:solidFill>
              <a:ln w="3175" cap="flat">
                <a:solidFill>
                  <a:schemeClr val="tx1"/>
                </a:solidFill>
                <a:prstDash val="solid"/>
                <a:miter/>
              </a:ln>
            </p:spPr>
            <p:txBody>
              <a:bodyPr rtlCol="0" anchor="ctr"/>
              <a:lstStyle/>
              <a:p>
                <a:endParaRPr lang="da-DK" noProof="0" dirty="0"/>
              </a:p>
            </p:txBody>
          </p:sp>
          <p:sp>
            <p:nvSpPr>
              <p:cNvPr id="36" name="Kombinationstegning: figur 35">
                <a:extLst>
                  <a:ext uri="{FF2B5EF4-FFF2-40B4-BE49-F238E27FC236}">
                    <a16:creationId xmlns:a16="http://schemas.microsoft.com/office/drawing/2014/main" id="{98FDC2AF-FC8D-4080-8898-9DCDFB6C16B5}"/>
                  </a:ext>
                </a:extLst>
              </p:cNvPr>
              <p:cNvSpPr/>
              <p:nvPr/>
            </p:nvSpPr>
            <p:spPr>
              <a:xfrm>
                <a:off x="11277680" y="5402270"/>
                <a:ext cx="39415" cy="34926"/>
              </a:xfrm>
              <a:custGeom>
                <a:avLst/>
                <a:gdLst>
                  <a:gd name="connsiteX0" fmla="*/ 0 w 84557"/>
                  <a:gd name="connsiteY0" fmla="*/ 0 h 74927"/>
                  <a:gd name="connsiteX1" fmla="*/ 84557 w 84557"/>
                  <a:gd name="connsiteY1" fmla="*/ 0 h 74927"/>
                  <a:gd name="connsiteX2" fmla="*/ 84557 w 84557"/>
                  <a:gd name="connsiteY2" fmla="*/ 74927 h 74927"/>
                  <a:gd name="connsiteX3" fmla="*/ 0 w 84557"/>
                  <a:gd name="connsiteY3" fmla="*/ 74927 h 74927"/>
                </a:gdLst>
                <a:ahLst/>
                <a:cxnLst>
                  <a:cxn ang="0">
                    <a:pos x="connsiteX0" y="connsiteY0"/>
                  </a:cxn>
                  <a:cxn ang="0">
                    <a:pos x="connsiteX1" y="connsiteY1"/>
                  </a:cxn>
                  <a:cxn ang="0">
                    <a:pos x="connsiteX2" y="connsiteY2"/>
                  </a:cxn>
                  <a:cxn ang="0">
                    <a:pos x="connsiteX3" y="connsiteY3"/>
                  </a:cxn>
                </a:cxnLst>
                <a:rect l="l" t="t" r="r" b="b"/>
                <a:pathLst>
                  <a:path w="84557" h="74927">
                    <a:moveTo>
                      <a:pt x="0" y="0"/>
                    </a:moveTo>
                    <a:lnTo>
                      <a:pt x="84557" y="0"/>
                    </a:lnTo>
                    <a:lnTo>
                      <a:pt x="84557" y="74927"/>
                    </a:lnTo>
                    <a:lnTo>
                      <a:pt x="0" y="74927"/>
                    </a:lnTo>
                    <a:close/>
                  </a:path>
                </a:pathLst>
              </a:custGeom>
              <a:solidFill>
                <a:srgbClr val="000000"/>
              </a:solidFill>
              <a:ln w="3175" cap="flat">
                <a:solidFill>
                  <a:schemeClr val="tx1"/>
                </a:solidFill>
                <a:prstDash val="solid"/>
                <a:miter/>
              </a:ln>
            </p:spPr>
            <p:txBody>
              <a:bodyPr rtlCol="0" anchor="ctr"/>
              <a:lstStyle/>
              <a:p>
                <a:endParaRPr lang="da-DK" noProof="0" dirty="0"/>
              </a:p>
            </p:txBody>
          </p:sp>
        </p:grpSp>
        <p:pic>
          <p:nvPicPr>
            <p:cNvPr id="49" name="Grafik 48" descr="Robothånd kontur">
              <a:extLst>
                <a:ext uri="{FF2B5EF4-FFF2-40B4-BE49-F238E27FC236}">
                  <a16:creationId xmlns:a16="http://schemas.microsoft.com/office/drawing/2014/main" id="{237BAA41-82A1-39DB-B40A-8119F3FC8B9B}"/>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rot="16200000" flipH="1">
              <a:off x="11036384" y="4481404"/>
              <a:ext cx="623095" cy="623095"/>
            </a:xfrm>
            <a:prstGeom prst="rect">
              <a:avLst/>
            </a:prstGeom>
          </p:spPr>
        </p:pic>
        <p:sp>
          <p:nvSpPr>
            <p:cNvPr id="64" name="Rektangel: afrundede hjørner 63">
              <a:extLst>
                <a:ext uri="{FF2B5EF4-FFF2-40B4-BE49-F238E27FC236}">
                  <a16:creationId xmlns:a16="http://schemas.microsoft.com/office/drawing/2014/main" id="{C807E36C-6B3C-C028-FB64-263827383280}"/>
                </a:ext>
                <a:ext uri="{C183D7F6-B498-43B3-948B-1728B52AA6E4}">
                  <adec:decorative xmlns:adec="http://schemas.microsoft.com/office/drawing/2017/decorative" val="1"/>
                </a:ext>
              </a:extLst>
            </p:cNvPr>
            <p:cNvSpPr/>
            <p:nvPr/>
          </p:nvSpPr>
          <p:spPr>
            <a:xfrm>
              <a:off x="9808931" y="5124454"/>
              <a:ext cx="752475" cy="139700"/>
            </a:xfrm>
            <a:prstGeom prst="roundRect">
              <a:avLst/>
            </a:prstGeom>
            <a:solidFill>
              <a:srgbClr val="E6F5F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grpSp>
          <p:nvGrpSpPr>
            <p:cNvPr id="57" name="Gruppe 56">
              <a:extLst>
                <a:ext uri="{FF2B5EF4-FFF2-40B4-BE49-F238E27FC236}">
                  <a16:creationId xmlns:a16="http://schemas.microsoft.com/office/drawing/2014/main" id="{FD90C468-3BEB-DEDD-86A4-74D89CA8734D}"/>
                </a:ext>
                <a:ext uri="{C183D7F6-B498-43B3-948B-1728B52AA6E4}">
                  <adec:decorative xmlns:adec="http://schemas.microsoft.com/office/drawing/2017/decorative" val="1"/>
                </a:ext>
              </a:extLst>
            </p:cNvPr>
            <p:cNvGrpSpPr/>
            <p:nvPr/>
          </p:nvGrpSpPr>
          <p:grpSpPr>
            <a:xfrm>
              <a:off x="9837432" y="4924426"/>
              <a:ext cx="674233" cy="669936"/>
              <a:chOff x="9837432" y="4924426"/>
              <a:chExt cx="674233" cy="669936"/>
            </a:xfrm>
          </p:grpSpPr>
          <p:sp>
            <p:nvSpPr>
              <p:cNvPr id="59" name="Kombinationstegning: figur 58">
                <a:extLst>
                  <a:ext uri="{FF2B5EF4-FFF2-40B4-BE49-F238E27FC236}">
                    <a16:creationId xmlns:a16="http://schemas.microsoft.com/office/drawing/2014/main" id="{F5BD444A-C544-7B42-A1DB-71EBFCAD2AE2}"/>
                  </a:ext>
                </a:extLst>
              </p:cNvPr>
              <p:cNvSpPr>
                <a:spLocks/>
              </p:cNvSpPr>
              <p:nvPr/>
            </p:nvSpPr>
            <p:spPr>
              <a:xfrm>
                <a:off x="9837432" y="5129824"/>
                <a:ext cx="674233" cy="464538"/>
              </a:xfrm>
              <a:custGeom>
                <a:avLst/>
                <a:gdLst>
                  <a:gd name="connsiteX0" fmla="*/ 800100 w 800100"/>
                  <a:gd name="connsiteY0" fmla="*/ 160734 h 551259"/>
                  <a:gd name="connsiteX1" fmla="*/ 684609 w 800100"/>
                  <a:gd name="connsiteY1" fmla="*/ 160734 h 551259"/>
                  <a:gd name="connsiteX2" fmla="*/ 684609 w 800100"/>
                  <a:gd name="connsiteY2" fmla="*/ 28575 h 551259"/>
                  <a:gd name="connsiteX3" fmla="*/ 610791 w 800100"/>
                  <a:gd name="connsiteY3" fmla="*/ 28575 h 551259"/>
                  <a:gd name="connsiteX4" fmla="*/ 610791 w 800100"/>
                  <a:gd name="connsiteY4" fmla="*/ 57150 h 551259"/>
                  <a:gd name="connsiteX5" fmla="*/ 579834 w 800100"/>
                  <a:gd name="connsiteY5" fmla="*/ 57150 h 551259"/>
                  <a:gd name="connsiteX6" fmla="*/ 579834 w 800100"/>
                  <a:gd name="connsiteY6" fmla="*/ 0 h 551259"/>
                  <a:gd name="connsiteX7" fmla="*/ 515541 w 800100"/>
                  <a:gd name="connsiteY7" fmla="*/ 0 h 551259"/>
                  <a:gd name="connsiteX8" fmla="*/ 515541 w 800100"/>
                  <a:gd name="connsiteY8" fmla="*/ 38100 h 551259"/>
                  <a:gd name="connsiteX9" fmla="*/ 477441 w 800100"/>
                  <a:gd name="connsiteY9" fmla="*/ 38100 h 551259"/>
                  <a:gd name="connsiteX10" fmla="*/ 477441 w 800100"/>
                  <a:gd name="connsiteY10" fmla="*/ 160734 h 551259"/>
                  <a:gd name="connsiteX11" fmla="*/ 227409 w 800100"/>
                  <a:gd name="connsiteY11" fmla="*/ 160734 h 551259"/>
                  <a:gd name="connsiteX12" fmla="*/ 227409 w 800100"/>
                  <a:gd name="connsiteY12" fmla="*/ 144809 h 551259"/>
                  <a:gd name="connsiteX13" fmla="*/ 200025 w 800100"/>
                  <a:gd name="connsiteY13" fmla="*/ 117424 h 551259"/>
                  <a:gd name="connsiteX14" fmla="*/ 142875 w 800100"/>
                  <a:gd name="connsiteY14" fmla="*/ 117424 h 551259"/>
                  <a:gd name="connsiteX15" fmla="*/ 115491 w 800100"/>
                  <a:gd name="connsiteY15" fmla="*/ 144809 h 551259"/>
                  <a:gd name="connsiteX16" fmla="*/ 115491 w 800100"/>
                  <a:gd name="connsiteY16" fmla="*/ 160734 h 551259"/>
                  <a:gd name="connsiteX17" fmla="*/ 0 w 800100"/>
                  <a:gd name="connsiteY17" fmla="*/ 160734 h 551259"/>
                  <a:gd name="connsiteX18" fmla="*/ 0 w 800100"/>
                  <a:gd name="connsiteY18" fmla="*/ 217884 h 551259"/>
                  <a:gd name="connsiteX19" fmla="*/ 28575 w 800100"/>
                  <a:gd name="connsiteY19" fmla="*/ 217884 h 551259"/>
                  <a:gd name="connsiteX20" fmla="*/ 28575 w 800100"/>
                  <a:gd name="connsiteY20" fmla="*/ 551259 h 551259"/>
                  <a:gd name="connsiteX21" fmla="*/ 47625 w 800100"/>
                  <a:gd name="connsiteY21" fmla="*/ 551259 h 551259"/>
                  <a:gd name="connsiteX22" fmla="*/ 47625 w 800100"/>
                  <a:gd name="connsiteY22" fmla="*/ 513159 h 551259"/>
                  <a:gd name="connsiteX23" fmla="*/ 295275 w 800100"/>
                  <a:gd name="connsiteY23" fmla="*/ 513159 h 551259"/>
                  <a:gd name="connsiteX24" fmla="*/ 295275 w 800100"/>
                  <a:gd name="connsiteY24" fmla="*/ 551259 h 551259"/>
                  <a:gd name="connsiteX25" fmla="*/ 314325 w 800100"/>
                  <a:gd name="connsiteY25" fmla="*/ 551259 h 551259"/>
                  <a:gd name="connsiteX26" fmla="*/ 314325 w 800100"/>
                  <a:gd name="connsiteY26" fmla="*/ 217884 h 551259"/>
                  <a:gd name="connsiteX27" fmla="*/ 752475 w 800100"/>
                  <a:gd name="connsiteY27" fmla="*/ 217884 h 551259"/>
                  <a:gd name="connsiteX28" fmla="*/ 752475 w 800100"/>
                  <a:gd name="connsiteY28" fmla="*/ 551259 h 551259"/>
                  <a:gd name="connsiteX29" fmla="*/ 771525 w 800100"/>
                  <a:gd name="connsiteY29" fmla="*/ 551259 h 551259"/>
                  <a:gd name="connsiteX30" fmla="*/ 771525 w 800100"/>
                  <a:gd name="connsiteY30" fmla="*/ 217884 h 551259"/>
                  <a:gd name="connsiteX31" fmla="*/ 800100 w 800100"/>
                  <a:gd name="connsiteY31" fmla="*/ 217884 h 551259"/>
                  <a:gd name="connsiteX32" fmla="*/ 627459 w 800100"/>
                  <a:gd name="connsiteY32" fmla="*/ 160734 h 551259"/>
                  <a:gd name="connsiteX33" fmla="*/ 627459 w 800100"/>
                  <a:gd name="connsiteY33" fmla="*/ 146447 h 551259"/>
                  <a:gd name="connsiteX34" fmla="*/ 667941 w 800100"/>
                  <a:gd name="connsiteY34" fmla="*/ 146447 h 551259"/>
                  <a:gd name="connsiteX35" fmla="*/ 667941 w 800100"/>
                  <a:gd name="connsiteY35" fmla="*/ 160734 h 551259"/>
                  <a:gd name="connsiteX36" fmla="*/ 627459 w 800100"/>
                  <a:gd name="connsiteY36" fmla="*/ 70247 h 551259"/>
                  <a:gd name="connsiteX37" fmla="*/ 667941 w 800100"/>
                  <a:gd name="connsiteY37" fmla="*/ 70247 h 551259"/>
                  <a:gd name="connsiteX38" fmla="*/ 667941 w 800100"/>
                  <a:gd name="connsiteY38" fmla="*/ 136922 h 551259"/>
                  <a:gd name="connsiteX39" fmla="*/ 627459 w 800100"/>
                  <a:gd name="connsiteY39" fmla="*/ 136922 h 551259"/>
                  <a:gd name="connsiteX40" fmla="*/ 627459 w 800100"/>
                  <a:gd name="connsiteY40" fmla="*/ 45244 h 551259"/>
                  <a:gd name="connsiteX41" fmla="*/ 667941 w 800100"/>
                  <a:gd name="connsiteY41" fmla="*/ 45244 h 551259"/>
                  <a:gd name="connsiteX42" fmla="*/ 667941 w 800100"/>
                  <a:gd name="connsiteY42" fmla="*/ 60722 h 551259"/>
                  <a:gd name="connsiteX43" fmla="*/ 627459 w 800100"/>
                  <a:gd name="connsiteY43" fmla="*/ 60722 h 551259"/>
                  <a:gd name="connsiteX44" fmla="*/ 627459 w 800100"/>
                  <a:gd name="connsiteY44" fmla="*/ 45244 h 551259"/>
                  <a:gd name="connsiteX45" fmla="*/ 610791 w 800100"/>
                  <a:gd name="connsiteY45" fmla="*/ 73819 h 551259"/>
                  <a:gd name="connsiteX46" fmla="*/ 610791 w 800100"/>
                  <a:gd name="connsiteY46" fmla="*/ 160734 h 551259"/>
                  <a:gd name="connsiteX47" fmla="*/ 579834 w 800100"/>
                  <a:gd name="connsiteY47" fmla="*/ 160734 h 551259"/>
                  <a:gd name="connsiteX48" fmla="*/ 579834 w 800100"/>
                  <a:gd name="connsiteY48" fmla="*/ 73819 h 551259"/>
                  <a:gd name="connsiteX49" fmla="*/ 532209 w 800100"/>
                  <a:gd name="connsiteY49" fmla="*/ 16669 h 551259"/>
                  <a:gd name="connsiteX50" fmla="*/ 563166 w 800100"/>
                  <a:gd name="connsiteY50" fmla="*/ 16669 h 551259"/>
                  <a:gd name="connsiteX51" fmla="*/ 563166 w 800100"/>
                  <a:gd name="connsiteY51" fmla="*/ 160734 h 551259"/>
                  <a:gd name="connsiteX52" fmla="*/ 532209 w 800100"/>
                  <a:gd name="connsiteY52" fmla="*/ 160734 h 551259"/>
                  <a:gd name="connsiteX53" fmla="*/ 532209 w 800100"/>
                  <a:gd name="connsiteY53" fmla="*/ 16669 h 551259"/>
                  <a:gd name="connsiteX54" fmla="*/ 494109 w 800100"/>
                  <a:gd name="connsiteY54" fmla="*/ 54769 h 551259"/>
                  <a:gd name="connsiteX55" fmla="*/ 515541 w 800100"/>
                  <a:gd name="connsiteY55" fmla="*/ 54769 h 551259"/>
                  <a:gd name="connsiteX56" fmla="*/ 515541 w 800100"/>
                  <a:gd name="connsiteY56" fmla="*/ 160734 h 551259"/>
                  <a:gd name="connsiteX57" fmla="*/ 494109 w 800100"/>
                  <a:gd name="connsiteY57" fmla="*/ 160734 h 551259"/>
                  <a:gd name="connsiteX58" fmla="*/ 132159 w 800100"/>
                  <a:gd name="connsiteY58" fmla="*/ 144809 h 551259"/>
                  <a:gd name="connsiteX59" fmla="*/ 142875 w 800100"/>
                  <a:gd name="connsiteY59" fmla="*/ 134064 h 551259"/>
                  <a:gd name="connsiteX60" fmla="*/ 200025 w 800100"/>
                  <a:gd name="connsiteY60" fmla="*/ 134064 h 551259"/>
                  <a:gd name="connsiteX61" fmla="*/ 210741 w 800100"/>
                  <a:gd name="connsiteY61" fmla="*/ 144780 h 551259"/>
                  <a:gd name="connsiteX62" fmla="*/ 210741 w 800100"/>
                  <a:gd name="connsiteY62" fmla="*/ 160734 h 551259"/>
                  <a:gd name="connsiteX63" fmla="*/ 132159 w 800100"/>
                  <a:gd name="connsiteY63" fmla="*/ 160734 h 551259"/>
                  <a:gd name="connsiteX64" fmla="*/ 47625 w 800100"/>
                  <a:gd name="connsiteY64" fmla="*/ 494109 h 551259"/>
                  <a:gd name="connsiteX65" fmla="*/ 47625 w 800100"/>
                  <a:gd name="connsiteY65" fmla="*/ 332184 h 551259"/>
                  <a:gd name="connsiteX66" fmla="*/ 295275 w 800100"/>
                  <a:gd name="connsiteY66" fmla="*/ 332184 h 551259"/>
                  <a:gd name="connsiteX67" fmla="*/ 295275 w 800100"/>
                  <a:gd name="connsiteY67" fmla="*/ 494109 h 551259"/>
                  <a:gd name="connsiteX68" fmla="*/ 295275 w 800100"/>
                  <a:gd name="connsiteY68" fmla="*/ 313134 h 551259"/>
                  <a:gd name="connsiteX69" fmla="*/ 47625 w 800100"/>
                  <a:gd name="connsiteY69" fmla="*/ 313134 h 551259"/>
                  <a:gd name="connsiteX70" fmla="*/ 47625 w 800100"/>
                  <a:gd name="connsiteY70" fmla="*/ 217884 h 551259"/>
                  <a:gd name="connsiteX71" fmla="*/ 295275 w 800100"/>
                  <a:gd name="connsiteY71" fmla="*/ 217884 h 551259"/>
                  <a:gd name="connsiteX72" fmla="*/ 781050 w 800100"/>
                  <a:gd name="connsiteY72" fmla="*/ 198834 h 551259"/>
                  <a:gd name="connsiteX73" fmla="*/ 19050 w 800100"/>
                  <a:gd name="connsiteY73" fmla="*/ 198834 h 551259"/>
                  <a:gd name="connsiteX74" fmla="*/ 19050 w 800100"/>
                  <a:gd name="connsiteY74" fmla="*/ 179784 h 551259"/>
                  <a:gd name="connsiteX75" fmla="*/ 781050 w 800100"/>
                  <a:gd name="connsiteY75" fmla="*/ 179784 h 551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Lst>
                <a:rect l="l" t="t" r="r" b="b"/>
                <a:pathLst>
                  <a:path w="800100" h="551259">
                    <a:moveTo>
                      <a:pt x="800100" y="160734"/>
                    </a:moveTo>
                    <a:lnTo>
                      <a:pt x="684609" y="160734"/>
                    </a:lnTo>
                    <a:lnTo>
                      <a:pt x="684609" y="28575"/>
                    </a:lnTo>
                    <a:lnTo>
                      <a:pt x="610791" y="28575"/>
                    </a:lnTo>
                    <a:lnTo>
                      <a:pt x="610791" y="57150"/>
                    </a:lnTo>
                    <a:lnTo>
                      <a:pt x="579834" y="57150"/>
                    </a:lnTo>
                    <a:lnTo>
                      <a:pt x="579834" y="0"/>
                    </a:lnTo>
                    <a:lnTo>
                      <a:pt x="515541" y="0"/>
                    </a:lnTo>
                    <a:lnTo>
                      <a:pt x="515541" y="38100"/>
                    </a:lnTo>
                    <a:lnTo>
                      <a:pt x="477441" y="38100"/>
                    </a:lnTo>
                    <a:lnTo>
                      <a:pt x="477441" y="160734"/>
                    </a:lnTo>
                    <a:lnTo>
                      <a:pt x="227409" y="160734"/>
                    </a:lnTo>
                    <a:lnTo>
                      <a:pt x="227409" y="144809"/>
                    </a:lnTo>
                    <a:cubicBezTo>
                      <a:pt x="227393" y="129691"/>
                      <a:pt x="215142" y="117440"/>
                      <a:pt x="200025" y="117424"/>
                    </a:cubicBezTo>
                    <a:lnTo>
                      <a:pt x="142875" y="117424"/>
                    </a:lnTo>
                    <a:cubicBezTo>
                      <a:pt x="127758" y="117440"/>
                      <a:pt x="115507" y="129691"/>
                      <a:pt x="115491" y="144809"/>
                    </a:cubicBezTo>
                    <a:lnTo>
                      <a:pt x="115491" y="160734"/>
                    </a:lnTo>
                    <a:lnTo>
                      <a:pt x="0" y="160734"/>
                    </a:lnTo>
                    <a:lnTo>
                      <a:pt x="0" y="217884"/>
                    </a:lnTo>
                    <a:lnTo>
                      <a:pt x="28575" y="217884"/>
                    </a:lnTo>
                    <a:lnTo>
                      <a:pt x="28575" y="551259"/>
                    </a:lnTo>
                    <a:lnTo>
                      <a:pt x="47625" y="551259"/>
                    </a:lnTo>
                    <a:lnTo>
                      <a:pt x="47625" y="513159"/>
                    </a:lnTo>
                    <a:lnTo>
                      <a:pt x="295275" y="513159"/>
                    </a:lnTo>
                    <a:lnTo>
                      <a:pt x="295275" y="551259"/>
                    </a:lnTo>
                    <a:lnTo>
                      <a:pt x="314325" y="551259"/>
                    </a:lnTo>
                    <a:lnTo>
                      <a:pt x="314325" y="217884"/>
                    </a:lnTo>
                    <a:lnTo>
                      <a:pt x="752475" y="217884"/>
                    </a:lnTo>
                    <a:lnTo>
                      <a:pt x="752475" y="551259"/>
                    </a:lnTo>
                    <a:lnTo>
                      <a:pt x="771525" y="551259"/>
                    </a:lnTo>
                    <a:lnTo>
                      <a:pt x="771525" y="217884"/>
                    </a:lnTo>
                    <a:lnTo>
                      <a:pt x="800100" y="217884"/>
                    </a:lnTo>
                    <a:close/>
                    <a:moveTo>
                      <a:pt x="627459" y="160734"/>
                    </a:moveTo>
                    <a:lnTo>
                      <a:pt x="627459" y="146447"/>
                    </a:lnTo>
                    <a:lnTo>
                      <a:pt x="667941" y="146447"/>
                    </a:lnTo>
                    <a:lnTo>
                      <a:pt x="667941" y="160734"/>
                    </a:lnTo>
                    <a:close/>
                    <a:moveTo>
                      <a:pt x="627459" y="70247"/>
                    </a:moveTo>
                    <a:lnTo>
                      <a:pt x="667941" y="70247"/>
                    </a:lnTo>
                    <a:lnTo>
                      <a:pt x="667941" y="136922"/>
                    </a:lnTo>
                    <a:lnTo>
                      <a:pt x="627459" y="136922"/>
                    </a:lnTo>
                    <a:close/>
                    <a:moveTo>
                      <a:pt x="627459" y="45244"/>
                    </a:moveTo>
                    <a:lnTo>
                      <a:pt x="667941" y="45244"/>
                    </a:lnTo>
                    <a:lnTo>
                      <a:pt x="667941" y="60722"/>
                    </a:lnTo>
                    <a:lnTo>
                      <a:pt x="627459" y="60722"/>
                    </a:lnTo>
                    <a:lnTo>
                      <a:pt x="627459" y="45244"/>
                    </a:lnTo>
                    <a:close/>
                    <a:moveTo>
                      <a:pt x="610791" y="73819"/>
                    </a:moveTo>
                    <a:lnTo>
                      <a:pt x="610791" y="160734"/>
                    </a:lnTo>
                    <a:lnTo>
                      <a:pt x="579834" y="160734"/>
                    </a:lnTo>
                    <a:lnTo>
                      <a:pt x="579834" y="73819"/>
                    </a:lnTo>
                    <a:close/>
                    <a:moveTo>
                      <a:pt x="532209" y="16669"/>
                    </a:moveTo>
                    <a:lnTo>
                      <a:pt x="563166" y="16669"/>
                    </a:lnTo>
                    <a:lnTo>
                      <a:pt x="563166" y="160734"/>
                    </a:lnTo>
                    <a:lnTo>
                      <a:pt x="532209" y="160734"/>
                    </a:lnTo>
                    <a:lnTo>
                      <a:pt x="532209" y="16669"/>
                    </a:lnTo>
                    <a:close/>
                    <a:moveTo>
                      <a:pt x="494109" y="54769"/>
                    </a:moveTo>
                    <a:lnTo>
                      <a:pt x="515541" y="54769"/>
                    </a:lnTo>
                    <a:lnTo>
                      <a:pt x="515541" y="160734"/>
                    </a:lnTo>
                    <a:lnTo>
                      <a:pt x="494109" y="160734"/>
                    </a:lnTo>
                    <a:close/>
                    <a:moveTo>
                      <a:pt x="132159" y="144809"/>
                    </a:moveTo>
                    <a:cubicBezTo>
                      <a:pt x="132154" y="138884"/>
                      <a:pt x="136950" y="134075"/>
                      <a:pt x="142875" y="134064"/>
                    </a:cubicBezTo>
                    <a:lnTo>
                      <a:pt x="200025" y="134064"/>
                    </a:lnTo>
                    <a:cubicBezTo>
                      <a:pt x="205939" y="134075"/>
                      <a:pt x="210730" y="138866"/>
                      <a:pt x="210741" y="144780"/>
                    </a:cubicBezTo>
                    <a:lnTo>
                      <a:pt x="210741" y="160734"/>
                    </a:lnTo>
                    <a:lnTo>
                      <a:pt x="132159" y="160734"/>
                    </a:lnTo>
                    <a:close/>
                    <a:moveTo>
                      <a:pt x="47625" y="494109"/>
                    </a:moveTo>
                    <a:lnTo>
                      <a:pt x="47625" y="332184"/>
                    </a:lnTo>
                    <a:lnTo>
                      <a:pt x="295275" y="332184"/>
                    </a:lnTo>
                    <a:lnTo>
                      <a:pt x="295275" y="494109"/>
                    </a:lnTo>
                    <a:close/>
                    <a:moveTo>
                      <a:pt x="295275" y="313134"/>
                    </a:moveTo>
                    <a:lnTo>
                      <a:pt x="47625" y="313134"/>
                    </a:lnTo>
                    <a:lnTo>
                      <a:pt x="47625" y="217884"/>
                    </a:lnTo>
                    <a:lnTo>
                      <a:pt x="295275" y="217884"/>
                    </a:lnTo>
                    <a:close/>
                    <a:moveTo>
                      <a:pt x="781050" y="198834"/>
                    </a:moveTo>
                    <a:lnTo>
                      <a:pt x="19050" y="198834"/>
                    </a:lnTo>
                    <a:lnTo>
                      <a:pt x="19050" y="179784"/>
                    </a:lnTo>
                    <a:lnTo>
                      <a:pt x="781050" y="179784"/>
                    </a:lnTo>
                    <a:close/>
                  </a:path>
                </a:pathLst>
              </a:custGeom>
              <a:solidFill>
                <a:srgbClr val="000000"/>
              </a:solidFill>
              <a:ln w="9525" cap="flat">
                <a:noFill/>
                <a:prstDash val="solid"/>
                <a:miter/>
              </a:ln>
            </p:spPr>
            <p:txBody>
              <a:bodyPr rtlCol="0" anchor="ctr"/>
              <a:lstStyle/>
              <a:p>
                <a:endParaRPr lang="da-DK" noProof="0" dirty="0"/>
              </a:p>
            </p:txBody>
          </p:sp>
          <p:pic>
            <p:nvPicPr>
              <p:cNvPr id="53" name="Grafik 52" descr="Computer kontur">
                <a:extLst>
                  <a:ext uri="{FF2B5EF4-FFF2-40B4-BE49-F238E27FC236}">
                    <a16:creationId xmlns:a16="http://schemas.microsoft.com/office/drawing/2014/main" id="{EA8224D2-C31F-72B4-73B7-3F84CB3797A7}"/>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9888679" y="4924426"/>
                <a:ext cx="457200" cy="457200"/>
              </a:xfrm>
              <a:prstGeom prst="rect">
                <a:avLst/>
              </a:prstGeom>
            </p:spPr>
          </p:pic>
        </p:grpSp>
        <p:sp>
          <p:nvSpPr>
            <p:cNvPr id="71" name="Rektangel: afrundede hjørner 70">
              <a:extLst>
                <a:ext uri="{FF2B5EF4-FFF2-40B4-BE49-F238E27FC236}">
                  <a16:creationId xmlns:a16="http://schemas.microsoft.com/office/drawing/2014/main" id="{791C59B2-3F9D-BECD-0B9D-E29284BA6A79}"/>
                </a:ext>
              </a:extLst>
            </p:cNvPr>
            <p:cNvSpPr>
              <a:spLocks/>
            </p:cNvSpPr>
            <p:nvPr/>
          </p:nvSpPr>
          <p:spPr>
            <a:xfrm>
              <a:off x="6952567" y="3581046"/>
              <a:ext cx="1751166" cy="599859"/>
            </a:xfrm>
            <a:prstGeom prst="roundRect">
              <a:avLst>
                <a:gd name="adj" fmla="val 9910"/>
              </a:avLst>
            </a:prstGeom>
            <a:solidFill>
              <a:srgbClr val="FEF4F7"/>
            </a:solidFill>
            <a:ln w="6350">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i="1" noProof="0" dirty="0">
                  <a:solidFill>
                    <a:schemeClr val="accent3"/>
                  </a:solidFill>
                </a:rPr>
                <a:t>Lagerbygning – udbud igangsat</a:t>
              </a:r>
            </a:p>
          </p:txBody>
        </p:sp>
        <p:sp>
          <p:nvSpPr>
            <p:cNvPr id="72" name="Rektangel: afrundede hjørner 71">
              <a:extLst>
                <a:ext uri="{FF2B5EF4-FFF2-40B4-BE49-F238E27FC236}">
                  <a16:creationId xmlns:a16="http://schemas.microsoft.com/office/drawing/2014/main" id="{D0027B0D-2D43-2077-9C94-10A0B9D394CC}"/>
                </a:ext>
              </a:extLst>
            </p:cNvPr>
            <p:cNvSpPr>
              <a:spLocks/>
            </p:cNvSpPr>
            <p:nvPr/>
          </p:nvSpPr>
          <p:spPr>
            <a:xfrm>
              <a:off x="6952567" y="4312533"/>
              <a:ext cx="1751166" cy="599859"/>
            </a:xfrm>
            <a:prstGeom prst="roundRect">
              <a:avLst>
                <a:gd name="adj" fmla="val 9910"/>
              </a:avLst>
            </a:prstGeom>
            <a:solidFill>
              <a:srgbClr val="FEF4F7"/>
            </a:solidFill>
            <a:ln w="6350">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i="1" noProof="0" dirty="0">
                  <a:solidFill>
                    <a:schemeClr val="accent3"/>
                  </a:solidFill>
                </a:rPr>
                <a:t>Autostore-løsning (on-</a:t>
              </a:r>
              <a:r>
                <a:rPr lang="da-DK" sz="800" i="1" noProof="0" dirty="0" err="1">
                  <a:solidFill>
                    <a:schemeClr val="accent3"/>
                  </a:solidFill>
                </a:rPr>
                <a:t>premise</a:t>
              </a:r>
              <a:r>
                <a:rPr lang="da-DK" sz="800" i="1" noProof="0" dirty="0">
                  <a:solidFill>
                    <a:schemeClr val="accent3"/>
                  </a:solidFill>
                </a:rPr>
                <a:t> og åbne standarder) – udbud afsluttet</a:t>
              </a:r>
            </a:p>
          </p:txBody>
        </p:sp>
        <p:sp>
          <p:nvSpPr>
            <p:cNvPr id="84" name="Rektangel: afrundede hjørner 83">
              <a:extLst>
                <a:ext uri="{FF2B5EF4-FFF2-40B4-BE49-F238E27FC236}">
                  <a16:creationId xmlns:a16="http://schemas.microsoft.com/office/drawing/2014/main" id="{E941A1EC-44C5-1E31-B3E4-DF00C6B4251F}"/>
                </a:ext>
              </a:extLst>
            </p:cNvPr>
            <p:cNvSpPr>
              <a:spLocks/>
            </p:cNvSpPr>
            <p:nvPr/>
          </p:nvSpPr>
          <p:spPr>
            <a:xfrm>
              <a:off x="6952567" y="5044020"/>
              <a:ext cx="1751166" cy="599859"/>
            </a:xfrm>
            <a:prstGeom prst="roundRect">
              <a:avLst>
                <a:gd name="adj" fmla="val 9910"/>
              </a:avLst>
            </a:prstGeom>
            <a:solidFill>
              <a:srgbClr val="FEF4F7"/>
            </a:solidFill>
            <a:ln w="6350">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i="1" noProof="0" dirty="0">
                  <a:solidFill>
                    <a:schemeClr val="accent3"/>
                  </a:solidFill>
                </a:rPr>
                <a:t>Warehouse management system – udbud igangsættes 2026-2027</a:t>
              </a:r>
            </a:p>
          </p:txBody>
        </p:sp>
        <p:sp>
          <p:nvSpPr>
            <p:cNvPr id="44" name="Ellipse 43">
              <a:extLst>
                <a:ext uri="{FF2B5EF4-FFF2-40B4-BE49-F238E27FC236}">
                  <a16:creationId xmlns:a16="http://schemas.microsoft.com/office/drawing/2014/main" id="{40283FAA-576E-5286-4A23-F7ED019D1B11}"/>
                </a:ext>
                <a:ext uri="{C183D7F6-B498-43B3-948B-1728B52AA6E4}">
                  <adec:decorative xmlns:adec="http://schemas.microsoft.com/office/drawing/2017/decorative" val="1"/>
                </a:ext>
              </a:extLst>
            </p:cNvPr>
            <p:cNvSpPr>
              <a:spLocks/>
            </p:cNvSpPr>
            <p:nvPr/>
          </p:nvSpPr>
          <p:spPr>
            <a:xfrm>
              <a:off x="6828398" y="3467100"/>
              <a:ext cx="252000" cy="252000"/>
            </a:xfrm>
            <a:prstGeom prst="ellipse">
              <a:avLst/>
            </a:prstGeom>
            <a:solidFill>
              <a:srgbClr val="E6F5F8"/>
            </a:solidFill>
            <a:ln>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8" name="Ellipse 47">
              <a:extLst>
                <a:ext uri="{FF2B5EF4-FFF2-40B4-BE49-F238E27FC236}">
                  <a16:creationId xmlns:a16="http://schemas.microsoft.com/office/drawing/2014/main" id="{8EBD6D57-BF9E-D457-CD17-1992C27BC1C2}"/>
                </a:ext>
                <a:ext uri="{C183D7F6-B498-43B3-948B-1728B52AA6E4}">
                  <adec:decorative xmlns:adec="http://schemas.microsoft.com/office/drawing/2017/decorative" val="1"/>
                </a:ext>
              </a:extLst>
            </p:cNvPr>
            <p:cNvSpPr>
              <a:spLocks/>
            </p:cNvSpPr>
            <p:nvPr/>
          </p:nvSpPr>
          <p:spPr>
            <a:xfrm>
              <a:off x="6828398" y="4196003"/>
              <a:ext cx="252000" cy="252000"/>
            </a:xfrm>
            <a:prstGeom prst="ellipse">
              <a:avLst/>
            </a:prstGeom>
            <a:solidFill>
              <a:srgbClr val="E6F5F8"/>
            </a:solidFill>
            <a:ln>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50" name="Ellipse 49">
              <a:extLst>
                <a:ext uri="{FF2B5EF4-FFF2-40B4-BE49-F238E27FC236}">
                  <a16:creationId xmlns:a16="http://schemas.microsoft.com/office/drawing/2014/main" id="{257D67FF-4713-EC0C-8681-5D27B971233E}"/>
                </a:ext>
                <a:ext uri="{C183D7F6-B498-43B3-948B-1728B52AA6E4}">
                  <adec:decorative xmlns:adec="http://schemas.microsoft.com/office/drawing/2017/decorative" val="1"/>
                </a:ext>
              </a:extLst>
            </p:cNvPr>
            <p:cNvSpPr>
              <a:spLocks/>
            </p:cNvSpPr>
            <p:nvPr/>
          </p:nvSpPr>
          <p:spPr>
            <a:xfrm>
              <a:off x="6828398" y="4923251"/>
              <a:ext cx="252000" cy="252000"/>
            </a:xfrm>
            <a:prstGeom prst="ellipse">
              <a:avLst/>
            </a:prstGeom>
            <a:solidFill>
              <a:srgbClr val="E6F5F8"/>
            </a:solidFill>
            <a:ln>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grpSp>
          <p:nvGrpSpPr>
            <p:cNvPr id="51" name="Gruppe 50">
              <a:extLst>
                <a:ext uri="{FF2B5EF4-FFF2-40B4-BE49-F238E27FC236}">
                  <a16:creationId xmlns:a16="http://schemas.microsoft.com/office/drawing/2014/main" id="{5175FD3C-17E7-5C36-772B-75FEA1800001}"/>
                </a:ext>
                <a:ext uri="{C183D7F6-B498-43B3-948B-1728B52AA6E4}">
                  <adec:decorative xmlns:adec="http://schemas.microsoft.com/office/drawing/2017/decorative" val="1"/>
                </a:ext>
              </a:extLst>
            </p:cNvPr>
            <p:cNvGrpSpPr>
              <a:grpSpLocks/>
            </p:cNvGrpSpPr>
            <p:nvPr/>
          </p:nvGrpSpPr>
          <p:grpSpPr>
            <a:xfrm>
              <a:off x="6889466" y="3507513"/>
              <a:ext cx="129865" cy="171173"/>
              <a:chOff x="12802899" y="3817733"/>
              <a:chExt cx="1695842" cy="2196537"/>
            </a:xfrm>
            <a:solidFill>
              <a:srgbClr val="EE2F66"/>
            </a:solidFill>
          </p:grpSpPr>
          <p:sp>
            <p:nvSpPr>
              <p:cNvPr id="52" name="Kombinationstegning: figur 51">
                <a:extLst>
                  <a:ext uri="{FF2B5EF4-FFF2-40B4-BE49-F238E27FC236}">
                    <a16:creationId xmlns:a16="http://schemas.microsoft.com/office/drawing/2014/main" id="{D6E95793-EEB2-C3C2-1C38-B846DD5A1FB3}"/>
                  </a:ext>
                </a:extLst>
              </p:cNvPr>
              <p:cNvSpPr/>
              <p:nvPr/>
            </p:nvSpPr>
            <p:spPr>
              <a:xfrm>
                <a:off x="12802899" y="3817733"/>
                <a:ext cx="1695842" cy="2196537"/>
              </a:xfrm>
              <a:custGeom>
                <a:avLst/>
                <a:gdLst>
                  <a:gd name="connsiteX0" fmla="*/ 847921 w 1695842"/>
                  <a:gd name="connsiteY0" fmla="*/ 0 h 2196537"/>
                  <a:gd name="connsiteX1" fmla="*/ 0 w 1695842"/>
                  <a:gd name="connsiteY1" fmla="*/ 456734 h 2196537"/>
                  <a:gd name="connsiteX2" fmla="*/ 0 w 1695842"/>
                  <a:gd name="connsiteY2" fmla="*/ 2196537 h 2196537"/>
                  <a:gd name="connsiteX3" fmla="*/ 156196 w 1695842"/>
                  <a:gd name="connsiteY3" fmla="*/ 2196537 h 2196537"/>
                  <a:gd name="connsiteX4" fmla="*/ 156196 w 1695842"/>
                  <a:gd name="connsiteY4" fmla="*/ 732238 h 2196537"/>
                  <a:gd name="connsiteX5" fmla="*/ 1539647 w 1695842"/>
                  <a:gd name="connsiteY5" fmla="*/ 732238 h 2196537"/>
                  <a:gd name="connsiteX6" fmla="*/ 1539647 w 1695842"/>
                  <a:gd name="connsiteY6" fmla="*/ 2196537 h 2196537"/>
                  <a:gd name="connsiteX7" fmla="*/ 1695843 w 1695842"/>
                  <a:gd name="connsiteY7" fmla="*/ 2196537 h 2196537"/>
                  <a:gd name="connsiteX8" fmla="*/ 1695843 w 1695842"/>
                  <a:gd name="connsiteY8" fmla="*/ 456734 h 2196537"/>
                  <a:gd name="connsiteX9" fmla="*/ 1651215 w 1695842"/>
                  <a:gd name="connsiteY9" fmla="*/ 2137982 h 2196537"/>
                  <a:gd name="connsiteX10" fmla="*/ 1584274 w 1695842"/>
                  <a:gd name="connsiteY10" fmla="*/ 2137982 h 2196537"/>
                  <a:gd name="connsiteX11" fmla="*/ 1584274 w 1695842"/>
                  <a:gd name="connsiteY11" fmla="*/ 673682 h 2196537"/>
                  <a:gd name="connsiteX12" fmla="*/ 111569 w 1695842"/>
                  <a:gd name="connsiteY12" fmla="*/ 673682 h 2196537"/>
                  <a:gd name="connsiteX13" fmla="*/ 111569 w 1695842"/>
                  <a:gd name="connsiteY13" fmla="*/ 2137982 h 2196537"/>
                  <a:gd name="connsiteX14" fmla="*/ 44627 w 1695842"/>
                  <a:gd name="connsiteY14" fmla="*/ 2137982 h 2196537"/>
                  <a:gd name="connsiteX15" fmla="*/ 44627 w 1695842"/>
                  <a:gd name="connsiteY15" fmla="*/ 495937 h 2196537"/>
                  <a:gd name="connsiteX16" fmla="*/ 847921 w 1695842"/>
                  <a:gd name="connsiteY16" fmla="*/ 63386 h 2196537"/>
                  <a:gd name="connsiteX17" fmla="*/ 1651215 w 1695842"/>
                  <a:gd name="connsiteY17" fmla="*/ 495937 h 2196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695842" h="2196537">
                    <a:moveTo>
                      <a:pt x="847921" y="0"/>
                    </a:moveTo>
                    <a:lnTo>
                      <a:pt x="0" y="456734"/>
                    </a:lnTo>
                    <a:lnTo>
                      <a:pt x="0" y="2196537"/>
                    </a:lnTo>
                    <a:lnTo>
                      <a:pt x="156196" y="2196537"/>
                    </a:lnTo>
                    <a:lnTo>
                      <a:pt x="156196" y="732238"/>
                    </a:lnTo>
                    <a:lnTo>
                      <a:pt x="1539647" y="732238"/>
                    </a:lnTo>
                    <a:lnTo>
                      <a:pt x="1539647" y="2196537"/>
                    </a:lnTo>
                    <a:lnTo>
                      <a:pt x="1695843" y="2196537"/>
                    </a:lnTo>
                    <a:lnTo>
                      <a:pt x="1695843" y="456734"/>
                    </a:lnTo>
                    <a:close/>
                    <a:moveTo>
                      <a:pt x="1651215" y="2137982"/>
                    </a:moveTo>
                    <a:lnTo>
                      <a:pt x="1584274" y="2137982"/>
                    </a:lnTo>
                    <a:lnTo>
                      <a:pt x="1584274" y="673682"/>
                    </a:lnTo>
                    <a:lnTo>
                      <a:pt x="111569" y="673682"/>
                    </a:lnTo>
                    <a:lnTo>
                      <a:pt x="111569" y="2137982"/>
                    </a:lnTo>
                    <a:lnTo>
                      <a:pt x="44627" y="2137982"/>
                    </a:lnTo>
                    <a:lnTo>
                      <a:pt x="44627" y="495937"/>
                    </a:lnTo>
                    <a:lnTo>
                      <a:pt x="847921" y="63386"/>
                    </a:lnTo>
                    <a:lnTo>
                      <a:pt x="1651215" y="495937"/>
                    </a:lnTo>
                    <a:close/>
                  </a:path>
                </a:pathLst>
              </a:custGeom>
              <a:grpFill/>
              <a:ln w="22225" cap="flat">
                <a:noFill/>
                <a:prstDash val="solid"/>
                <a:miter/>
              </a:ln>
            </p:spPr>
            <p:txBody>
              <a:bodyPr rtlCol="0" anchor="ctr"/>
              <a:lstStyle/>
              <a:p>
                <a:endParaRPr lang="da-DK" noProof="0" dirty="0"/>
              </a:p>
            </p:txBody>
          </p:sp>
          <p:sp>
            <p:nvSpPr>
              <p:cNvPr id="54" name="Kombinationstegning: figur 53">
                <a:extLst>
                  <a:ext uri="{FF2B5EF4-FFF2-40B4-BE49-F238E27FC236}">
                    <a16:creationId xmlns:a16="http://schemas.microsoft.com/office/drawing/2014/main" id="{A6DC4C10-DA8B-0071-999E-631749D73930}"/>
                  </a:ext>
                </a:extLst>
              </p:cNvPr>
              <p:cNvSpPr/>
              <p:nvPr/>
            </p:nvSpPr>
            <p:spPr>
              <a:xfrm>
                <a:off x="13026036" y="4637511"/>
                <a:ext cx="1249568" cy="58555"/>
              </a:xfrm>
              <a:custGeom>
                <a:avLst/>
                <a:gdLst>
                  <a:gd name="connsiteX0" fmla="*/ 0 w 1249568"/>
                  <a:gd name="connsiteY0" fmla="*/ 0 h 58555"/>
                  <a:gd name="connsiteX1" fmla="*/ 1249568 w 1249568"/>
                  <a:gd name="connsiteY1" fmla="*/ 0 h 58555"/>
                  <a:gd name="connsiteX2" fmla="*/ 1249568 w 1249568"/>
                  <a:gd name="connsiteY2" fmla="*/ 58556 h 58555"/>
                  <a:gd name="connsiteX3" fmla="*/ 0 w 1249568"/>
                  <a:gd name="connsiteY3" fmla="*/ 58556 h 58555"/>
                </a:gdLst>
                <a:ahLst/>
                <a:cxnLst>
                  <a:cxn ang="0">
                    <a:pos x="connsiteX0" y="connsiteY0"/>
                  </a:cxn>
                  <a:cxn ang="0">
                    <a:pos x="connsiteX1" y="connsiteY1"/>
                  </a:cxn>
                  <a:cxn ang="0">
                    <a:pos x="connsiteX2" y="connsiteY2"/>
                  </a:cxn>
                  <a:cxn ang="0">
                    <a:pos x="connsiteX3" y="connsiteY3"/>
                  </a:cxn>
                </a:cxnLst>
                <a:rect l="l" t="t" r="r" b="b"/>
                <a:pathLst>
                  <a:path w="1249568" h="58555">
                    <a:moveTo>
                      <a:pt x="0" y="0"/>
                    </a:moveTo>
                    <a:lnTo>
                      <a:pt x="1249568" y="0"/>
                    </a:lnTo>
                    <a:lnTo>
                      <a:pt x="1249568" y="58556"/>
                    </a:lnTo>
                    <a:lnTo>
                      <a:pt x="0" y="58556"/>
                    </a:lnTo>
                    <a:close/>
                  </a:path>
                </a:pathLst>
              </a:custGeom>
              <a:grpFill/>
              <a:ln w="22225" cap="flat">
                <a:noFill/>
                <a:prstDash val="solid"/>
                <a:miter/>
              </a:ln>
            </p:spPr>
            <p:txBody>
              <a:bodyPr rtlCol="0" anchor="ctr"/>
              <a:lstStyle/>
              <a:p>
                <a:endParaRPr lang="da-DK" noProof="0" dirty="0"/>
              </a:p>
            </p:txBody>
          </p:sp>
          <p:sp>
            <p:nvSpPr>
              <p:cNvPr id="55" name="Kombinationstegning: figur 54">
                <a:extLst>
                  <a:ext uri="{FF2B5EF4-FFF2-40B4-BE49-F238E27FC236}">
                    <a16:creationId xmlns:a16="http://schemas.microsoft.com/office/drawing/2014/main" id="{43D8944E-1715-E77F-ADEC-4D258FBCD1DC}"/>
                  </a:ext>
                </a:extLst>
              </p:cNvPr>
              <p:cNvSpPr/>
              <p:nvPr/>
            </p:nvSpPr>
            <p:spPr>
              <a:xfrm>
                <a:off x="13026036" y="4783900"/>
                <a:ext cx="1249568" cy="58555"/>
              </a:xfrm>
              <a:custGeom>
                <a:avLst/>
                <a:gdLst>
                  <a:gd name="connsiteX0" fmla="*/ 0 w 1249568"/>
                  <a:gd name="connsiteY0" fmla="*/ 0 h 58555"/>
                  <a:gd name="connsiteX1" fmla="*/ 1249568 w 1249568"/>
                  <a:gd name="connsiteY1" fmla="*/ 0 h 58555"/>
                  <a:gd name="connsiteX2" fmla="*/ 1249568 w 1249568"/>
                  <a:gd name="connsiteY2" fmla="*/ 58556 h 58555"/>
                  <a:gd name="connsiteX3" fmla="*/ 0 w 1249568"/>
                  <a:gd name="connsiteY3" fmla="*/ 58556 h 58555"/>
                </a:gdLst>
                <a:ahLst/>
                <a:cxnLst>
                  <a:cxn ang="0">
                    <a:pos x="connsiteX0" y="connsiteY0"/>
                  </a:cxn>
                  <a:cxn ang="0">
                    <a:pos x="connsiteX1" y="connsiteY1"/>
                  </a:cxn>
                  <a:cxn ang="0">
                    <a:pos x="connsiteX2" y="connsiteY2"/>
                  </a:cxn>
                  <a:cxn ang="0">
                    <a:pos x="connsiteX3" y="connsiteY3"/>
                  </a:cxn>
                </a:cxnLst>
                <a:rect l="l" t="t" r="r" b="b"/>
                <a:pathLst>
                  <a:path w="1249568" h="58555">
                    <a:moveTo>
                      <a:pt x="0" y="0"/>
                    </a:moveTo>
                    <a:lnTo>
                      <a:pt x="1249568" y="0"/>
                    </a:lnTo>
                    <a:lnTo>
                      <a:pt x="1249568" y="58556"/>
                    </a:lnTo>
                    <a:lnTo>
                      <a:pt x="0" y="58556"/>
                    </a:lnTo>
                    <a:close/>
                  </a:path>
                </a:pathLst>
              </a:custGeom>
              <a:grpFill/>
              <a:ln w="22225" cap="flat">
                <a:noFill/>
                <a:prstDash val="solid"/>
                <a:miter/>
              </a:ln>
            </p:spPr>
            <p:txBody>
              <a:bodyPr rtlCol="0" anchor="ctr"/>
              <a:lstStyle/>
              <a:p>
                <a:endParaRPr lang="da-DK" noProof="0" dirty="0"/>
              </a:p>
            </p:txBody>
          </p:sp>
          <p:sp>
            <p:nvSpPr>
              <p:cNvPr id="56" name="Kombinationstegning: figur 55">
                <a:extLst>
                  <a:ext uri="{FF2B5EF4-FFF2-40B4-BE49-F238E27FC236}">
                    <a16:creationId xmlns:a16="http://schemas.microsoft.com/office/drawing/2014/main" id="{F94913D1-F6B3-C724-EDD4-F07919D53FE5}"/>
                  </a:ext>
                </a:extLst>
              </p:cNvPr>
              <p:cNvSpPr/>
              <p:nvPr/>
            </p:nvSpPr>
            <p:spPr>
              <a:xfrm>
                <a:off x="13026036" y="4930289"/>
                <a:ext cx="1249568" cy="58555"/>
              </a:xfrm>
              <a:custGeom>
                <a:avLst/>
                <a:gdLst>
                  <a:gd name="connsiteX0" fmla="*/ 0 w 1249568"/>
                  <a:gd name="connsiteY0" fmla="*/ 0 h 58555"/>
                  <a:gd name="connsiteX1" fmla="*/ 1249568 w 1249568"/>
                  <a:gd name="connsiteY1" fmla="*/ 0 h 58555"/>
                  <a:gd name="connsiteX2" fmla="*/ 1249568 w 1249568"/>
                  <a:gd name="connsiteY2" fmla="*/ 58556 h 58555"/>
                  <a:gd name="connsiteX3" fmla="*/ 0 w 1249568"/>
                  <a:gd name="connsiteY3" fmla="*/ 58556 h 58555"/>
                </a:gdLst>
                <a:ahLst/>
                <a:cxnLst>
                  <a:cxn ang="0">
                    <a:pos x="connsiteX0" y="connsiteY0"/>
                  </a:cxn>
                  <a:cxn ang="0">
                    <a:pos x="connsiteX1" y="connsiteY1"/>
                  </a:cxn>
                  <a:cxn ang="0">
                    <a:pos x="connsiteX2" y="connsiteY2"/>
                  </a:cxn>
                  <a:cxn ang="0">
                    <a:pos x="connsiteX3" y="connsiteY3"/>
                  </a:cxn>
                </a:cxnLst>
                <a:rect l="l" t="t" r="r" b="b"/>
                <a:pathLst>
                  <a:path w="1249568" h="58555">
                    <a:moveTo>
                      <a:pt x="0" y="0"/>
                    </a:moveTo>
                    <a:lnTo>
                      <a:pt x="1249568" y="0"/>
                    </a:lnTo>
                    <a:lnTo>
                      <a:pt x="1249568" y="58556"/>
                    </a:lnTo>
                    <a:lnTo>
                      <a:pt x="0" y="58556"/>
                    </a:lnTo>
                    <a:close/>
                  </a:path>
                </a:pathLst>
              </a:custGeom>
              <a:grpFill/>
              <a:ln w="22225" cap="flat">
                <a:noFill/>
                <a:prstDash val="solid"/>
                <a:miter/>
              </a:ln>
            </p:spPr>
            <p:txBody>
              <a:bodyPr rtlCol="0" anchor="ctr"/>
              <a:lstStyle/>
              <a:p>
                <a:endParaRPr lang="da-DK" noProof="0" dirty="0"/>
              </a:p>
            </p:txBody>
          </p:sp>
        </p:grpSp>
        <p:grpSp>
          <p:nvGrpSpPr>
            <p:cNvPr id="58" name="Gruppe 57">
              <a:extLst>
                <a:ext uri="{FF2B5EF4-FFF2-40B4-BE49-F238E27FC236}">
                  <a16:creationId xmlns:a16="http://schemas.microsoft.com/office/drawing/2014/main" id="{B71C9E4E-9D3A-1AB6-002F-D041CF3C8395}"/>
                </a:ext>
                <a:ext uri="{C183D7F6-B498-43B3-948B-1728B52AA6E4}">
                  <adec:decorative xmlns:adec="http://schemas.microsoft.com/office/drawing/2017/decorative" val="1"/>
                </a:ext>
              </a:extLst>
            </p:cNvPr>
            <p:cNvGrpSpPr>
              <a:grpSpLocks/>
            </p:cNvGrpSpPr>
            <p:nvPr/>
          </p:nvGrpSpPr>
          <p:grpSpPr>
            <a:xfrm>
              <a:off x="6871539" y="4966920"/>
              <a:ext cx="165718" cy="164661"/>
              <a:chOff x="9837432" y="4924426"/>
              <a:chExt cx="674233" cy="669936"/>
            </a:xfrm>
            <a:solidFill>
              <a:srgbClr val="EE2F66"/>
            </a:solidFill>
          </p:grpSpPr>
          <p:sp>
            <p:nvSpPr>
              <p:cNvPr id="60" name="Kombinationstegning: figur 59">
                <a:extLst>
                  <a:ext uri="{FF2B5EF4-FFF2-40B4-BE49-F238E27FC236}">
                    <a16:creationId xmlns:a16="http://schemas.microsoft.com/office/drawing/2014/main" id="{040CD62C-CC8A-CF8F-9B87-11C46DDB0E8B}"/>
                  </a:ext>
                </a:extLst>
              </p:cNvPr>
              <p:cNvSpPr>
                <a:spLocks/>
              </p:cNvSpPr>
              <p:nvPr/>
            </p:nvSpPr>
            <p:spPr>
              <a:xfrm>
                <a:off x="9837432" y="5129824"/>
                <a:ext cx="674233" cy="464538"/>
              </a:xfrm>
              <a:custGeom>
                <a:avLst/>
                <a:gdLst>
                  <a:gd name="connsiteX0" fmla="*/ 800100 w 800100"/>
                  <a:gd name="connsiteY0" fmla="*/ 160734 h 551259"/>
                  <a:gd name="connsiteX1" fmla="*/ 684609 w 800100"/>
                  <a:gd name="connsiteY1" fmla="*/ 160734 h 551259"/>
                  <a:gd name="connsiteX2" fmla="*/ 684609 w 800100"/>
                  <a:gd name="connsiteY2" fmla="*/ 28575 h 551259"/>
                  <a:gd name="connsiteX3" fmla="*/ 610791 w 800100"/>
                  <a:gd name="connsiteY3" fmla="*/ 28575 h 551259"/>
                  <a:gd name="connsiteX4" fmla="*/ 610791 w 800100"/>
                  <a:gd name="connsiteY4" fmla="*/ 57150 h 551259"/>
                  <a:gd name="connsiteX5" fmla="*/ 579834 w 800100"/>
                  <a:gd name="connsiteY5" fmla="*/ 57150 h 551259"/>
                  <a:gd name="connsiteX6" fmla="*/ 579834 w 800100"/>
                  <a:gd name="connsiteY6" fmla="*/ 0 h 551259"/>
                  <a:gd name="connsiteX7" fmla="*/ 515541 w 800100"/>
                  <a:gd name="connsiteY7" fmla="*/ 0 h 551259"/>
                  <a:gd name="connsiteX8" fmla="*/ 515541 w 800100"/>
                  <a:gd name="connsiteY8" fmla="*/ 38100 h 551259"/>
                  <a:gd name="connsiteX9" fmla="*/ 477441 w 800100"/>
                  <a:gd name="connsiteY9" fmla="*/ 38100 h 551259"/>
                  <a:gd name="connsiteX10" fmla="*/ 477441 w 800100"/>
                  <a:gd name="connsiteY10" fmla="*/ 160734 h 551259"/>
                  <a:gd name="connsiteX11" fmla="*/ 227409 w 800100"/>
                  <a:gd name="connsiteY11" fmla="*/ 160734 h 551259"/>
                  <a:gd name="connsiteX12" fmla="*/ 227409 w 800100"/>
                  <a:gd name="connsiteY12" fmla="*/ 144809 h 551259"/>
                  <a:gd name="connsiteX13" fmla="*/ 200025 w 800100"/>
                  <a:gd name="connsiteY13" fmla="*/ 117424 h 551259"/>
                  <a:gd name="connsiteX14" fmla="*/ 142875 w 800100"/>
                  <a:gd name="connsiteY14" fmla="*/ 117424 h 551259"/>
                  <a:gd name="connsiteX15" fmla="*/ 115491 w 800100"/>
                  <a:gd name="connsiteY15" fmla="*/ 144809 h 551259"/>
                  <a:gd name="connsiteX16" fmla="*/ 115491 w 800100"/>
                  <a:gd name="connsiteY16" fmla="*/ 160734 h 551259"/>
                  <a:gd name="connsiteX17" fmla="*/ 0 w 800100"/>
                  <a:gd name="connsiteY17" fmla="*/ 160734 h 551259"/>
                  <a:gd name="connsiteX18" fmla="*/ 0 w 800100"/>
                  <a:gd name="connsiteY18" fmla="*/ 217884 h 551259"/>
                  <a:gd name="connsiteX19" fmla="*/ 28575 w 800100"/>
                  <a:gd name="connsiteY19" fmla="*/ 217884 h 551259"/>
                  <a:gd name="connsiteX20" fmla="*/ 28575 w 800100"/>
                  <a:gd name="connsiteY20" fmla="*/ 551259 h 551259"/>
                  <a:gd name="connsiteX21" fmla="*/ 47625 w 800100"/>
                  <a:gd name="connsiteY21" fmla="*/ 551259 h 551259"/>
                  <a:gd name="connsiteX22" fmla="*/ 47625 w 800100"/>
                  <a:gd name="connsiteY22" fmla="*/ 513159 h 551259"/>
                  <a:gd name="connsiteX23" fmla="*/ 295275 w 800100"/>
                  <a:gd name="connsiteY23" fmla="*/ 513159 h 551259"/>
                  <a:gd name="connsiteX24" fmla="*/ 295275 w 800100"/>
                  <a:gd name="connsiteY24" fmla="*/ 551259 h 551259"/>
                  <a:gd name="connsiteX25" fmla="*/ 314325 w 800100"/>
                  <a:gd name="connsiteY25" fmla="*/ 551259 h 551259"/>
                  <a:gd name="connsiteX26" fmla="*/ 314325 w 800100"/>
                  <a:gd name="connsiteY26" fmla="*/ 217884 h 551259"/>
                  <a:gd name="connsiteX27" fmla="*/ 752475 w 800100"/>
                  <a:gd name="connsiteY27" fmla="*/ 217884 h 551259"/>
                  <a:gd name="connsiteX28" fmla="*/ 752475 w 800100"/>
                  <a:gd name="connsiteY28" fmla="*/ 551259 h 551259"/>
                  <a:gd name="connsiteX29" fmla="*/ 771525 w 800100"/>
                  <a:gd name="connsiteY29" fmla="*/ 551259 h 551259"/>
                  <a:gd name="connsiteX30" fmla="*/ 771525 w 800100"/>
                  <a:gd name="connsiteY30" fmla="*/ 217884 h 551259"/>
                  <a:gd name="connsiteX31" fmla="*/ 800100 w 800100"/>
                  <a:gd name="connsiteY31" fmla="*/ 217884 h 551259"/>
                  <a:gd name="connsiteX32" fmla="*/ 627459 w 800100"/>
                  <a:gd name="connsiteY32" fmla="*/ 160734 h 551259"/>
                  <a:gd name="connsiteX33" fmla="*/ 627459 w 800100"/>
                  <a:gd name="connsiteY33" fmla="*/ 146447 h 551259"/>
                  <a:gd name="connsiteX34" fmla="*/ 667941 w 800100"/>
                  <a:gd name="connsiteY34" fmla="*/ 146447 h 551259"/>
                  <a:gd name="connsiteX35" fmla="*/ 667941 w 800100"/>
                  <a:gd name="connsiteY35" fmla="*/ 160734 h 551259"/>
                  <a:gd name="connsiteX36" fmla="*/ 627459 w 800100"/>
                  <a:gd name="connsiteY36" fmla="*/ 70247 h 551259"/>
                  <a:gd name="connsiteX37" fmla="*/ 667941 w 800100"/>
                  <a:gd name="connsiteY37" fmla="*/ 70247 h 551259"/>
                  <a:gd name="connsiteX38" fmla="*/ 667941 w 800100"/>
                  <a:gd name="connsiteY38" fmla="*/ 136922 h 551259"/>
                  <a:gd name="connsiteX39" fmla="*/ 627459 w 800100"/>
                  <a:gd name="connsiteY39" fmla="*/ 136922 h 551259"/>
                  <a:gd name="connsiteX40" fmla="*/ 627459 w 800100"/>
                  <a:gd name="connsiteY40" fmla="*/ 45244 h 551259"/>
                  <a:gd name="connsiteX41" fmla="*/ 667941 w 800100"/>
                  <a:gd name="connsiteY41" fmla="*/ 45244 h 551259"/>
                  <a:gd name="connsiteX42" fmla="*/ 667941 w 800100"/>
                  <a:gd name="connsiteY42" fmla="*/ 60722 h 551259"/>
                  <a:gd name="connsiteX43" fmla="*/ 627459 w 800100"/>
                  <a:gd name="connsiteY43" fmla="*/ 60722 h 551259"/>
                  <a:gd name="connsiteX44" fmla="*/ 627459 w 800100"/>
                  <a:gd name="connsiteY44" fmla="*/ 45244 h 551259"/>
                  <a:gd name="connsiteX45" fmla="*/ 610791 w 800100"/>
                  <a:gd name="connsiteY45" fmla="*/ 73819 h 551259"/>
                  <a:gd name="connsiteX46" fmla="*/ 610791 w 800100"/>
                  <a:gd name="connsiteY46" fmla="*/ 160734 h 551259"/>
                  <a:gd name="connsiteX47" fmla="*/ 579834 w 800100"/>
                  <a:gd name="connsiteY47" fmla="*/ 160734 h 551259"/>
                  <a:gd name="connsiteX48" fmla="*/ 579834 w 800100"/>
                  <a:gd name="connsiteY48" fmla="*/ 73819 h 551259"/>
                  <a:gd name="connsiteX49" fmla="*/ 532209 w 800100"/>
                  <a:gd name="connsiteY49" fmla="*/ 16669 h 551259"/>
                  <a:gd name="connsiteX50" fmla="*/ 563166 w 800100"/>
                  <a:gd name="connsiteY50" fmla="*/ 16669 h 551259"/>
                  <a:gd name="connsiteX51" fmla="*/ 563166 w 800100"/>
                  <a:gd name="connsiteY51" fmla="*/ 160734 h 551259"/>
                  <a:gd name="connsiteX52" fmla="*/ 532209 w 800100"/>
                  <a:gd name="connsiteY52" fmla="*/ 160734 h 551259"/>
                  <a:gd name="connsiteX53" fmla="*/ 532209 w 800100"/>
                  <a:gd name="connsiteY53" fmla="*/ 16669 h 551259"/>
                  <a:gd name="connsiteX54" fmla="*/ 494109 w 800100"/>
                  <a:gd name="connsiteY54" fmla="*/ 54769 h 551259"/>
                  <a:gd name="connsiteX55" fmla="*/ 515541 w 800100"/>
                  <a:gd name="connsiteY55" fmla="*/ 54769 h 551259"/>
                  <a:gd name="connsiteX56" fmla="*/ 515541 w 800100"/>
                  <a:gd name="connsiteY56" fmla="*/ 160734 h 551259"/>
                  <a:gd name="connsiteX57" fmla="*/ 494109 w 800100"/>
                  <a:gd name="connsiteY57" fmla="*/ 160734 h 551259"/>
                  <a:gd name="connsiteX58" fmla="*/ 132159 w 800100"/>
                  <a:gd name="connsiteY58" fmla="*/ 144809 h 551259"/>
                  <a:gd name="connsiteX59" fmla="*/ 142875 w 800100"/>
                  <a:gd name="connsiteY59" fmla="*/ 134064 h 551259"/>
                  <a:gd name="connsiteX60" fmla="*/ 200025 w 800100"/>
                  <a:gd name="connsiteY60" fmla="*/ 134064 h 551259"/>
                  <a:gd name="connsiteX61" fmla="*/ 210741 w 800100"/>
                  <a:gd name="connsiteY61" fmla="*/ 144780 h 551259"/>
                  <a:gd name="connsiteX62" fmla="*/ 210741 w 800100"/>
                  <a:gd name="connsiteY62" fmla="*/ 160734 h 551259"/>
                  <a:gd name="connsiteX63" fmla="*/ 132159 w 800100"/>
                  <a:gd name="connsiteY63" fmla="*/ 160734 h 551259"/>
                  <a:gd name="connsiteX64" fmla="*/ 47625 w 800100"/>
                  <a:gd name="connsiteY64" fmla="*/ 494109 h 551259"/>
                  <a:gd name="connsiteX65" fmla="*/ 47625 w 800100"/>
                  <a:gd name="connsiteY65" fmla="*/ 332184 h 551259"/>
                  <a:gd name="connsiteX66" fmla="*/ 295275 w 800100"/>
                  <a:gd name="connsiteY66" fmla="*/ 332184 h 551259"/>
                  <a:gd name="connsiteX67" fmla="*/ 295275 w 800100"/>
                  <a:gd name="connsiteY67" fmla="*/ 494109 h 551259"/>
                  <a:gd name="connsiteX68" fmla="*/ 295275 w 800100"/>
                  <a:gd name="connsiteY68" fmla="*/ 313134 h 551259"/>
                  <a:gd name="connsiteX69" fmla="*/ 47625 w 800100"/>
                  <a:gd name="connsiteY69" fmla="*/ 313134 h 551259"/>
                  <a:gd name="connsiteX70" fmla="*/ 47625 w 800100"/>
                  <a:gd name="connsiteY70" fmla="*/ 217884 h 551259"/>
                  <a:gd name="connsiteX71" fmla="*/ 295275 w 800100"/>
                  <a:gd name="connsiteY71" fmla="*/ 217884 h 551259"/>
                  <a:gd name="connsiteX72" fmla="*/ 781050 w 800100"/>
                  <a:gd name="connsiteY72" fmla="*/ 198834 h 551259"/>
                  <a:gd name="connsiteX73" fmla="*/ 19050 w 800100"/>
                  <a:gd name="connsiteY73" fmla="*/ 198834 h 551259"/>
                  <a:gd name="connsiteX74" fmla="*/ 19050 w 800100"/>
                  <a:gd name="connsiteY74" fmla="*/ 179784 h 551259"/>
                  <a:gd name="connsiteX75" fmla="*/ 781050 w 800100"/>
                  <a:gd name="connsiteY75" fmla="*/ 179784 h 551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Lst>
                <a:rect l="l" t="t" r="r" b="b"/>
                <a:pathLst>
                  <a:path w="800100" h="551259">
                    <a:moveTo>
                      <a:pt x="800100" y="160734"/>
                    </a:moveTo>
                    <a:lnTo>
                      <a:pt x="684609" y="160734"/>
                    </a:lnTo>
                    <a:lnTo>
                      <a:pt x="684609" y="28575"/>
                    </a:lnTo>
                    <a:lnTo>
                      <a:pt x="610791" y="28575"/>
                    </a:lnTo>
                    <a:lnTo>
                      <a:pt x="610791" y="57150"/>
                    </a:lnTo>
                    <a:lnTo>
                      <a:pt x="579834" y="57150"/>
                    </a:lnTo>
                    <a:lnTo>
                      <a:pt x="579834" y="0"/>
                    </a:lnTo>
                    <a:lnTo>
                      <a:pt x="515541" y="0"/>
                    </a:lnTo>
                    <a:lnTo>
                      <a:pt x="515541" y="38100"/>
                    </a:lnTo>
                    <a:lnTo>
                      <a:pt x="477441" y="38100"/>
                    </a:lnTo>
                    <a:lnTo>
                      <a:pt x="477441" y="160734"/>
                    </a:lnTo>
                    <a:lnTo>
                      <a:pt x="227409" y="160734"/>
                    </a:lnTo>
                    <a:lnTo>
                      <a:pt x="227409" y="144809"/>
                    </a:lnTo>
                    <a:cubicBezTo>
                      <a:pt x="227393" y="129691"/>
                      <a:pt x="215142" y="117440"/>
                      <a:pt x="200025" y="117424"/>
                    </a:cubicBezTo>
                    <a:lnTo>
                      <a:pt x="142875" y="117424"/>
                    </a:lnTo>
                    <a:cubicBezTo>
                      <a:pt x="127758" y="117440"/>
                      <a:pt x="115507" y="129691"/>
                      <a:pt x="115491" y="144809"/>
                    </a:cubicBezTo>
                    <a:lnTo>
                      <a:pt x="115491" y="160734"/>
                    </a:lnTo>
                    <a:lnTo>
                      <a:pt x="0" y="160734"/>
                    </a:lnTo>
                    <a:lnTo>
                      <a:pt x="0" y="217884"/>
                    </a:lnTo>
                    <a:lnTo>
                      <a:pt x="28575" y="217884"/>
                    </a:lnTo>
                    <a:lnTo>
                      <a:pt x="28575" y="551259"/>
                    </a:lnTo>
                    <a:lnTo>
                      <a:pt x="47625" y="551259"/>
                    </a:lnTo>
                    <a:lnTo>
                      <a:pt x="47625" y="513159"/>
                    </a:lnTo>
                    <a:lnTo>
                      <a:pt x="295275" y="513159"/>
                    </a:lnTo>
                    <a:lnTo>
                      <a:pt x="295275" y="551259"/>
                    </a:lnTo>
                    <a:lnTo>
                      <a:pt x="314325" y="551259"/>
                    </a:lnTo>
                    <a:lnTo>
                      <a:pt x="314325" y="217884"/>
                    </a:lnTo>
                    <a:lnTo>
                      <a:pt x="752475" y="217884"/>
                    </a:lnTo>
                    <a:lnTo>
                      <a:pt x="752475" y="551259"/>
                    </a:lnTo>
                    <a:lnTo>
                      <a:pt x="771525" y="551259"/>
                    </a:lnTo>
                    <a:lnTo>
                      <a:pt x="771525" y="217884"/>
                    </a:lnTo>
                    <a:lnTo>
                      <a:pt x="800100" y="217884"/>
                    </a:lnTo>
                    <a:close/>
                    <a:moveTo>
                      <a:pt x="627459" y="160734"/>
                    </a:moveTo>
                    <a:lnTo>
                      <a:pt x="627459" y="146447"/>
                    </a:lnTo>
                    <a:lnTo>
                      <a:pt x="667941" y="146447"/>
                    </a:lnTo>
                    <a:lnTo>
                      <a:pt x="667941" y="160734"/>
                    </a:lnTo>
                    <a:close/>
                    <a:moveTo>
                      <a:pt x="627459" y="70247"/>
                    </a:moveTo>
                    <a:lnTo>
                      <a:pt x="667941" y="70247"/>
                    </a:lnTo>
                    <a:lnTo>
                      <a:pt x="667941" y="136922"/>
                    </a:lnTo>
                    <a:lnTo>
                      <a:pt x="627459" y="136922"/>
                    </a:lnTo>
                    <a:close/>
                    <a:moveTo>
                      <a:pt x="627459" y="45244"/>
                    </a:moveTo>
                    <a:lnTo>
                      <a:pt x="667941" y="45244"/>
                    </a:lnTo>
                    <a:lnTo>
                      <a:pt x="667941" y="60722"/>
                    </a:lnTo>
                    <a:lnTo>
                      <a:pt x="627459" y="60722"/>
                    </a:lnTo>
                    <a:lnTo>
                      <a:pt x="627459" y="45244"/>
                    </a:lnTo>
                    <a:close/>
                    <a:moveTo>
                      <a:pt x="610791" y="73819"/>
                    </a:moveTo>
                    <a:lnTo>
                      <a:pt x="610791" y="160734"/>
                    </a:lnTo>
                    <a:lnTo>
                      <a:pt x="579834" y="160734"/>
                    </a:lnTo>
                    <a:lnTo>
                      <a:pt x="579834" y="73819"/>
                    </a:lnTo>
                    <a:close/>
                    <a:moveTo>
                      <a:pt x="532209" y="16669"/>
                    </a:moveTo>
                    <a:lnTo>
                      <a:pt x="563166" y="16669"/>
                    </a:lnTo>
                    <a:lnTo>
                      <a:pt x="563166" y="160734"/>
                    </a:lnTo>
                    <a:lnTo>
                      <a:pt x="532209" y="160734"/>
                    </a:lnTo>
                    <a:lnTo>
                      <a:pt x="532209" y="16669"/>
                    </a:lnTo>
                    <a:close/>
                    <a:moveTo>
                      <a:pt x="494109" y="54769"/>
                    </a:moveTo>
                    <a:lnTo>
                      <a:pt x="515541" y="54769"/>
                    </a:lnTo>
                    <a:lnTo>
                      <a:pt x="515541" y="160734"/>
                    </a:lnTo>
                    <a:lnTo>
                      <a:pt x="494109" y="160734"/>
                    </a:lnTo>
                    <a:close/>
                    <a:moveTo>
                      <a:pt x="132159" y="144809"/>
                    </a:moveTo>
                    <a:cubicBezTo>
                      <a:pt x="132154" y="138884"/>
                      <a:pt x="136950" y="134075"/>
                      <a:pt x="142875" y="134064"/>
                    </a:cubicBezTo>
                    <a:lnTo>
                      <a:pt x="200025" y="134064"/>
                    </a:lnTo>
                    <a:cubicBezTo>
                      <a:pt x="205939" y="134075"/>
                      <a:pt x="210730" y="138866"/>
                      <a:pt x="210741" y="144780"/>
                    </a:cubicBezTo>
                    <a:lnTo>
                      <a:pt x="210741" y="160734"/>
                    </a:lnTo>
                    <a:lnTo>
                      <a:pt x="132159" y="160734"/>
                    </a:lnTo>
                    <a:close/>
                    <a:moveTo>
                      <a:pt x="47625" y="494109"/>
                    </a:moveTo>
                    <a:lnTo>
                      <a:pt x="47625" y="332184"/>
                    </a:lnTo>
                    <a:lnTo>
                      <a:pt x="295275" y="332184"/>
                    </a:lnTo>
                    <a:lnTo>
                      <a:pt x="295275" y="494109"/>
                    </a:lnTo>
                    <a:close/>
                    <a:moveTo>
                      <a:pt x="295275" y="313134"/>
                    </a:moveTo>
                    <a:lnTo>
                      <a:pt x="47625" y="313134"/>
                    </a:lnTo>
                    <a:lnTo>
                      <a:pt x="47625" y="217884"/>
                    </a:lnTo>
                    <a:lnTo>
                      <a:pt x="295275" y="217884"/>
                    </a:lnTo>
                    <a:close/>
                    <a:moveTo>
                      <a:pt x="781050" y="198834"/>
                    </a:moveTo>
                    <a:lnTo>
                      <a:pt x="19050" y="198834"/>
                    </a:lnTo>
                    <a:lnTo>
                      <a:pt x="19050" y="179784"/>
                    </a:lnTo>
                    <a:lnTo>
                      <a:pt x="781050" y="179784"/>
                    </a:lnTo>
                    <a:close/>
                  </a:path>
                </a:pathLst>
              </a:custGeom>
              <a:grpFill/>
              <a:ln w="9525" cap="flat">
                <a:noFill/>
                <a:prstDash val="solid"/>
                <a:miter/>
              </a:ln>
            </p:spPr>
            <p:txBody>
              <a:bodyPr rtlCol="0" anchor="ctr"/>
              <a:lstStyle/>
              <a:p>
                <a:endParaRPr lang="da-DK" noProof="0" dirty="0"/>
              </a:p>
            </p:txBody>
          </p:sp>
          <p:pic>
            <p:nvPicPr>
              <p:cNvPr id="61" name="Grafik 60" descr="Computer kontur">
                <a:extLst>
                  <a:ext uri="{FF2B5EF4-FFF2-40B4-BE49-F238E27FC236}">
                    <a16:creationId xmlns:a16="http://schemas.microsoft.com/office/drawing/2014/main" id="{650B8652-58E8-7A29-95D7-BF998F05F498}"/>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888679" y="4924426"/>
                <a:ext cx="457200" cy="457200"/>
              </a:xfrm>
              <a:prstGeom prst="rect">
                <a:avLst/>
              </a:prstGeom>
            </p:spPr>
          </p:pic>
        </p:grpSp>
        <p:pic>
          <p:nvPicPr>
            <p:cNvPr id="63" name="Grafik 62" descr="Robothånd kontur">
              <a:extLst>
                <a:ext uri="{FF2B5EF4-FFF2-40B4-BE49-F238E27FC236}">
                  <a16:creationId xmlns:a16="http://schemas.microsoft.com/office/drawing/2014/main" id="{F487D08F-C752-8AA7-6FA2-71B1A79CD66D}"/>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6863760" y="4222805"/>
              <a:ext cx="181276" cy="198397"/>
            </a:xfrm>
            <a:prstGeom prst="rect">
              <a:avLst/>
            </a:prstGeom>
          </p:spPr>
        </p:pic>
        <p:sp>
          <p:nvSpPr>
            <p:cNvPr id="69" name="Ligebenet trekant 68">
              <a:extLst>
                <a:ext uri="{FF2B5EF4-FFF2-40B4-BE49-F238E27FC236}">
                  <a16:creationId xmlns:a16="http://schemas.microsoft.com/office/drawing/2014/main" id="{FFF09B48-E1A0-F671-C56B-E79C7814FFB1}"/>
                </a:ext>
                <a:ext uri="{C183D7F6-B498-43B3-948B-1728B52AA6E4}">
                  <adec:decorative xmlns:adec="http://schemas.microsoft.com/office/drawing/2017/decorative" val="1"/>
                </a:ext>
              </a:extLst>
            </p:cNvPr>
            <p:cNvSpPr/>
            <p:nvPr/>
          </p:nvSpPr>
          <p:spPr>
            <a:xfrm>
              <a:off x="9609667" y="2843032"/>
              <a:ext cx="2082800" cy="594430"/>
            </a:xfrm>
            <a:prstGeom prst="triangle">
              <a:avLst/>
            </a:prstGeom>
            <a:solidFill>
              <a:srgbClr val="FEF4F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0" name="Rektangel: afrundede hjørner 69">
              <a:extLst>
                <a:ext uri="{FF2B5EF4-FFF2-40B4-BE49-F238E27FC236}">
                  <a16:creationId xmlns:a16="http://schemas.microsoft.com/office/drawing/2014/main" id="{1876A660-6468-E182-CC68-8693555A2202}"/>
                </a:ext>
                <a:ext uri="{C183D7F6-B498-43B3-948B-1728B52AA6E4}">
                  <adec:decorative xmlns:adec="http://schemas.microsoft.com/office/drawing/2017/decorative" val="1"/>
                </a:ext>
              </a:extLst>
            </p:cNvPr>
            <p:cNvSpPr/>
            <p:nvPr/>
          </p:nvSpPr>
          <p:spPr>
            <a:xfrm>
              <a:off x="9609667" y="3429794"/>
              <a:ext cx="122659" cy="2164568"/>
            </a:xfrm>
            <a:prstGeom prst="roundRect">
              <a:avLst/>
            </a:prstGeom>
            <a:solidFill>
              <a:srgbClr val="FEF4F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4" name="Rektangel: afrundede hjørner 73">
              <a:extLst>
                <a:ext uri="{FF2B5EF4-FFF2-40B4-BE49-F238E27FC236}">
                  <a16:creationId xmlns:a16="http://schemas.microsoft.com/office/drawing/2014/main" id="{90D6224E-679E-F2C4-91B3-368E014C31FF}"/>
                </a:ext>
                <a:ext uri="{C183D7F6-B498-43B3-948B-1728B52AA6E4}">
                  <adec:decorative xmlns:adec="http://schemas.microsoft.com/office/drawing/2017/decorative" val="1"/>
                </a:ext>
              </a:extLst>
            </p:cNvPr>
            <p:cNvSpPr/>
            <p:nvPr/>
          </p:nvSpPr>
          <p:spPr>
            <a:xfrm>
              <a:off x="11573249" y="3429794"/>
              <a:ext cx="122659" cy="2164568"/>
            </a:xfrm>
            <a:prstGeom prst="roundRect">
              <a:avLst/>
            </a:prstGeom>
            <a:solidFill>
              <a:srgbClr val="FEF4F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5" name="Rektangel 74">
              <a:extLst>
                <a:ext uri="{FF2B5EF4-FFF2-40B4-BE49-F238E27FC236}">
                  <a16:creationId xmlns:a16="http://schemas.microsoft.com/office/drawing/2014/main" id="{DEFFD565-A490-FDFB-D13A-AD80CCADCFC9}"/>
                </a:ext>
                <a:ext uri="{C183D7F6-B498-43B3-948B-1728B52AA6E4}">
                  <adec:decorative xmlns:adec="http://schemas.microsoft.com/office/drawing/2017/decorative" val="1"/>
                </a:ext>
              </a:extLst>
            </p:cNvPr>
            <p:cNvSpPr/>
            <p:nvPr/>
          </p:nvSpPr>
          <p:spPr>
            <a:xfrm>
              <a:off x="9670996" y="3428148"/>
              <a:ext cx="1929874" cy="231478"/>
            </a:xfrm>
            <a:prstGeom prst="rect">
              <a:avLst/>
            </a:prstGeom>
            <a:solidFill>
              <a:srgbClr val="FEF4F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6" name="Rektangel 75">
              <a:extLst>
                <a:ext uri="{FF2B5EF4-FFF2-40B4-BE49-F238E27FC236}">
                  <a16:creationId xmlns:a16="http://schemas.microsoft.com/office/drawing/2014/main" id="{9AA1F442-F83C-A9C5-8DDD-B91B8AFA55CB}"/>
                </a:ext>
                <a:ext uri="{C183D7F6-B498-43B3-948B-1728B52AA6E4}">
                  <adec:decorative xmlns:adec="http://schemas.microsoft.com/office/drawing/2017/decorative" val="1"/>
                </a:ext>
              </a:extLst>
            </p:cNvPr>
            <p:cNvSpPr/>
            <p:nvPr/>
          </p:nvSpPr>
          <p:spPr>
            <a:xfrm>
              <a:off x="9756775" y="3735388"/>
              <a:ext cx="1788508" cy="588849"/>
            </a:xfrm>
            <a:prstGeom prst="rect">
              <a:avLst/>
            </a:prstGeom>
            <a:solidFill>
              <a:srgbClr val="FEF4F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grpSp>
          <p:nvGrpSpPr>
            <p:cNvPr id="102" name="Gruppe 101">
              <a:extLst>
                <a:ext uri="{FF2B5EF4-FFF2-40B4-BE49-F238E27FC236}">
                  <a16:creationId xmlns:a16="http://schemas.microsoft.com/office/drawing/2014/main" id="{C2FC90A5-1F1F-96E2-A0FE-94A116CD1CBD}"/>
                </a:ext>
                <a:ext uri="{C183D7F6-B498-43B3-948B-1728B52AA6E4}">
                  <adec:decorative xmlns:adec="http://schemas.microsoft.com/office/drawing/2017/decorative" val="1"/>
                </a:ext>
              </a:extLst>
            </p:cNvPr>
            <p:cNvGrpSpPr>
              <a:grpSpLocks/>
            </p:cNvGrpSpPr>
            <p:nvPr/>
          </p:nvGrpSpPr>
          <p:grpSpPr>
            <a:xfrm>
              <a:off x="9566473" y="2784594"/>
              <a:ext cx="2169289" cy="2859286"/>
              <a:chOff x="12802899" y="3817733"/>
              <a:chExt cx="1695842" cy="2196537"/>
            </a:xfrm>
          </p:grpSpPr>
          <p:sp>
            <p:nvSpPr>
              <p:cNvPr id="92" name="Kombinationstegning: figur 91">
                <a:extLst>
                  <a:ext uri="{FF2B5EF4-FFF2-40B4-BE49-F238E27FC236}">
                    <a16:creationId xmlns:a16="http://schemas.microsoft.com/office/drawing/2014/main" id="{62A64EBE-954D-42D5-08EB-5E9844728213}"/>
                  </a:ext>
                </a:extLst>
              </p:cNvPr>
              <p:cNvSpPr/>
              <p:nvPr/>
            </p:nvSpPr>
            <p:spPr>
              <a:xfrm>
                <a:off x="12802899" y="3817733"/>
                <a:ext cx="1695842" cy="2196537"/>
              </a:xfrm>
              <a:custGeom>
                <a:avLst/>
                <a:gdLst>
                  <a:gd name="connsiteX0" fmla="*/ 847921 w 1695842"/>
                  <a:gd name="connsiteY0" fmla="*/ 0 h 2196537"/>
                  <a:gd name="connsiteX1" fmla="*/ 0 w 1695842"/>
                  <a:gd name="connsiteY1" fmla="*/ 456734 h 2196537"/>
                  <a:gd name="connsiteX2" fmla="*/ 0 w 1695842"/>
                  <a:gd name="connsiteY2" fmla="*/ 2196537 h 2196537"/>
                  <a:gd name="connsiteX3" fmla="*/ 156196 w 1695842"/>
                  <a:gd name="connsiteY3" fmla="*/ 2196537 h 2196537"/>
                  <a:gd name="connsiteX4" fmla="*/ 156196 w 1695842"/>
                  <a:gd name="connsiteY4" fmla="*/ 732238 h 2196537"/>
                  <a:gd name="connsiteX5" fmla="*/ 1539647 w 1695842"/>
                  <a:gd name="connsiteY5" fmla="*/ 732238 h 2196537"/>
                  <a:gd name="connsiteX6" fmla="*/ 1539647 w 1695842"/>
                  <a:gd name="connsiteY6" fmla="*/ 2196537 h 2196537"/>
                  <a:gd name="connsiteX7" fmla="*/ 1695843 w 1695842"/>
                  <a:gd name="connsiteY7" fmla="*/ 2196537 h 2196537"/>
                  <a:gd name="connsiteX8" fmla="*/ 1695843 w 1695842"/>
                  <a:gd name="connsiteY8" fmla="*/ 456734 h 2196537"/>
                  <a:gd name="connsiteX9" fmla="*/ 1651215 w 1695842"/>
                  <a:gd name="connsiteY9" fmla="*/ 2137982 h 2196537"/>
                  <a:gd name="connsiteX10" fmla="*/ 1584274 w 1695842"/>
                  <a:gd name="connsiteY10" fmla="*/ 2137982 h 2196537"/>
                  <a:gd name="connsiteX11" fmla="*/ 1584274 w 1695842"/>
                  <a:gd name="connsiteY11" fmla="*/ 673682 h 2196537"/>
                  <a:gd name="connsiteX12" fmla="*/ 111569 w 1695842"/>
                  <a:gd name="connsiteY12" fmla="*/ 673682 h 2196537"/>
                  <a:gd name="connsiteX13" fmla="*/ 111569 w 1695842"/>
                  <a:gd name="connsiteY13" fmla="*/ 2137982 h 2196537"/>
                  <a:gd name="connsiteX14" fmla="*/ 44627 w 1695842"/>
                  <a:gd name="connsiteY14" fmla="*/ 2137982 h 2196537"/>
                  <a:gd name="connsiteX15" fmla="*/ 44627 w 1695842"/>
                  <a:gd name="connsiteY15" fmla="*/ 495937 h 2196537"/>
                  <a:gd name="connsiteX16" fmla="*/ 847921 w 1695842"/>
                  <a:gd name="connsiteY16" fmla="*/ 63386 h 2196537"/>
                  <a:gd name="connsiteX17" fmla="*/ 1651215 w 1695842"/>
                  <a:gd name="connsiteY17" fmla="*/ 495937 h 2196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695842" h="2196537">
                    <a:moveTo>
                      <a:pt x="847921" y="0"/>
                    </a:moveTo>
                    <a:lnTo>
                      <a:pt x="0" y="456734"/>
                    </a:lnTo>
                    <a:lnTo>
                      <a:pt x="0" y="2196537"/>
                    </a:lnTo>
                    <a:lnTo>
                      <a:pt x="156196" y="2196537"/>
                    </a:lnTo>
                    <a:lnTo>
                      <a:pt x="156196" y="732238"/>
                    </a:lnTo>
                    <a:lnTo>
                      <a:pt x="1539647" y="732238"/>
                    </a:lnTo>
                    <a:lnTo>
                      <a:pt x="1539647" y="2196537"/>
                    </a:lnTo>
                    <a:lnTo>
                      <a:pt x="1695843" y="2196537"/>
                    </a:lnTo>
                    <a:lnTo>
                      <a:pt x="1695843" y="456734"/>
                    </a:lnTo>
                    <a:close/>
                    <a:moveTo>
                      <a:pt x="1651215" y="2137982"/>
                    </a:moveTo>
                    <a:lnTo>
                      <a:pt x="1584274" y="2137982"/>
                    </a:lnTo>
                    <a:lnTo>
                      <a:pt x="1584274" y="673682"/>
                    </a:lnTo>
                    <a:lnTo>
                      <a:pt x="111569" y="673682"/>
                    </a:lnTo>
                    <a:lnTo>
                      <a:pt x="111569" y="2137982"/>
                    </a:lnTo>
                    <a:lnTo>
                      <a:pt x="44627" y="2137982"/>
                    </a:lnTo>
                    <a:lnTo>
                      <a:pt x="44627" y="495937"/>
                    </a:lnTo>
                    <a:lnTo>
                      <a:pt x="847921" y="63386"/>
                    </a:lnTo>
                    <a:lnTo>
                      <a:pt x="1651215" y="495937"/>
                    </a:lnTo>
                    <a:close/>
                  </a:path>
                </a:pathLst>
              </a:custGeom>
              <a:solidFill>
                <a:srgbClr val="000000"/>
              </a:solidFill>
              <a:ln w="22225" cap="flat">
                <a:noFill/>
                <a:prstDash val="solid"/>
                <a:miter/>
              </a:ln>
            </p:spPr>
            <p:txBody>
              <a:bodyPr rtlCol="0" anchor="ctr"/>
              <a:lstStyle/>
              <a:p>
                <a:endParaRPr lang="da-DK" noProof="0" dirty="0"/>
              </a:p>
            </p:txBody>
          </p:sp>
          <p:sp>
            <p:nvSpPr>
              <p:cNvPr id="93" name="Kombinationstegning: figur 92">
                <a:extLst>
                  <a:ext uri="{FF2B5EF4-FFF2-40B4-BE49-F238E27FC236}">
                    <a16:creationId xmlns:a16="http://schemas.microsoft.com/office/drawing/2014/main" id="{27D702F8-5AEB-B5A7-044D-FF7C2180FC92}"/>
                  </a:ext>
                </a:extLst>
              </p:cNvPr>
              <p:cNvSpPr/>
              <p:nvPr/>
            </p:nvSpPr>
            <p:spPr>
              <a:xfrm>
                <a:off x="13026036" y="4637511"/>
                <a:ext cx="1249568" cy="58555"/>
              </a:xfrm>
              <a:custGeom>
                <a:avLst/>
                <a:gdLst>
                  <a:gd name="connsiteX0" fmla="*/ 0 w 1249568"/>
                  <a:gd name="connsiteY0" fmla="*/ 0 h 58555"/>
                  <a:gd name="connsiteX1" fmla="*/ 1249568 w 1249568"/>
                  <a:gd name="connsiteY1" fmla="*/ 0 h 58555"/>
                  <a:gd name="connsiteX2" fmla="*/ 1249568 w 1249568"/>
                  <a:gd name="connsiteY2" fmla="*/ 58556 h 58555"/>
                  <a:gd name="connsiteX3" fmla="*/ 0 w 1249568"/>
                  <a:gd name="connsiteY3" fmla="*/ 58556 h 58555"/>
                </a:gdLst>
                <a:ahLst/>
                <a:cxnLst>
                  <a:cxn ang="0">
                    <a:pos x="connsiteX0" y="connsiteY0"/>
                  </a:cxn>
                  <a:cxn ang="0">
                    <a:pos x="connsiteX1" y="connsiteY1"/>
                  </a:cxn>
                  <a:cxn ang="0">
                    <a:pos x="connsiteX2" y="connsiteY2"/>
                  </a:cxn>
                  <a:cxn ang="0">
                    <a:pos x="connsiteX3" y="connsiteY3"/>
                  </a:cxn>
                </a:cxnLst>
                <a:rect l="l" t="t" r="r" b="b"/>
                <a:pathLst>
                  <a:path w="1249568" h="58555">
                    <a:moveTo>
                      <a:pt x="0" y="0"/>
                    </a:moveTo>
                    <a:lnTo>
                      <a:pt x="1249568" y="0"/>
                    </a:lnTo>
                    <a:lnTo>
                      <a:pt x="1249568" y="58556"/>
                    </a:lnTo>
                    <a:lnTo>
                      <a:pt x="0" y="58556"/>
                    </a:lnTo>
                    <a:close/>
                  </a:path>
                </a:pathLst>
              </a:custGeom>
              <a:solidFill>
                <a:srgbClr val="000000"/>
              </a:solidFill>
              <a:ln w="22225" cap="flat">
                <a:noFill/>
                <a:prstDash val="solid"/>
                <a:miter/>
              </a:ln>
            </p:spPr>
            <p:txBody>
              <a:bodyPr rtlCol="0" anchor="ctr"/>
              <a:lstStyle/>
              <a:p>
                <a:endParaRPr lang="da-DK" noProof="0" dirty="0"/>
              </a:p>
            </p:txBody>
          </p:sp>
          <p:sp>
            <p:nvSpPr>
              <p:cNvPr id="94" name="Kombinationstegning: figur 93">
                <a:extLst>
                  <a:ext uri="{FF2B5EF4-FFF2-40B4-BE49-F238E27FC236}">
                    <a16:creationId xmlns:a16="http://schemas.microsoft.com/office/drawing/2014/main" id="{7EABA50A-793F-5D0C-A24C-726515BE003B}"/>
                  </a:ext>
                </a:extLst>
              </p:cNvPr>
              <p:cNvSpPr/>
              <p:nvPr/>
            </p:nvSpPr>
            <p:spPr>
              <a:xfrm>
                <a:off x="13026036" y="4783900"/>
                <a:ext cx="1249568" cy="58555"/>
              </a:xfrm>
              <a:custGeom>
                <a:avLst/>
                <a:gdLst>
                  <a:gd name="connsiteX0" fmla="*/ 0 w 1249568"/>
                  <a:gd name="connsiteY0" fmla="*/ 0 h 58555"/>
                  <a:gd name="connsiteX1" fmla="*/ 1249568 w 1249568"/>
                  <a:gd name="connsiteY1" fmla="*/ 0 h 58555"/>
                  <a:gd name="connsiteX2" fmla="*/ 1249568 w 1249568"/>
                  <a:gd name="connsiteY2" fmla="*/ 58556 h 58555"/>
                  <a:gd name="connsiteX3" fmla="*/ 0 w 1249568"/>
                  <a:gd name="connsiteY3" fmla="*/ 58556 h 58555"/>
                </a:gdLst>
                <a:ahLst/>
                <a:cxnLst>
                  <a:cxn ang="0">
                    <a:pos x="connsiteX0" y="connsiteY0"/>
                  </a:cxn>
                  <a:cxn ang="0">
                    <a:pos x="connsiteX1" y="connsiteY1"/>
                  </a:cxn>
                  <a:cxn ang="0">
                    <a:pos x="connsiteX2" y="connsiteY2"/>
                  </a:cxn>
                  <a:cxn ang="0">
                    <a:pos x="connsiteX3" y="connsiteY3"/>
                  </a:cxn>
                </a:cxnLst>
                <a:rect l="l" t="t" r="r" b="b"/>
                <a:pathLst>
                  <a:path w="1249568" h="58555">
                    <a:moveTo>
                      <a:pt x="0" y="0"/>
                    </a:moveTo>
                    <a:lnTo>
                      <a:pt x="1249568" y="0"/>
                    </a:lnTo>
                    <a:lnTo>
                      <a:pt x="1249568" y="58556"/>
                    </a:lnTo>
                    <a:lnTo>
                      <a:pt x="0" y="58556"/>
                    </a:lnTo>
                    <a:close/>
                  </a:path>
                </a:pathLst>
              </a:custGeom>
              <a:solidFill>
                <a:srgbClr val="000000"/>
              </a:solidFill>
              <a:ln w="22225" cap="flat">
                <a:noFill/>
                <a:prstDash val="solid"/>
                <a:miter/>
              </a:ln>
            </p:spPr>
            <p:txBody>
              <a:bodyPr rtlCol="0" anchor="ctr"/>
              <a:lstStyle/>
              <a:p>
                <a:endParaRPr lang="da-DK" noProof="0" dirty="0"/>
              </a:p>
            </p:txBody>
          </p:sp>
          <p:sp>
            <p:nvSpPr>
              <p:cNvPr id="95" name="Kombinationstegning: figur 94">
                <a:extLst>
                  <a:ext uri="{FF2B5EF4-FFF2-40B4-BE49-F238E27FC236}">
                    <a16:creationId xmlns:a16="http://schemas.microsoft.com/office/drawing/2014/main" id="{6747FF7C-322D-FF00-27D3-2A1950174B2D}"/>
                  </a:ext>
                </a:extLst>
              </p:cNvPr>
              <p:cNvSpPr/>
              <p:nvPr/>
            </p:nvSpPr>
            <p:spPr>
              <a:xfrm>
                <a:off x="13026036" y="4930289"/>
                <a:ext cx="1249568" cy="58555"/>
              </a:xfrm>
              <a:custGeom>
                <a:avLst/>
                <a:gdLst>
                  <a:gd name="connsiteX0" fmla="*/ 0 w 1249568"/>
                  <a:gd name="connsiteY0" fmla="*/ 0 h 58555"/>
                  <a:gd name="connsiteX1" fmla="*/ 1249568 w 1249568"/>
                  <a:gd name="connsiteY1" fmla="*/ 0 h 58555"/>
                  <a:gd name="connsiteX2" fmla="*/ 1249568 w 1249568"/>
                  <a:gd name="connsiteY2" fmla="*/ 58556 h 58555"/>
                  <a:gd name="connsiteX3" fmla="*/ 0 w 1249568"/>
                  <a:gd name="connsiteY3" fmla="*/ 58556 h 58555"/>
                </a:gdLst>
                <a:ahLst/>
                <a:cxnLst>
                  <a:cxn ang="0">
                    <a:pos x="connsiteX0" y="connsiteY0"/>
                  </a:cxn>
                  <a:cxn ang="0">
                    <a:pos x="connsiteX1" y="connsiteY1"/>
                  </a:cxn>
                  <a:cxn ang="0">
                    <a:pos x="connsiteX2" y="connsiteY2"/>
                  </a:cxn>
                  <a:cxn ang="0">
                    <a:pos x="connsiteX3" y="connsiteY3"/>
                  </a:cxn>
                </a:cxnLst>
                <a:rect l="l" t="t" r="r" b="b"/>
                <a:pathLst>
                  <a:path w="1249568" h="58555">
                    <a:moveTo>
                      <a:pt x="0" y="0"/>
                    </a:moveTo>
                    <a:lnTo>
                      <a:pt x="1249568" y="0"/>
                    </a:lnTo>
                    <a:lnTo>
                      <a:pt x="1249568" y="58556"/>
                    </a:lnTo>
                    <a:lnTo>
                      <a:pt x="0" y="58556"/>
                    </a:lnTo>
                    <a:close/>
                  </a:path>
                </a:pathLst>
              </a:custGeom>
              <a:solidFill>
                <a:srgbClr val="000000"/>
              </a:solidFill>
              <a:ln w="22225" cap="flat">
                <a:noFill/>
                <a:prstDash val="solid"/>
                <a:miter/>
              </a:ln>
            </p:spPr>
            <p:txBody>
              <a:bodyPr rtlCol="0" anchor="ctr"/>
              <a:lstStyle/>
              <a:p>
                <a:endParaRPr lang="da-DK" noProof="0" dirty="0"/>
              </a:p>
            </p:txBody>
          </p:sp>
        </p:grpSp>
        <p:cxnSp>
          <p:nvCxnSpPr>
            <p:cNvPr id="73" name="Connector: Elbow 20">
              <a:extLst>
                <a:ext uri="{FF2B5EF4-FFF2-40B4-BE49-F238E27FC236}">
                  <a16:creationId xmlns:a16="http://schemas.microsoft.com/office/drawing/2014/main" id="{54890616-BFBC-0EAC-2C7A-17BEA373B361}"/>
                </a:ext>
                <a:ext uri="{C183D7F6-B498-43B3-948B-1728B52AA6E4}">
                  <adec:decorative xmlns:adec="http://schemas.microsoft.com/office/drawing/2017/decorative" val="1"/>
                </a:ext>
              </a:extLst>
            </p:cNvPr>
            <p:cNvCxnSpPr>
              <a:cxnSpLocks/>
              <a:stCxn id="72" idx="3"/>
              <a:endCxn id="49" idx="0"/>
            </p:cNvCxnSpPr>
            <p:nvPr/>
          </p:nvCxnSpPr>
          <p:spPr>
            <a:xfrm>
              <a:off x="8703733" y="4612463"/>
              <a:ext cx="2332651" cy="180489"/>
            </a:xfrm>
            <a:prstGeom prst="bentConnector3">
              <a:avLst>
                <a:gd name="adj1" fmla="val 50000"/>
              </a:avLst>
            </a:prstGeom>
            <a:ln w="12700">
              <a:solidFill>
                <a:srgbClr val="EE2F66"/>
              </a:solidFill>
              <a:prstDash val="dash"/>
              <a:tailEnd type="diamond"/>
            </a:ln>
          </p:spPr>
          <p:style>
            <a:lnRef idx="1">
              <a:schemeClr val="accent1"/>
            </a:lnRef>
            <a:fillRef idx="0">
              <a:schemeClr val="accent1"/>
            </a:fillRef>
            <a:effectRef idx="0">
              <a:schemeClr val="accent1"/>
            </a:effectRef>
            <a:fontRef idx="minor">
              <a:schemeClr val="tx1"/>
            </a:fontRef>
          </p:style>
        </p:cxnSp>
        <p:cxnSp>
          <p:nvCxnSpPr>
            <p:cNvPr id="67" name="Connector: Elbow 20">
              <a:extLst>
                <a:ext uri="{FF2B5EF4-FFF2-40B4-BE49-F238E27FC236}">
                  <a16:creationId xmlns:a16="http://schemas.microsoft.com/office/drawing/2014/main" id="{357B38C5-DE8F-4510-B87A-FEEB16DEFAA1}"/>
                </a:ext>
                <a:ext uri="{C183D7F6-B498-43B3-948B-1728B52AA6E4}">
                  <adec:decorative xmlns:adec="http://schemas.microsoft.com/office/drawing/2017/decorative" val="1"/>
                </a:ext>
              </a:extLst>
            </p:cNvPr>
            <p:cNvCxnSpPr>
              <a:cxnSpLocks/>
              <a:stCxn id="71" idx="3"/>
            </p:cNvCxnSpPr>
            <p:nvPr/>
          </p:nvCxnSpPr>
          <p:spPr>
            <a:xfrm flipV="1">
              <a:off x="8703733" y="3191546"/>
              <a:ext cx="1075267" cy="689430"/>
            </a:xfrm>
            <a:prstGeom prst="bentConnector3">
              <a:avLst>
                <a:gd name="adj1" fmla="val 50000"/>
              </a:avLst>
            </a:prstGeom>
            <a:ln w="12700">
              <a:solidFill>
                <a:srgbClr val="EE2F66"/>
              </a:solidFill>
              <a:prstDash val="dash"/>
              <a:tailEnd type="diamond"/>
            </a:ln>
          </p:spPr>
          <p:style>
            <a:lnRef idx="1">
              <a:schemeClr val="accent1"/>
            </a:lnRef>
            <a:fillRef idx="0">
              <a:schemeClr val="accent1"/>
            </a:fillRef>
            <a:effectRef idx="0">
              <a:schemeClr val="accent1"/>
            </a:effectRef>
            <a:fontRef idx="minor">
              <a:schemeClr val="tx1"/>
            </a:fontRef>
          </p:style>
        </p:cxnSp>
        <p:cxnSp>
          <p:nvCxnSpPr>
            <p:cNvPr id="85" name="Connector: Elbow 20">
              <a:extLst>
                <a:ext uri="{FF2B5EF4-FFF2-40B4-BE49-F238E27FC236}">
                  <a16:creationId xmlns:a16="http://schemas.microsoft.com/office/drawing/2014/main" id="{57D275B5-9275-6DAA-BE93-A32A851FA2EF}"/>
                </a:ext>
                <a:ext uri="{C183D7F6-B498-43B3-948B-1728B52AA6E4}">
                  <adec:decorative xmlns:adec="http://schemas.microsoft.com/office/drawing/2017/decorative" val="1"/>
                </a:ext>
              </a:extLst>
            </p:cNvPr>
            <p:cNvCxnSpPr>
              <a:cxnSpLocks/>
              <a:stCxn id="84" idx="3"/>
            </p:cNvCxnSpPr>
            <p:nvPr/>
          </p:nvCxnSpPr>
          <p:spPr>
            <a:xfrm flipV="1">
              <a:off x="8703733" y="5104499"/>
              <a:ext cx="1129167" cy="239451"/>
            </a:xfrm>
            <a:prstGeom prst="bentConnector3">
              <a:avLst>
                <a:gd name="adj1" fmla="val 50000"/>
              </a:avLst>
            </a:prstGeom>
            <a:ln w="12700">
              <a:solidFill>
                <a:srgbClr val="EE2F66"/>
              </a:solidFill>
              <a:prstDash val="dash"/>
              <a:tailEnd type="diamond"/>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2520901692"/>
      </p:ext>
    </p:extLst>
  </p:cSld>
  <p:clrMapOvr>
    <a:masterClrMapping/>
  </p:clrMapOvr>
  <p:transition>
    <p:fade/>
  </p:transition>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8E870C6-72E0-C73D-BB9D-DA1018FF3E4B}"/>
            </a:ext>
          </a:extLst>
        </p:cNvPr>
        <p:cNvGrpSpPr/>
        <p:nvPr/>
      </p:nvGrpSpPr>
      <p:grpSpPr>
        <a:xfrm>
          <a:off x="0" y="0"/>
          <a:ext cx="0" cy="0"/>
          <a:chOff x="0" y="0"/>
          <a:chExt cx="0" cy="0"/>
        </a:xfrm>
      </p:grpSpPr>
      <p:sp>
        <p:nvSpPr>
          <p:cNvPr id="26" name="Rectangle: Rounded Corners 25">
            <a:extLst>
              <a:ext uri="{FF2B5EF4-FFF2-40B4-BE49-F238E27FC236}">
                <a16:creationId xmlns:a16="http://schemas.microsoft.com/office/drawing/2014/main" id="{ABA00677-FFD8-2204-6EEA-A1F357CD13F6}"/>
              </a:ext>
            </a:extLst>
          </p:cNvPr>
          <p:cNvSpPr/>
          <p:nvPr/>
        </p:nvSpPr>
        <p:spPr>
          <a:xfrm>
            <a:off x="169304" y="11734"/>
            <a:ext cx="5928283"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a:solidFill>
                  <a:srgbClr val="36465A"/>
                </a:solidFill>
              </a:rPr>
              <a:t>Case 12 | Digital suverænitet i Region Syds OT-miljø</a:t>
            </a:r>
          </a:p>
        </p:txBody>
      </p:sp>
      <p:sp>
        <p:nvSpPr>
          <p:cNvPr id="52" name="Rectangle: Rounded Corners 51">
            <a:extLst>
              <a:ext uri="{FF2B5EF4-FFF2-40B4-BE49-F238E27FC236}">
                <a16:creationId xmlns:a16="http://schemas.microsoft.com/office/drawing/2014/main" id="{5E8C436C-B24F-CDD6-E355-C477059EE308}"/>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81" name="Rectangle: Rounded Corners 180">
            <a:extLst>
              <a:ext uri="{FF2B5EF4-FFF2-40B4-BE49-F238E27FC236}">
                <a16:creationId xmlns:a16="http://schemas.microsoft.com/office/drawing/2014/main" id="{07E2A3F1-2BC1-E68F-2EF1-93B203F96430}"/>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 name="Title 1">
            <a:extLst>
              <a:ext uri="{FF2B5EF4-FFF2-40B4-BE49-F238E27FC236}">
                <a16:creationId xmlns:a16="http://schemas.microsoft.com/office/drawing/2014/main" id="{4AACB884-AA65-B98A-4C61-50A63586FEFD}"/>
              </a:ext>
            </a:extLst>
          </p:cNvPr>
          <p:cNvSpPr>
            <a:spLocks noGrp="1"/>
          </p:cNvSpPr>
          <p:nvPr>
            <p:ph type="title"/>
          </p:nvPr>
        </p:nvSpPr>
        <p:spPr/>
        <p:txBody>
          <a:bodyPr/>
          <a:lstStyle/>
          <a:p>
            <a:r>
              <a:rPr lang="da-DK" sz="2200" noProof="0" dirty="0"/>
              <a:t>Side 3/3 | </a:t>
            </a:r>
            <a:r>
              <a:rPr lang="da-DK" sz="2200" b="1" noProof="0" dirty="0"/>
              <a:t>Teknologisk og organisatorisk transformation</a:t>
            </a:r>
            <a:endParaRPr lang="da-DK" sz="2200" noProof="0" dirty="0"/>
          </a:p>
        </p:txBody>
      </p:sp>
      <p:sp>
        <p:nvSpPr>
          <p:cNvPr id="10" name="Rectangle: Rounded Corners 9">
            <a:extLst>
              <a:ext uri="{FF2B5EF4-FFF2-40B4-BE49-F238E27FC236}">
                <a16:creationId xmlns:a16="http://schemas.microsoft.com/office/drawing/2014/main" id="{C6C86E5C-1E12-14F8-D0CA-71F09AA868D0}"/>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Teknologisk transformation</a:t>
            </a:r>
          </a:p>
        </p:txBody>
      </p:sp>
      <p:sp>
        <p:nvSpPr>
          <p:cNvPr id="3" name="Rectangle 2">
            <a:extLst>
              <a:ext uri="{FF2B5EF4-FFF2-40B4-BE49-F238E27FC236}">
                <a16:creationId xmlns:a16="http://schemas.microsoft.com/office/drawing/2014/main" id="{E94E064C-F38B-2463-BA5E-9806D8041EEA}"/>
              </a:ext>
            </a:extLst>
          </p:cNvPr>
          <p:cNvSpPr/>
          <p:nvPr/>
        </p:nvSpPr>
        <p:spPr>
          <a:xfrm>
            <a:off x="540228" y="2069025"/>
            <a:ext cx="3016457" cy="42422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50"/>
              </a:spcAft>
            </a:pPr>
            <a:r>
              <a:rPr lang="da-DK" sz="900" b="1" noProof="0">
                <a:solidFill>
                  <a:srgbClr val="36465A"/>
                </a:solidFill>
              </a:rPr>
              <a:t>Teknologisk målbillede</a:t>
            </a:r>
            <a:br>
              <a:rPr lang="da-DK" sz="900" b="1" noProof="0">
                <a:solidFill>
                  <a:schemeClr val="tx1"/>
                </a:solidFill>
              </a:rPr>
            </a:br>
            <a:r>
              <a:rPr lang="da-DK" sz="900" noProof="0">
                <a:solidFill>
                  <a:schemeClr val="tx1"/>
                </a:solidFill>
              </a:rPr>
              <a:t>Det teknologiske målbillede for projektet er en automatiseret lagerløsning, der drives lokalt og integreres med regionens eksisterende infrastruktur gennem åbne standarder. </a:t>
            </a:r>
          </a:p>
          <a:p>
            <a:pPr>
              <a:spcAft>
                <a:spcPts val="350"/>
              </a:spcAft>
            </a:pPr>
            <a:r>
              <a:rPr lang="da-DK" sz="900" noProof="0">
                <a:solidFill>
                  <a:schemeClr val="tx1"/>
                </a:solidFill>
              </a:rPr>
              <a:t>Autostore-systemet er valgt som en on</a:t>
            </a:r>
            <a:r>
              <a:rPr lang="da-DK" sz="900" noProof="0" dirty="0">
                <a:solidFill>
                  <a:schemeClr val="tx1"/>
                </a:solidFill>
              </a:rPr>
              <a:t>-</a:t>
            </a:r>
            <a:r>
              <a:rPr lang="da-DK" sz="900" noProof="0" err="1">
                <a:solidFill>
                  <a:schemeClr val="tx1"/>
                </a:solidFill>
              </a:rPr>
              <a:t>premise</a:t>
            </a:r>
            <a:r>
              <a:rPr lang="da-DK" sz="900" noProof="0" dirty="0">
                <a:solidFill>
                  <a:schemeClr val="tx1"/>
                </a:solidFill>
              </a:rPr>
              <a:t>-</a:t>
            </a:r>
            <a:r>
              <a:rPr lang="da-DK" sz="900" noProof="0">
                <a:solidFill>
                  <a:schemeClr val="tx1"/>
                </a:solidFill>
              </a:rPr>
              <a:t>løsning for at opfylde kravene om sikkerhed og kontrol, som følger af regionens strategi.</a:t>
            </a:r>
          </a:p>
          <a:p>
            <a:pPr>
              <a:spcAft>
                <a:spcPts val="350"/>
              </a:spcAft>
            </a:pPr>
            <a:r>
              <a:rPr lang="da-DK" sz="900" noProof="0">
                <a:solidFill>
                  <a:schemeClr val="tx1"/>
                </a:solidFill>
              </a:rPr>
              <a:t>Løsningen hostes i regionens eget datacenter i et </a:t>
            </a:r>
            <a:r>
              <a:rPr lang="da-DK" sz="900" noProof="0" err="1">
                <a:solidFill>
                  <a:schemeClr val="tx1"/>
                </a:solidFill>
              </a:rPr>
              <a:t>edge</a:t>
            </a:r>
            <a:r>
              <a:rPr lang="da-DK" sz="900" noProof="0">
                <a:solidFill>
                  <a:schemeClr val="tx1"/>
                </a:solidFill>
              </a:rPr>
              <a:t> </a:t>
            </a:r>
            <a:r>
              <a:rPr lang="da-DK" sz="900" noProof="0" err="1">
                <a:solidFill>
                  <a:schemeClr val="tx1"/>
                </a:solidFill>
              </a:rPr>
              <a:t>computing-setup</a:t>
            </a:r>
            <a:r>
              <a:rPr lang="da-DK" sz="900" noProof="0">
                <a:solidFill>
                  <a:schemeClr val="tx1"/>
                </a:solidFill>
              </a:rPr>
              <a:t>, der sikrer lav latenstid og stabil drift. Systemet skal understøtte effektiv lagerstyring og høj tilgængelighed samtidig med, at det indgår i regionens overordnede mål om robusthed og digitalisering af tekniske områder. </a:t>
            </a:r>
          </a:p>
          <a:p>
            <a:pPr>
              <a:spcAft>
                <a:spcPts val="350"/>
              </a:spcAft>
            </a:pPr>
            <a:endParaRPr lang="da-DK" sz="900" noProof="0">
              <a:solidFill>
                <a:schemeClr val="tx1"/>
              </a:solidFill>
            </a:endParaRPr>
          </a:p>
          <a:p>
            <a:pPr>
              <a:spcAft>
                <a:spcPts val="350"/>
              </a:spcAft>
            </a:pPr>
            <a:r>
              <a:rPr lang="da-DK" sz="900" b="1" noProof="0">
                <a:solidFill>
                  <a:srgbClr val="36465A"/>
                </a:solidFill>
              </a:rPr>
              <a:t>Udskiftning af teknologier </a:t>
            </a:r>
            <a:br>
              <a:rPr lang="da-DK" sz="900" b="1" noProof="0">
                <a:solidFill>
                  <a:srgbClr val="36465A"/>
                </a:solidFill>
              </a:rPr>
            </a:br>
            <a:r>
              <a:rPr lang="da-DK" sz="900" noProof="0">
                <a:solidFill>
                  <a:schemeClr val="tx1"/>
                </a:solidFill>
              </a:rPr>
              <a:t>Region Syddanmark har i forbindelse med projektet valgt at erstatte manuelle lagerprocesser med en fuldautomatisk løsning. Det betyder, at traditionelle reoler og plukarbejde erstattes af et autostore-system, hvor robotter håndterer lagerfunktionen. Dertil udskiftes det eksisterende lagerstyringssystem. Dette udbud er imidlertid endnu ikke påbegyndt. </a:t>
            </a:r>
          </a:p>
          <a:p>
            <a:pPr>
              <a:spcAft>
                <a:spcPts val="350"/>
              </a:spcAft>
            </a:pPr>
            <a:r>
              <a:rPr lang="da-DK" sz="900" noProof="0">
                <a:solidFill>
                  <a:schemeClr val="tx1"/>
                </a:solidFill>
              </a:rPr>
              <a:t>Udskiftningen reducerer behovet for fysisk håndtering, frigør plads og skaber mere præcise og effektive arbejdsgang samtidig med, at sikkerhed styrkes gennem lokal </a:t>
            </a:r>
            <a:r>
              <a:rPr lang="da-DK" sz="900" noProof="0" err="1">
                <a:solidFill>
                  <a:schemeClr val="tx1"/>
                </a:solidFill>
              </a:rPr>
              <a:t>hosting</a:t>
            </a:r>
            <a:r>
              <a:rPr lang="da-DK" sz="900" noProof="0">
                <a:solidFill>
                  <a:schemeClr val="tx1"/>
                </a:solidFill>
              </a:rPr>
              <a:t>.</a:t>
            </a:r>
          </a:p>
        </p:txBody>
      </p:sp>
      <p:sp>
        <p:nvSpPr>
          <p:cNvPr id="11" name="Rectangle: Rounded Corners 10">
            <a:extLst>
              <a:ext uri="{FF2B5EF4-FFF2-40B4-BE49-F238E27FC236}">
                <a16:creationId xmlns:a16="http://schemas.microsoft.com/office/drawing/2014/main" id="{6B9BC3A4-4AAE-B3C3-164C-16E9CFC4C1BF}"/>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Organisatorisk transformation</a:t>
            </a:r>
          </a:p>
        </p:txBody>
      </p:sp>
      <p:sp>
        <p:nvSpPr>
          <p:cNvPr id="5" name="Rectangle 4">
            <a:extLst>
              <a:ext uri="{FF2B5EF4-FFF2-40B4-BE49-F238E27FC236}">
                <a16:creationId xmlns:a16="http://schemas.microsoft.com/office/drawing/2014/main" id="{B558FA33-4E5A-3F2A-BDAC-577F3D7F2092}"/>
              </a:ext>
            </a:extLst>
          </p:cNvPr>
          <p:cNvSpPr/>
          <p:nvPr/>
        </p:nvSpPr>
        <p:spPr>
          <a:xfrm>
            <a:off x="3565418" y="2069025"/>
            <a:ext cx="2985319" cy="430386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Projektorganisering </a:t>
            </a:r>
          </a:p>
          <a:p>
            <a:r>
              <a:rPr lang="da-DK" sz="900" noProof="0">
                <a:solidFill>
                  <a:schemeClr val="tx1"/>
                </a:solidFill>
                <a:sym typeface="Wingdings" panose="05000000000000000000" pitchFamily="2" charset="2"/>
              </a:rPr>
              <a:t>Projektet er forankret i Region Syddanmarks Bygningsafdeling og gennemføres over perioden 2024-2027.</a:t>
            </a:r>
          </a:p>
          <a:p>
            <a:endParaRPr lang="da-DK" sz="900" noProof="0">
              <a:solidFill>
                <a:schemeClr val="tx1"/>
              </a:solidFill>
              <a:sym typeface="Wingdings" panose="05000000000000000000" pitchFamily="2" charset="2"/>
            </a:endParaRPr>
          </a:p>
          <a:p>
            <a:r>
              <a:rPr lang="da-DK" sz="900" noProof="0">
                <a:solidFill>
                  <a:schemeClr val="tx1"/>
                </a:solidFill>
                <a:sym typeface="Wingdings" panose="05000000000000000000" pitchFamily="2" charset="2"/>
              </a:rPr>
              <a:t>Projektet er opdelt i tre hovedudbud:</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Lagerautomatik (autostore): Udbuddet blev igangsat i 2024 og afsluttet i 2025 med forventet implementering i løbet af 2026-2027</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Lagerbygning: Udbuddet for opførelse af lagerbygning blev sendt i udbud i oktober 2025. Byggeriet forventes færdigt i 2027</a:t>
            </a:r>
          </a:p>
          <a:p>
            <a:pPr marL="171450" indent="-171450">
              <a:buFont typeface="Arial" panose="020B0604020202020204" pitchFamily="34" charset="0"/>
              <a:buChar char="•"/>
            </a:pPr>
            <a:r>
              <a:rPr lang="da-DK" sz="900" noProof="0">
                <a:solidFill>
                  <a:schemeClr val="tx1"/>
                </a:solidFill>
                <a:sym typeface="Wingdings" panose="05000000000000000000" pitchFamily="2" charset="2"/>
              </a:rPr>
              <a:t>Warehouse management </a:t>
            </a:r>
            <a:r>
              <a:rPr lang="da-DK" sz="900" noProof="0" dirty="0">
                <a:solidFill>
                  <a:schemeClr val="tx1"/>
                </a:solidFill>
                <a:sym typeface="Wingdings" panose="05000000000000000000" pitchFamily="2" charset="2"/>
              </a:rPr>
              <a:t>system</a:t>
            </a:r>
            <a:r>
              <a:rPr lang="da-DK" sz="900" noProof="0">
                <a:solidFill>
                  <a:schemeClr val="tx1"/>
                </a:solidFill>
                <a:sym typeface="Wingdings" panose="05000000000000000000" pitchFamily="2" charset="2"/>
              </a:rPr>
              <a:t>: Udbuddet gennemføres sidst i projektet og forventes ibrugtaget i 2027.</a:t>
            </a:r>
          </a:p>
          <a:p>
            <a:endParaRPr lang="da-DK" sz="900" b="1" noProof="0">
              <a:solidFill>
                <a:schemeClr val="tx1"/>
              </a:solidFill>
              <a:highlight>
                <a:srgbClr val="FFFF00"/>
              </a:highlight>
              <a:sym typeface="Wingdings" panose="05000000000000000000" pitchFamily="2" charset="2"/>
            </a:endParaRPr>
          </a:p>
          <a:p>
            <a:r>
              <a:rPr lang="da-DK" sz="900" b="1" noProof="0">
                <a:solidFill>
                  <a:srgbClr val="36465A"/>
                </a:solidFill>
                <a:sym typeface="Wingdings" panose="05000000000000000000" pitchFamily="2" charset="2"/>
              </a:rPr>
              <a:t>Forandringsledelse</a:t>
            </a:r>
          </a:p>
          <a:p>
            <a:r>
              <a:rPr lang="da-DK" sz="900" noProof="0">
                <a:solidFill>
                  <a:schemeClr val="tx1"/>
                </a:solidFill>
                <a:sym typeface="Wingdings" panose="05000000000000000000" pitchFamily="2" charset="2"/>
              </a:rPr>
              <a:t>Projektet indebærer ændringer i arbejdsgange og organisering, da lagerprocesser går fra manuel håndtering til i højere grad at være automatiseret. Der er ikke planlagt konkrete initiativer ift. forandringsledelse, men der forventes at være behov for oplæring af medarbejdere i brugen af </a:t>
            </a:r>
            <a:r>
              <a:rPr lang="da-DK" sz="900" noProof="0" dirty="0">
                <a:solidFill>
                  <a:schemeClr val="tx1"/>
                </a:solidFill>
                <a:sym typeface="Wingdings" panose="05000000000000000000" pitchFamily="2" charset="2"/>
              </a:rPr>
              <a:t>autostore</a:t>
            </a:r>
            <a:r>
              <a:rPr lang="da-DK" sz="900" noProof="0">
                <a:solidFill>
                  <a:schemeClr val="tx1"/>
                </a:solidFill>
                <a:sym typeface="Wingdings" panose="05000000000000000000" pitchFamily="2" charset="2"/>
              </a:rPr>
              <a:t>-systemet og det nye WMS.</a:t>
            </a:r>
          </a:p>
          <a:p>
            <a:endParaRPr lang="da-DK" sz="900"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pPr>
              <a:spcAft>
                <a:spcPts val="350"/>
              </a:spcAft>
            </a:pPr>
            <a:endParaRPr lang="da-DK" sz="900" b="1" noProof="0">
              <a:solidFill>
                <a:schemeClr val="tx1"/>
              </a:solidFill>
            </a:endParaRPr>
          </a:p>
        </p:txBody>
      </p:sp>
      <p:sp>
        <p:nvSpPr>
          <p:cNvPr id="7" name="Rectangle 6">
            <a:extLst>
              <a:ext uri="{FF2B5EF4-FFF2-40B4-BE49-F238E27FC236}">
                <a16:creationId xmlns:a16="http://schemas.microsoft.com/office/drawing/2014/main" id="{3BA3B667-7B16-8690-613D-7C0CBCC6ECAC}"/>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C961FDE4-D069-68AF-3EA6-19EE726CC11C}"/>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81508D6B-BDDE-99C3-62A0-FA781E8C1DEE}"/>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BA035A2B-7205-E4CB-3B5A-496422D9C4E7}"/>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E9EDFA69-4E0F-2216-13D6-A9270A8BAF07}"/>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 name="Freeform 29">
            <a:extLst>
              <a:ext uri="{FF2B5EF4-FFF2-40B4-BE49-F238E27FC236}">
                <a16:creationId xmlns:a16="http://schemas.microsoft.com/office/drawing/2014/main" id="{C6749F0B-DABC-E024-7D18-02E5E3EA91FA}"/>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21">
            <a:extLst>
              <a:ext uri="{FF2B5EF4-FFF2-40B4-BE49-F238E27FC236}">
                <a16:creationId xmlns:a16="http://schemas.microsoft.com/office/drawing/2014/main" id="{267B0113-E389-1F79-B9B5-B30938A50FDC}"/>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33" name="TextBox 32">
            <a:extLst>
              <a:ext uri="{FF2B5EF4-FFF2-40B4-BE49-F238E27FC236}">
                <a16:creationId xmlns:a16="http://schemas.microsoft.com/office/drawing/2014/main" id="{24FB06CE-25D0-08F3-0BE9-5D44FD0C7949}"/>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Omkostningsdrivere</a:t>
            </a:r>
          </a:p>
        </p:txBody>
      </p:sp>
      <p:sp>
        <p:nvSpPr>
          <p:cNvPr id="40" name="TextBox 39">
            <a:extLst>
              <a:ext uri="{FF2B5EF4-FFF2-40B4-BE49-F238E27FC236}">
                <a16:creationId xmlns:a16="http://schemas.microsoft.com/office/drawing/2014/main" id="{10053863-5F15-A6A5-F5A4-424B9CA10479}"/>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a:t>Midlertidige omkostninger</a:t>
            </a:r>
            <a:endParaRPr lang="da-DK" sz="900" noProof="0"/>
          </a:p>
          <a:p>
            <a:pPr>
              <a:lnSpc>
                <a:spcPct val="200000"/>
              </a:lnSpc>
            </a:pPr>
            <a:r>
              <a:rPr lang="da-DK" sz="900" noProof="0"/>
              <a:t>  Projektledelse </a:t>
            </a:r>
          </a:p>
          <a:p>
            <a:pPr>
              <a:lnSpc>
                <a:spcPct val="200000"/>
              </a:lnSpc>
            </a:pPr>
            <a:endParaRPr lang="da-DK" sz="900" noProof="0"/>
          </a:p>
          <a:p>
            <a:pPr>
              <a:lnSpc>
                <a:spcPct val="200000"/>
              </a:lnSpc>
            </a:pPr>
            <a:r>
              <a:rPr lang="da-DK" sz="900" noProof="0"/>
              <a:t>  Organisatorisk implementering</a:t>
            </a:r>
          </a:p>
          <a:p>
            <a:pPr>
              <a:lnSpc>
                <a:spcPct val="200000"/>
              </a:lnSpc>
            </a:pPr>
            <a:r>
              <a:rPr lang="da-DK" sz="900" noProof="0"/>
              <a:t> </a:t>
            </a:r>
          </a:p>
          <a:p>
            <a:pPr>
              <a:lnSpc>
                <a:spcPct val="200000"/>
              </a:lnSpc>
            </a:pPr>
            <a:r>
              <a:rPr lang="da-DK" sz="900" noProof="0"/>
              <a:t>  Teknisk implementering</a:t>
            </a:r>
          </a:p>
          <a:p>
            <a:pPr>
              <a:lnSpc>
                <a:spcPct val="150000"/>
              </a:lnSpc>
            </a:pPr>
            <a:endParaRPr lang="da-DK" sz="900" noProof="0"/>
          </a:p>
          <a:p>
            <a:pPr>
              <a:lnSpc>
                <a:spcPct val="150000"/>
              </a:lnSpc>
            </a:pPr>
            <a:endParaRPr lang="da-DK" sz="900" b="1" noProof="0">
              <a:solidFill>
                <a:srgbClr val="36465A"/>
              </a:solidFill>
            </a:endParaRPr>
          </a:p>
          <a:p>
            <a:pPr>
              <a:lnSpc>
                <a:spcPct val="150000"/>
              </a:lnSpc>
            </a:pPr>
            <a:r>
              <a:rPr lang="da-DK" sz="900" b="1" noProof="0">
                <a:solidFill>
                  <a:srgbClr val="36465A"/>
                </a:solidFill>
              </a:rPr>
              <a:t>Driftsomkostninger</a:t>
            </a:r>
          </a:p>
          <a:p>
            <a:pPr>
              <a:lnSpc>
                <a:spcPct val="200000"/>
              </a:lnSpc>
            </a:pPr>
            <a:r>
              <a:rPr lang="da-DK" sz="900" noProof="0">
                <a:solidFill>
                  <a:schemeClr val="accent4">
                    <a:lumMod val="50000"/>
                  </a:schemeClr>
                </a:solidFill>
              </a:rPr>
              <a:t>  Teknologi</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Nye kompetencer </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Drift og support</a:t>
            </a:r>
          </a:p>
        </p:txBody>
      </p:sp>
      <p:sp>
        <p:nvSpPr>
          <p:cNvPr id="29" name="Content Placeholder 5">
            <a:extLst>
              <a:ext uri="{FF2B5EF4-FFF2-40B4-BE49-F238E27FC236}">
                <a16:creationId xmlns:a16="http://schemas.microsoft.com/office/drawing/2014/main" id="{23FB3847-2DAC-DE10-8B58-D5B847CD2990}"/>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a:solidFill>
                  <a:schemeClr val="tx1"/>
                </a:solidFill>
              </a:rPr>
              <a:t>Omkostningsniveauer er udtryk for en relativ vurdering på tværs af cases foretaget af PA</a:t>
            </a:r>
          </a:p>
        </p:txBody>
      </p:sp>
      <p:grpSp>
        <p:nvGrpSpPr>
          <p:cNvPr id="55" name="Group 54" descr="Projektledelse er en lille til mellem midlertidig omkostningsdriver">
            <a:extLst>
              <a:ext uri="{FF2B5EF4-FFF2-40B4-BE49-F238E27FC236}">
                <a16:creationId xmlns:a16="http://schemas.microsoft.com/office/drawing/2014/main" id="{83CDB282-79AC-513C-733C-CDA02E4D6687}"/>
              </a:ext>
              <a:ext uri="{C183D7F6-B498-43B3-948B-1728B52AA6E4}">
                <adec:decorative xmlns:adec="http://schemas.microsoft.com/office/drawing/2017/decorative" val="0"/>
              </a:ext>
            </a:extLst>
          </p:cNvPr>
          <p:cNvGrpSpPr/>
          <p:nvPr/>
        </p:nvGrpSpPr>
        <p:grpSpPr>
          <a:xfrm>
            <a:off x="7290762" y="2788420"/>
            <a:ext cx="1577742" cy="265864"/>
            <a:chOff x="860772" y="4884291"/>
            <a:chExt cx="1487909" cy="250726"/>
          </a:xfrm>
        </p:grpSpPr>
        <p:grpSp>
          <p:nvGrpSpPr>
            <p:cNvPr id="56" name="Group 55">
              <a:extLst>
                <a:ext uri="{FF2B5EF4-FFF2-40B4-BE49-F238E27FC236}">
                  <a16:creationId xmlns:a16="http://schemas.microsoft.com/office/drawing/2014/main" id="{776E8C0A-9CF4-0264-1717-4F590FFD233C}"/>
                </a:ext>
              </a:extLst>
            </p:cNvPr>
            <p:cNvGrpSpPr/>
            <p:nvPr/>
          </p:nvGrpSpPr>
          <p:grpSpPr>
            <a:xfrm>
              <a:off x="860772" y="4884291"/>
              <a:ext cx="1487909" cy="212473"/>
              <a:chOff x="5354949" y="3009711"/>
              <a:chExt cx="1645739" cy="202758"/>
            </a:xfrm>
          </p:grpSpPr>
          <p:grpSp>
            <p:nvGrpSpPr>
              <p:cNvPr id="58" name="Group 57">
                <a:extLst>
                  <a:ext uri="{FF2B5EF4-FFF2-40B4-BE49-F238E27FC236}">
                    <a16:creationId xmlns:a16="http://schemas.microsoft.com/office/drawing/2014/main" id="{F6165C48-7FE0-2956-094D-EB95CDFDAAF3}"/>
                  </a:ext>
                </a:extLst>
              </p:cNvPr>
              <p:cNvGrpSpPr/>
              <p:nvPr/>
            </p:nvGrpSpPr>
            <p:grpSpPr>
              <a:xfrm>
                <a:off x="5458296" y="3153610"/>
                <a:ext cx="1445092" cy="45719"/>
                <a:chOff x="5458296" y="3153610"/>
                <a:chExt cx="1445092" cy="45719"/>
              </a:xfrm>
            </p:grpSpPr>
            <p:cxnSp>
              <p:nvCxnSpPr>
                <p:cNvPr id="62" name="Straight Connector 61">
                  <a:extLst>
                    <a:ext uri="{FF2B5EF4-FFF2-40B4-BE49-F238E27FC236}">
                      <a16:creationId xmlns:a16="http://schemas.microsoft.com/office/drawing/2014/main" id="{6FD95D49-E556-40E6-1466-F88FD408BAEA}"/>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63" name="Oval 62">
                  <a:extLst>
                    <a:ext uri="{FF2B5EF4-FFF2-40B4-BE49-F238E27FC236}">
                      <a16:creationId xmlns:a16="http://schemas.microsoft.com/office/drawing/2014/main" id="{76E2FE11-0A1D-9415-97CC-AB053938FD3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64" name="Oval 63">
                  <a:extLst>
                    <a:ext uri="{FF2B5EF4-FFF2-40B4-BE49-F238E27FC236}">
                      <a16:creationId xmlns:a16="http://schemas.microsoft.com/office/drawing/2014/main" id="{95BDBB7E-7640-3E15-8739-36572B4AD91D}"/>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59" name="Straight Connector 58">
                <a:extLst>
                  <a:ext uri="{FF2B5EF4-FFF2-40B4-BE49-F238E27FC236}">
                    <a16:creationId xmlns:a16="http://schemas.microsoft.com/office/drawing/2014/main" id="{13C1EA16-7D00-83EA-F60F-2CEDC5B33822}"/>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0" name="TextBox 59">
                <a:extLst>
                  <a:ext uri="{FF2B5EF4-FFF2-40B4-BE49-F238E27FC236}">
                    <a16:creationId xmlns:a16="http://schemas.microsoft.com/office/drawing/2014/main" id="{A663714D-A5AD-E95B-39CB-9855D0023083}"/>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61" name="TextBox 60">
                <a:extLst>
                  <a:ext uri="{FF2B5EF4-FFF2-40B4-BE49-F238E27FC236}">
                    <a16:creationId xmlns:a16="http://schemas.microsoft.com/office/drawing/2014/main" id="{938E6FA7-DC8D-4C1D-0903-936D66F3BE38}"/>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57" name="Oval 56">
              <a:extLst>
                <a:ext uri="{FF2B5EF4-FFF2-40B4-BE49-F238E27FC236}">
                  <a16:creationId xmlns:a16="http://schemas.microsoft.com/office/drawing/2014/main" id="{B052AE5B-5D8B-5DFD-B871-148D23AFEB9C}"/>
                </a:ext>
              </a:extLst>
            </p:cNvPr>
            <p:cNvSpPr>
              <a:spLocks/>
            </p:cNvSpPr>
            <p:nvPr/>
          </p:nvSpPr>
          <p:spPr>
            <a:xfrm>
              <a:off x="1390513"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31" name="Group 130" descr="Organisatorisk implermentering er en lille til mellem midlertidig omkostningsdriver">
            <a:extLst>
              <a:ext uri="{FF2B5EF4-FFF2-40B4-BE49-F238E27FC236}">
                <a16:creationId xmlns:a16="http://schemas.microsoft.com/office/drawing/2014/main" id="{42A1DAD8-F045-1AE4-22C0-7FD7CB1FC233}"/>
              </a:ext>
              <a:ext uri="{C183D7F6-B498-43B3-948B-1728B52AA6E4}">
                <adec:decorative xmlns:adec="http://schemas.microsoft.com/office/drawing/2017/decorative" val="0"/>
              </a:ext>
            </a:extLst>
          </p:cNvPr>
          <p:cNvGrpSpPr/>
          <p:nvPr/>
        </p:nvGrpSpPr>
        <p:grpSpPr>
          <a:xfrm>
            <a:off x="7290762" y="3344608"/>
            <a:ext cx="1577742" cy="265864"/>
            <a:chOff x="860772" y="4884291"/>
            <a:chExt cx="1487909" cy="250726"/>
          </a:xfrm>
        </p:grpSpPr>
        <p:grpSp>
          <p:nvGrpSpPr>
            <p:cNvPr id="132" name="Group 131">
              <a:extLst>
                <a:ext uri="{FF2B5EF4-FFF2-40B4-BE49-F238E27FC236}">
                  <a16:creationId xmlns:a16="http://schemas.microsoft.com/office/drawing/2014/main" id="{0A49B403-56BD-80B0-9143-0429CC7AC773}"/>
                </a:ext>
              </a:extLst>
            </p:cNvPr>
            <p:cNvGrpSpPr/>
            <p:nvPr/>
          </p:nvGrpSpPr>
          <p:grpSpPr>
            <a:xfrm>
              <a:off x="860772" y="4884291"/>
              <a:ext cx="1487909" cy="212473"/>
              <a:chOff x="5354949" y="3009711"/>
              <a:chExt cx="1645739" cy="202758"/>
            </a:xfrm>
          </p:grpSpPr>
          <p:grpSp>
            <p:nvGrpSpPr>
              <p:cNvPr id="134" name="Group 133">
                <a:extLst>
                  <a:ext uri="{FF2B5EF4-FFF2-40B4-BE49-F238E27FC236}">
                    <a16:creationId xmlns:a16="http://schemas.microsoft.com/office/drawing/2014/main" id="{186327DE-154C-9F17-3D7F-34F2B1FD90EF}"/>
                  </a:ext>
                </a:extLst>
              </p:cNvPr>
              <p:cNvGrpSpPr/>
              <p:nvPr/>
            </p:nvGrpSpPr>
            <p:grpSpPr>
              <a:xfrm>
                <a:off x="5458296" y="3153610"/>
                <a:ext cx="1445092" cy="45719"/>
                <a:chOff x="5458296" y="3153610"/>
                <a:chExt cx="1445092" cy="45719"/>
              </a:xfrm>
            </p:grpSpPr>
            <p:cxnSp>
              <p:nvCxnSpPr>
                <p:cNvPr id="138" name="Straight Connector 137">
                  <a:extLst>
                    <a:ext uri="{FF2B5EF4-FFF2-40B4-BE49-F238E27FC236}">
                      <a16:creationId xmlns:a16="http://schemas.microsoft.com/office/drawing/2014/main" id="{BFACAF49-4EC6-1EEC-5DF0-53CA90DB4054}"/>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39" name="Oval 138">
                  <a:extLst>
                    <a:ext uri="{FF2B5EF4-FFF2-40B4-BE49-F238E27FC236}">
                      <a16:creationId xmlns:a16="http://schemas.microsoft.com/office/drawing/2014/main" id="{88CC8592-1483-C971-EA7A-FA9AE98623BC}"/>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40" name="Oval 139">
                  <a:extLst>
                    <a:ext uri="{FF2B5EF4-FFF2-40B4-BE49-F238E27FC236}">
                      <a16:creationId xmlns:a16="http://schemas.microsoft.com/office/drawing/2014/main" id="{173E85E5-894C-58FA-DB47-47F0B13193CD}"/>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35" name="Straight Connector 134">
                <a:extLst>
                  <a:ext uri="{FF2B5EF4-FFF2-40B4-BE49-F238E27FC236}">
                    <a16:creationId xmlns:a16="http://schemas.microsoft.com/office/drawing/2014/main" id="{9628CD59-097F-DA9B-014A-D05EFCC81D1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36" name="TextBox 135">
                <a:extLst>
                  <a:ext uri="{FF2B5EF4-FFF2-40B4-BE49-F238E27FC236}">
                    <a16:creationId xmlns:a16="http://schemas.microsoft.com/office/drawing/2014/main" id="{D08A9BDC-48F5-EF9B-F85A-38154D075641}"/>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37" name="TextBox 136">
                <a:extLst>
                  <a:ext uri="{FF2B5EF4-FFF2-40B4-BE49-F238E27FC236}">
                    <a16:creationId xmlns:a16="http://schemas.microsoft.com/office/drawing/2014/main" id="{244F606C-EA1A-4E6C-245D-4C1CB989680D}"/>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33" name="Oval 132">
              <a:extLst>
                <a:ext uri="{FF2B5EF4-FFF2-40B4-BE49-F238E27FC236}">
                  <a16:creationId xmlns:a16="http://schemas.microsoft.com/office/drawing/2014/main" id="{612B398D-E282-7A12-7565-20462B755682}"/>
                </a:ext>
              </a:extLst>
            </p:cNvPr>
            <p:cNvSpPr/>
            <p:nvPr/>
          </p:nvSpPr>
          <p:spPr>
            <a:xfrm>
              <a:off x="1090275"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231" name="Group 230" descr="Teknisk implementering er en lille til mellem midlertidig omkostningsdriver">
            <a:extLst>
              <a:ext uri="{FF2B5EF4-FFF2-40B4-BE49-F238E27FC236}">
                <a16:creationId xmlns:a16="http://schemas.microsoft.com/office/drawing/2014/main" id="{7CD501D7-2030-A6A2-1FE0-612D0AD6074A}"/>
              </a:ext>
              <a:ext uri="{C183D7F6-B498-43B3-948B-1728B52AA6E4}">
                <adec:decorative xmlns:adec="http://schemas.microsoft.com/office/drawing/2017/decorative" val="0"/>
              </a:ext>
            </a:extLst>
          </p:cNvPr>
          <p:cNvGrpSpPr/>
          <p:nvPr/>
        </p:nvGrpSpPr>
        <p:grpSpPr>
          <a:xfrm>
            <a:off x="7290762" y="3922767"/>
            <a:ext cx="1577741" cy="265864"/>
            <a:chOff x="860772" y="4884291"/>
            <a:chExt cx="1487909" cy="250726"/>
          </a:xfrm>
        </p:grpSpPr>
        <p:grpSp>
          <p:nvGrpSpPr>
            <p:cNvPr id="232" name="Group 231">
              <a:extLst>
                <a:ext uri="{FF2B5EF4-FFF2-40B4-BE49-F238E27FC236}">
                  <a16:creationId xmlns:a16="http://schemas.microsoft.com/office/drawing/2014/main" id="{14EA9E65-A73C-F013-DC8D-49724E582755}"/>
                </a:ext>
              </a:extLst>
            </p:cNvPr>
            <p:cNvGrpSpPr/>
            <p:nvPr/>
          </p:nvGrpSpPr>
          <p:grpSpPr>
            <a:xfrm>
              <a:off x="860772" y="4884291"/>
              <a:ext cx="1487909" cy="212473"/>
              <a:chOff x="5354949" y="3009711"/>
              <a:chExt cx="1645739" cy="202758"/>
            </a:xfrm>
          </p:grpSpPr>
          <p:grpSp>
            <p:nvGrpSpPr>
              <p:cNvPr id="234" name="Group 233">
                <a:extLst>
                  <a:ext uri="{FF2B5EF4-FFF2-40B4-BE49-F238E27FC236}">
                    <a16:creationId xmlns:a16="http://schemas.microsoft.com/office/drawing/2014/main" id="{8C1E2C22-CBD9-15E2-38E5-B7B1FD55AB2E}"/>
                  </a:ext>
                </a:extLst>
              </p:cNvPr>
              <p:cNvGrpSpPr/>
              <p:nvPr/>
            </p:nvGrpSpPr>
            <p:grpSpPr>
              <a:xfrm>
                <a:off x="5458296" y="3153610"/>
                <a:ext cx="1445092" cy="45719"/>
                <a:chOff x="5458296" y="3153610"/>
                <a:chExt cx="1445092" cy="45719"/>
              </a:xfrm>
            </p:grpSpPr>
            <p:cxnSp>
              <p:nvCxnSpPr>
                <p:cNvPr id="238" name="Straight Connector 237">
                  <a:extLst>
                    <a:ext uri="{FF2B5EF4-FFF2-40B4-BE49-F238E27FC236}">
                      <a16:creationId xmlns:a16="http://schemas.microsoft.com/office/drawing/2014/main" id="{91961B65-6C0A-FE7E-0C1B-EF5955E050D8}"/>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39" name="Oval 238">
                  <a:extLst>
                    <a:ext uri="{FF2B5EF4-FFF2-40B4-BE49-F238E27FC236}">
                      <a16:creationId xmlns:a16="http://schemas.microsoft.com/office/drawing/2014/main" id="{B9AAD4CC-4EB1-0D6B-3451-B95C0F0CDBC0}"/>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40" name="Oval 239">
                  <a:extLst>
                    <a:ext uri="{FF2B5EF4-FFF2-40B4-BE49-F238E27FC236}">
                      <a16:creationId xmlns:a16="http://schemas.microsoft.com/office/drawing/2014/main" id="{48B9E3EA-D259-91F4-B62B-C586EC962AB0}"/>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35" name="Straight Connector 234">
                <a:extLst>
                  <a:ext uri="{FF2B5EF4-FFF2-40B4-BE49-F238E27FC236}">
                    <a16:creationId xmlns:a16="http://schemas.microsoft.com/office/drawing/2014/main" id="{8D6CE57D-BD8B-98A3-99F6-597F1F88536B}"/>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36" name="TextBox 235">
                <a:extLst>
                  <a:ext uri="{FF2B5EF4-FFF2-40B4-BE49-F238E27FC236}">
                    <a16:creationId xmlns:a16="http://schemas.microsoft.com/office/drawing/2014/main" id="{3ECBDFC6-6A0C-DFF1-3ED2-3D204AA5CE8B}"/>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37" name="TextBox 236">
                <a:extLst>
                  <a:ext uri="{FF2B5EF4-FFF2-40B4-BE49-F238E27FC236}">
                    <a16:creationId xmlns:a16="http://schemas.microsoft.com/office/drawing/2014/main" id="{E4BEB95E-0D77-4DF8-2287-6C6DD929642C}"/>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233" name="Oval 232">
              <a:extLst>
                <a:ext uri="{FF2B5EF4-FFF2-40B4-BE49-F238E27FC236}">
                  <a16:creationId xmlns:a16="http://schemas.microsoft.com/office/drawing/2014/main" id="{6A6A5C2B-7DFD-D1A6-0411-87DA1AD39F33}"/>
                </a:ext>
              </a:extLst>
            </p:cNvPr>
            <p:cNvSpPr/>
            <p:nvPr/>
          </p:nvSpPr>
          <p:spPr>
            <a:xfrm>
              <a:off x="136182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51" name="Group 150" descr="Teknologi er en lille til mellem driftsomkostning">
            <a:extLst>
              <a:ext uri="{FF2B5EF4-FFF2-40B4-BE49-F238E27FC236}">
                <a16:creationId xmlns:a16="http://schemas.microsoft.com/office/drawing/2014/main" id="{9D1D5AB3-68B7-41D4-D229-DE75A05CDA20}"/>
              </a:ext>
              <a:ext uri="{C183D7F6-B498-43B3-948B-1728B52AA6E4}">
                <adec:decorative xmlns:adec="http://schemas.microsoft.com/office/drawing/2017/decorative" val="0"/>
              </a:ext>
            </a:extLst>
          </p:cNvPr>
          <p:cNvGrpSpPr/>
          <p:nvPr/>
        </p:nvGrpSpPr>
        <p:grpSpPr>
          <a:xfrm>
            <a:off x="7290762" y="4818452"/>
            <a:ext cx="1577742" cy="265864"/>
            <a:chOff x="860772" y="4884291"/>
            <a:chExt cx="1487909" cy="250726"/>
          </a:xfrm>
        </p:grpSpPr>
        <p:grpSp>
          <p:nvGrpSpPr>
            <p:cNvPr id="152" name="Group 151">
              <a:extLst>
                <a:ext uri="{FF2B5EF4-FFF2-40B4-BE49-F238E27FC236}">
                  <a16:creationId xmlns:a16="http://schemas.microsoft.com/office/drawing/2014/main" id="{F5AB5D7F-0D39-1946-E683-9427EB9EA381}"/>
                </a:ext>
              </a:extLst>
            </p:cNvPr>
            <p:cNvGrpSpPr/>
            <p:nvPr/>
          </p:nvGrpSpPr>
          <p:grpSpPr>
            <a:xfrm>
              <a:off x="860772" y="4884291"/>
              <a:ext cx="1487909" cy="212473"/>
              <a:chOff x="5354949" y="3009711"/>
              <a:chExt cx="1645739" cy="202758"/>
            </a:xfrm>
          </p:grpSpPr>
          <p:grpSp>
            <p:nvGrpSpPr>
              <p:cNvPr id="154" name="Group 153">
                <a:extLst>
                  <a:ext uri="{FF2B5EF4-FFF2-40B4-BE49-F238E27FC236}">
                    <a16:creationId xmlns:a16="http://schemas.microsoft.com/office/drawing/2014/main" id="{9E303FC4-BDAA-7317-DD46-9DB5B2B71D4E}"/>
                  </a:ext>
                </a:extLst>
              </p:cNvPr>
              <p:cNvGrpSpPr/>
              <p:nvPr/>
            </p:nvGrpSpPr>
            <p:grpSpPr>
              <a:xfrm>
                <a:off x="5458296" y="3153610"/>
                <a:ext cx="1445092" cy="45719"/>
                <a:chOff x="5458296" y="3153610"/>
                <a:chExt cx="1445092" cy="45719"/>
              </a:xfrm>
            </p:grpSpPr>
            <p:cxnSp>
              <p:nvCxnSpPr>
                <p:cNvPr id="158" name="Straight Connector 157">
                  <a:extLst>
                    <a:ext uri="{FF2B5EF4-FFF2-40B4-BE49-F238E27FC236}">
                      <a16:creationId xmlns:a16="http://schemas.microsoft.com/office/drawing/2014/main" id="{187B3BA5-9725-C740-12E0-334A3B4096AA}"/>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59" name="Oval 158">
                  <a:extLst>
                    <a:ext uri="{FF2B5EF4-FFF2-40B4-BE49-F238E27FC236}">
                      <a16:creationId xmlns:a16="http://schemas.microsoft.com/office/drawing/2014/main" id="{2337E924-0DF1-D040-EF9A-584EA259DDC5}"/>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60" name="Oval 159">
                  <a:extLst>
                    <a:ext uri="{FF2B5EF4-FFF2-40B4-BE49-F238E27FC236}">
                      <a16:creationId xmlns:a16="http://schemas.microsoft.com/office/drawing/2014/main" id="{8623B931-1180-DE25-23F7-BF3FB5E9ACA4}"/>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55" name="Straight Connector 154">
                <a:extLst>
                  <a:ext uri="{FF2B5EF4-FFF2-40B4-BE49-F238E27FC236}">
                    <a16:creationId xmlns:a16="http://schemas.microsoft.com/office/drawing/2014/main" id="{5926EEF0-1D24-4F9C-8BDD-7C3FD68F8A2E}"/>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56" name="TextBox 155">
                <a:extLst>
                  <a:ext uri="{FF2B5EF4-FFF2-40B4-BE49-F238E27FC236}">
                    <a16:creationId xmlns:a16="http://schemas.microsoft.com/office/drawing/2014/main" id="{9A9EB618-0AAB-3683-B049-A2ED1A68AD7F}"/>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57" name="TextBox 156">
                <a:extLst>
                  <a:ext uri="{FF2B5EF4-FFF2-40B4-BE49-F238E27FC236}">
                    <a16:creationId xmlns:a16="http://schemas.microsoft.com/office/drawing/2014/main" id="{F54E522F-56E9-E0A9-1E04-27DC7D97E3BB}"/>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53" name="Oval 152">
              <a:extLst>
                <a:ext uri="{FF2B5EF4-FFF2-40B4-BE49-F238E27FC236}">
                  <a16:creationId xmlns:a16="http://schemas.microsoft.com/office/drawing/2014/main" id="{E6D5DE4B-E438-3F85-F8BA-6C3F4ACA54AE}"/>
                </a:ext>
              </a:extLst>
            </p:cNvPr>
            <p:cNvSpPr/>
            <p:nvPr/>
          </p:nvSpPr>
          <p:spPr>
            <a:xfrm>
              <a:off x="117653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61" name="Group 160" descr="Nye komeptencer er en lille til mellem driftsomkostning">
            <a:extLst>
              <a:ext uri="{FF2B5EF4-FFF2-40B4-BE49-F238E27FC236}">
                <a16:creationId xmlns:a16="http://schemas.microsoft.com/office/drawing/2014/main" id="{8F0E340B-E16A-AB29-A311-C641B4A6D633}"/>
              </a:ext>
              <a:ext uri="{C183D7F6-B498-43B3-948B-1728B52AA6E4}">
                <adec:decorative xmlns:adec="http://schemas.microsoft.com/office/drawing/2017/decorative" val="0"/>
              </a:ext>
            </a:extLst>
          </p:cNvPr>
          <p:cNvGrpSpPr/>
          <p:nvPr/>
        </p:nvGrpSpPr>
        <p:grpSpPr>
          <a:xfrm>
            <a:off x="7290762" y="5350882"/>
            <a:ext cx="1577742" cy="265864"/>
            <a:chOff x="860772" y="4884291"/>
            <a:chExt cx="1487909" cy="250726"/>
          </a:xfrm>
        </p:grpSpPr>
        <p:grpSp>
          <p:nvGrpSpPr>
            <p:cNvPr id="162" name="Group 161">
              <a:extLst>
                <a:ext uri="{FF2B5EF4-FFF2-40B4-BE49-F238E27FC236}">
                  <a16:creationId xmlns:a16="http://schemas.microsoft.com/office/drawing/2014/main" id="{146C6F12-64EC-4A17-5A72-177A922F1419}"/>
                </a:ext>
              </a:extLst>
            </p:cNvPr>
            <p:cNvGrpSpPr/>
            <p:nvPr/>
          </p:nvGrpSpPr>
          <p:grpSpPr>
            <a:xfrm>
              <a:off x="860772" y="4884291"/>
              <a:ext cx="1487909" cy="212473"/>
              <a:chOff x="5354949" y="3009711"/>
              <a:chExt cx="1645739" cy="202758"/>
            </a:xfrm>
          </p:grpSpPr>
          <p:grpSp>
            <p:nvGrpSpPr>
              <p:cNvPr id="164" name="Group 163">
                <a:extLst>
                  <a:ext uri="{FF2B5EF4-FFF2-40B4-BE49-F238E27FC236}">
                    <a16:creationId xmlns:a16="http://schemas.microsoft.com/office/drawing/2014/main" id="{BD11BA8A-1A79-C7B4-D388-A585537697E9}"/>
                  </a:ext>
                </a:extLst>
              </p:cNvPr>
              <p:cNvGrpSpPr/>
              <p:nvPr/>
            </p:nvGrpSpPr>
            <p:grpSpPr>
              <a:xfrm>
                <a:off x="5458296" y="3153610"/>
                <a:ext cx="1445092" cy="45719"/>
                <a:chOff x="5458296" y="3153610"/>
                <a:chExt cx="1445092" cy="45719"/>
              </a:xfrm>
            </p:grpSpPr>
            <p:cxnSp>
              <p:nvCxnSpPr>
                <p:cNvPr id="168" name="Straight Connector 167">
                  <a:extLst>
                    <a:ext uri="{FF2B5EF4-FFF2-40B4-BE49-F238E27FC236}">
                      <a16:creationId xmlns:a16="http://schemas.microsoft.com/office/drawing/2014/main" id="{A7BA3785-F11C-9939-2C4D-66EBAFC8E890}"/>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69" name="Oval 168">
                  <a:extLst>
                    <a:ext uri="{FF2B5EF4-FFF2-40B4-BE49-F238E27FC236}">
                      <a16:creationId xmlns:a16="http://schemas.microsoft.com/office/drawing/2014/main" id="{1EF72E15-CF68-146A-138B-4319C062A462}"/>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70" name="Oval 169">
                  <a:extLst>
                    <a:ext uri="{FF2B5EF4-FFF2-40B4-BE49-F238E27FC236}">
                      <a16:creationId xmlns:a16="http://schemas.microsoft.com/office/drawing/2014/main" id="{01078A8D-499B-099D-403B-6B32E48EB67F}"/>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65" name="Straight Connector 164">
                <a:extLst>
                  <a:ext uri="{FF2B5EF4-FFF2-40B4-BE49-F238E27FC236}">
                    <a16:creationId xmlns:a16="http://schemas.microsoft.com/office/drawing/2014/main" id="{1284EE2C-A818-C110-D55C-0D1C7152DFC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6" name="TextBox 165">
                <a:extLst>
                  <a:ext uri="{FF2B5EF4-FFF2-40B4-BE49-F238E27FC236}">
                    <a16:creationId xmlns:a16="http://schemas.microsoft.com/office/drawing/2014/main" id="{029D92CC-A2A3-BAA3-9BBA-49B073FAF95D}"/>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67" name="TextBox 166">
                <a:extLst>
                  <a:ext uri="{FF2B5EF4-FFF2-40B4-BE49-F238E27FC236}">
                    <a16:creationId xmlns:a16="http://schemas.microsoft.com/office/drawing/2014/main" id="{81303606-82EF-F2D1-2C32-9DED8D863085}"/>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63" name="Oval 162">
              <a:extLst>
                <a:ext uri="{FF2B5EF4-FFF2-40B4-BE49-F238E27FC236}">
                  <a16:creationId xmlns:a16="http://schemas.microsoft.com/office/drawing/2014/main" id="{BDE76768-826F-DDE5-311E-DEEB6D971E6B}"/>
                </a:ext>
              </a:extLst>
            </p:cNvPr>
            <p:cNvSpPr/>
            <p:nvPr/>
          </p:nvSpPr>
          <p:spPr>
            <a:xfrm>
              <a:off x="103253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71" name="Group 170" descr="Drift og support er en lille til mellem driftsomkostning">
            <a:extLst>
              <a:ext uri="{FF2B5EF4-FFF2-40B4-BE49-F238E27FC236}">
                <a16:creationId xmlns:a16="http://schemas.microsoft.com/office/drawing/2014/main" id="{D44B11EC-E63C-759A-B969-63C0CA6E0B42}"/>
              </a:ext>
              <a:ext uri="{C183D7F6-B498-43B3-948B-1728B52AA6E4}">
                <adec:decorative xmlns:adec="http://schemas.microsoft.com/office/drawing/2017/decorative" val="0"/>
              </a:ext>
            </a:extLst>
          </p:cNvPr>
          <p:cNvGrpSpPr/>
          <p:nvPr/>
        </p:nvGrpSpPr>
        <p:grpSpPr>
          <a:xfrm>
            <a:off x="7290762" y="5883313"/>
            <a:ext cx="1577742" cy="265864"/>
            <a:chOff x="860772" y="4884291"/>
            <a:chExt cx="1487909" cy="250726"/>
          </a:xfrm>
        </p:grpSpPr>
        <p:grpSp>
          <p:nvGrpSpPr>
            <p:cNvPr id="172" name="Group 171">
              <a:extLst>
                <a:ext uri="{FF2B5EF4-FFF2-40B4-BE49-F238E27FC236}">
                  <a16:creationId xmlns:a16="http://schemas.microsoft.com/office/drawing/2014/main" id="{C79B5D0F-87E2-A5F6-A26C-825DFAF49014}"/>
                </a:ext>
              </a:extLst>
            </p:cNvPr>
            <p:cNvGrpSpPr/>
            <p:nvPr/>
          </p:nvGrpSpPr>
          <p:grpSpPr>
            <a:xfrm>
              <a:off x="860772" y="4884291"/>
              <a:ext cx="1487909" cy="212473"/>
              <a:chOff x="5354949" y="3009711"/>
              <a:chExt cx="1645739" cy="202758"/>
            </a:xfrm>
          </p:grpSpPr>
          <p:grpSp>
            <p:nvGrpSpPr>
              <p:cNvPr id="174" name="Group 173">
                <a:extLst>
                  <a:ext uri="{FF2B5EF4-FFF2-40B4-BE49-F238E27FC236}">
                    <a16:creationId xmlns:a16="http://schemas.microsoft.com/office/drawing/2014/main" id="{0A48F26E-6A22-5C0F-A232-CDF251992B03}"/>
                  </a:ext>
                </a:extLst>
              </p:cNvPr>
              <p:cNvGrpSpPr/>
              <p:nvPr/>
            </p:nvGrpSpPr>
            <p:grpSpPr>
              <a:xfrm>
                <a:off x="5458296" y="3153610"/>
                <a:ext cx="1445092" cy="45719"/>
                <a:chOff x="5458296" y="3153610"/>
                <a:chExt cx="1445092" cy="45719"/>
              </a:xfrm>
            </p:grpSpPr>
            <p:cxnSp>
              <p:nvCxnSpPr>
                <p:cNvPr id="178" name="Straight Connector 177">
                  <a:extLst>
                    <a:ext uri="{FF2B5EF4-FFF2-40B4-BE49-F238E27FC236}">
                      <a16:creationId xmlns:a16="http://schemas.microsoft.com/office/drawing/2014/main" id="{C8220C17-0EC7-1659-1930-261D88C939BE}"/>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79" name="Oval 178">
                  <a:extLst>
                    <a:ext uri="{FF2B5EF4-FFF2-40B4-BE49-F238E27FC236}">
                      <a16:creationId xmlns:a16="http://schemas.microsoft.com/office/drawing/2014/main" id="{243B764E-F93F-5EE9-5963-D294F0B63505}"/>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80" name="Oval 179">
                  <a:extLst>
                    <a:ext uri="{FF2B5EF4-FFF2-40B4-BE49-F238E27FC236}">
                      <a16:creationId xmlns:a16="http://schemas.microsoft.com/office/drawing/2014/main" id="{5C449532-E39F-F8AE-2AD9-830E9A526F9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75" name="Straight Connector 174">
                <a:extLst>
                  <a:ext uri="{FF2B5EF4-FFF2-40B4-BE49-F238E27FC236}">
                    <a16:creationId xmlns:a16="http://schemas.microsoft.com/office/drawing/2014/main" id="{EAEACAB9-15C5-29F1-5651-9C0D776A8DD8}"/>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6" name="TextBox 175">
                <a:extLst>
                  <a:ext uri="{FF2B5EF4-FFF2-40B4-BE49-F238E27FC236}">
                    <a16:creationId xmlns:a16="http://schemas.microsoft.com/office/drawing/2014/main" id="{53F498ED-20D3-0040-3600-9465E985C190}"/>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77" name="TextBox 176">
                <a:extLst>
                  <a:ext uri="{FF2B5EF4-FFF2-40B4-BE49-F238E27FC236}">
                    <a16:creationId xmlns:a16="http://schemas.microsoft.com/office/drawing/2014/main" id="{021C717B-FF17-B196-2F22-ECECCEAD6AD4}"/>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73" name="Oval 172">
              <a:extLst>
                <a:ext uri="{FF2B5EF4-FFF2-40B4-BE49-F238E27FC236}">
                  <a16:creationId xmlns:a16="http://schemas.microsoft.com/office/drawing/2014/main" id="{93527636-43D7-C22E-B371-77A71780518D}"/>
                </a:ext>
              </a:extLst>
            </p:cNvPr>
            <p:cNvSpPr/>
            <p:nvPr/>
          </p:nvSpPr>
          <p:spPr>
            <a:xfrm>
              <a:off x="119612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41" name="Group 40">
            <a:extLst>
              <a:ext uri="{FF2B5EF4-FFF2-40B4-BE49-F238E27FC236}">
                <a16:creationId xmlns:a16="http://schemas.microsoft.com/office/drawing/2014/main" id="{886FC982-2062-8FFE-8654-BA27E206E197}"/>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42" name="Oval 41">
              <a:extLst>
                <a:ext uri="{FF2B5EF4-FFF2-40B4-BE49-F238E27FC236}">
                  <a16:creationId xmlns:a16="http://schemas.microsoft.com/office/drawing/2014/main" id="{F7B87961-18DD-7A5E-D51F-6ED5DDAF38CC}"/>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3" name="Freeform 11">
              <a:extLst>
                <a:ext uri="{FF2B5EF4-FFF2-40B4-BE49-F238E27FC236}">
                  <a16:creationId xmlns:a16="http://schemas.microsoft.com/office/drawing/2014/main" id="{CB590ED3-DF67-7ACA-4A5F-E15BE4608354}"/>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212" name="Group 211">
            <a:extLst>
              <a:ext uri="{FF2B5EF4-FFF2-40B4-BE49-F238E27FC236}">
                <a16:creationId xmlns:a16="http://schemas.microsoft.com/office/drawing/2014/main" id="{6CE956F4-294F-F74B-77CC-48D93E135AE3}"/>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129" name="Oval 128">
              <a:extLst>
                <a:ext uri="{FF2B5EF4-FFF2-40B4-BE49-F238E27FC236}">
                  <a16:creationId xmlns:a16="http://schemas.microsoft.com/office/drawing/2014/main" id="{3661D2AB-90FE-6062-FBD7-EA478647DB7C}"/>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30" name="Freeform 19">
              <a:extLst>
                <a:ext uri="{FF2B5EF4-FFF2-40B4-BE49-F238E27FC236}">
                  <a16:creationId xmlns:a16="http://schemas.microsoft.com/office/drawing/2014/main" id="{052FD958-A8D9-9FDF-D59D-B53E6A90C343}"/>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pic>
        <p:nvPicPr>
          <p:cNvPr id="219" name="Graphic 9">
            <a:extLst>
              <a:ext uri="{FF2B5EF4-FFF2-40B4-BE49-F238E27FC236}">
                <a16:creationId xmlns:a16="http://schemas.microsoft.com/office/drawing/2014/main" id="{EC7B8CF8-2BD5-C224-6B5E-1D7341F0375C}"/>
              </a:ext>
              <a:ext uri="{C183D7F6-B498-43B3-948B-1728B52AA6E4}">
                <adec:decorative xmlns:adec="http://schemas.microsoft.com/office/drawing/2017/decorative" val="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473144" y="4350702"/>
            <a:ext cx="431800" cy="349250"/>
          </a:xfrm>
          <a:prstGeom prst="rect">
            <a:avLst/>
          </a:prstGeom>
        </p:spPr>
      </p:pic>
      <p:sp>
        <p:nvSpPr>
          <p:cNvPr id="220" name="TextBox 219">
            <a:extLst>
              <a:ext uri="{FF2B5EF4-FFF2-40B4-BE49-F238E27FC236}">
                <a16:creationId xmlns:a16="http://schemas.microsoft.com/office/drawing/2014/main" id="{C42E5510-841D-CDA9-04B7-EE33544A6013}"/>
              </a:ext>
            </a:extLst>
          </p:cNvPr>
          <p:cNvSpPr txBox="1"/>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Nøgletal</a:t>
            </a:r>
          </a:p>
        </p:txBody>
      </p:sp>
      <p:sp>
        <p:nvSpPr>
          <p:cNvPr id="222" name="TextBox 221">
            <a:extLst>
              <a:ext uri="{FF2B5EF4-FFF2-40B4-BE49-F238E27FC236}">
                <a16:creationId xmlns:a16="http://schemas.microsoft.com/office/drawing/2014/main" id="{4AB2C95A-BCC7-0089-E78C-CD138E4E4B43}"/>
              </a:ext>
            </a:extLst>
          </p:cNvPr>
          <p:cNvSpPr txBox="1"/>
          <p:nvPr/>
        </p:nvSpPr>
        <p:spPr>
          <a:xfrm>
            <a:off x="10342144" y="2668066"/>
            <a:ext cx="1578671" cy="800219"/>
          </a:xfrm>
          <a:prstGeom prst="rect">
            <a:avLst/>
          </a:prstGeom>
          <a:noFill/>
        </p:spPr>
        <p:txBody>
          <a:bodyPr wrap="square">
            <a:spAutoFit/>
          </a:bodyPr>
          <a:lstStyle/>
          <a:p>
            <a:r>
              <a:rPr lang="da-DK" sz="1400" noProof="0" dirty="0">
                <a:solidFill>
                  <a:srgbClr val="EE2F66"/>
                </a:solidFill>
              </a:rPr>
              <a:t>11,5 mio. kr.</a:t>
            </a:r>
          </a:p>
          <a:p>
            <a:r>
              <a:rPr lang="da-DK" sz="800" noProof="0" dirty="0"/>
              <a:t>i forventede udgifter til autostore-anlægget med yderligere 4,5 mio. kr. i optioner. </a:t>
            </a:r>
          </a:p>
        </p:txBody>
      </p:sp>
      <p:sp>
        <p:nvSpPr>
          <p:cNvPr id="225" name="TextBox 224">
            <a:extLst>
              <a:ext uri="{FF2B5EF4-FFF2-40B4-BE49-F238E27FC236}">
                <a16:creationId xmlns:a16="http://schemas.microsoft.com/office/drawing/2014/main" id="{EA7BACA2-3904-B758-F799-601C3D4055E2}"/>
              </a:ext>
            </a:extLst>
          </p:cNvPr>
          <p:cNvSpPr txBox="1"/>
          <p:nvPr/>
        </p:nvSpPr>
        <p:spPr>
          <a:xfrm>
            <a:off x="10330124" y="3549234"/>
            <a:ext cx="1519861" cy="800219"/>
          </a:xfrm>
          <a:prstGeom prst="rect">
            <a:avLst/>
          </a:prstGeom>
          <a:noFill/>
        </p:spPr>
        <p:txBody>
          <a:bodyPr wrap="square">
            <a:spAutoFit/>
          </a:bodyPr>
          <a:lstStyle/>
          <a:p>
            <a:r>
              <a:rPr lang="da-DK" sz="1400" noProof="0" dirty="0">
                <a:solidFill>
                  <a:srgbClr val="EE2F66"/>
                </a:solidFill>
              </a:rPr>
              <a:t>88 mio. kr.</a:t>
            </a:r>
          </a:p>
          <a:p>
            <a:r>
              <a:rPr lang="da-DK" sz="800" noProof="0" dirty="0"/>
              <a:t>er afsat af Regionsrådet til projektet, herunder bygningsopførelse og grundkøb.</a:t>
            </a:r>
          </a:p>
        </p:txBody>
      </p:sp>
      <p:sp>
        <p:nvSpPr>
          <p:cNvPr id="228" name="TextBox 227">
            <a:extLst>
              <a:ext uri="{FF2B5EF4-FFF2-40B4-BE49-F238E27FC236}">
                <a16:creationId xmlns:a16="http://schemas.microsoft.com/office/drawing/2014/main" id="{08B9DFC5-47F4-34ED-3B7D-97821CAD9056}"/>
              </a:ext>
            </a:extLst>
          </p:cNvPr>
          <p:cNvSpPr txBox="1"/>
          <p:nvPr/>
        </p:nvSpPr>
        <p:spPr>
          <a:xfrm>
            <a:off x="10318104" y="2033118"/>
            <a:ext cx="1519861" cy="553998"/>
          </a:xfrm>
          <a:prstGeom prst="rect">
            <a:avLst/>
          </a:prstGeom>
          <a:noFill/>
        </p:spPr>
        <p:txBody>
          <a:bodyPr wrap="square">
            <a:spAutoFit/>
          </a:bodyPr>
          <a:lstStyle/>
          <a:p>
            <a:r>
              <a:rPr lang="da-DK" sz="1400" noProof="0" dirty="0">
                <a:solidFill>
                  <a:srgbClr val="EE2F66"/>
                </a:solidFill>
              </a:rPr>
              <a:t>2.500 m² </a:t>
            </a:r>
            <a:endParaRPr lang="da-DK" sz="1400" noProof="0" dirty="0">
              <a:solidFill>
                <a:srgbClr val="2C8027"/>
              </a:solidFill>
            </a:endParaRPr>
          </a:p>
          <a:p>
            <a:r>
              <a:rPr lang="da-DK" sz="800" noProof="0" dirty="0"/>
              <a:t>lager til almindelige og sterile materialer.</a:t>
            </a:r>
          </a:p>
        </p:txBody>
      </p:sp>
      <p:sp>
        <p:nvSpPr>
          <p:cNvPr id="223" name="Freeform 9">
            <a:extLst>
              <a:ext uri="{FF2B5EF4-FFF2-40B4-BE49-F238E27FC236}">
                <a16:creationId xmlns:a16="http://schemas.microsoft.com/office/drawing/2014/main" id="{5C99F447-5108-4CF1-E6EF-4C9FD34DC737}"/>
              </a:ext>
              <a:ext uri="{C183D7F6-B498-43B3-948B-1728B52AA6E4}">
                <adec:decorative xmlns:adec="http://schemas.microsoft.com/office/drawing/2017/decorative" val="1"/>
              </a:ext>
            </a:extLst>
          </p:cNvPr>
          <p:cNvSpPr>
            <a:spLocks noEditPoints="1"/>
          </p:cNvSpPr>
          <p:nvPr/>
        </p:nvSpPr>
        <p:spPr bwMode="auto">
          <a:xfrm>
            <a:off x="9689044" y="2824178"/>
            <a:ext cx="383113" cy="368290"/>
          </a:xfrm>
          <a:custGeom>
            <a:avLst/>
            <a:gdLst>
              <a:gd name="T0" fmla="*/ 168 w 208"/>
              <a:gd name="T1" fmla="*/ 56 h 200"/>
              <a:gd name="T2" fmla="*/ 56 w 208"/>
              <a:gd name="T3" fmla="*/ 56 h 200"/>
              <a:gd name="T4" fmla="*/ 112 w 208"/>
              <a:gd name="T5" fmla="*/ 8 h 200"/>
              <a:gd name="T6" fmla="*/ 112 w 208"/>
              <a:gd name="T7" fmla="*/ 104 h 200"/>
              <a:gd name="T8" fmla="*/ 112 w 208"/>
              <a:gd name="T9" fmla="*/ 8 h 200"/>
              <a:gd name="T10" fmla="*/ 24 w 208"/>
              <a:gd name="T11" fmla="*/ 168 h 200"/>
              <a:gd name="T12" fmla="*/ 24 w 208"/>
              <a:gd name="T13" fmla="*/ 184 h 200"/>
              <a:gd name="T14" fmla="*/ 207 w 208"/>
              <a:gd name="T15" fmla="*/ 117 h 200"/>
              <a:gd name="T16" fmla="*/ 190 w 208"/>
              <a:gd name="T17" fmla="*/ 108 h 200"/>
              <a:gd name="T18" fmla="*/ 170 w 208"/>
              <a:gd name="T19" fmla="*/ 108 h 200"/>
              <a:gd name="T20" fmla="*/ 150 w 208"/>
              <a:gd name="T21" fmla="*/ 108 h 200"/>
              <a:gd name="T22" fmla="*/ 130 w 208"/>
              <a:gd name="T23" fmla="*/ 120 h 200"/>
              <a:gd name="T24" fmla="*/ 61 w 208"/>
              <a:gd name="T25" fmla="*/ 130 h 200"/>
              <a:gd name="T26" fmla="*/ 48 w 208"/>
              <a:gd name="T27" fmla="*/ 140 h 200"/>
              <a:gd name="T28" fmla="*/ 47 w 208"/>
              <a:gd name="T29" fmla="*/ 129 h 200"/>
              <a:gd name="T30" fmla="*/ 4 w 208"/>
              <a:gd name="T31" fmla="*/ 128 h 200"/>
              <a:gd name="T32" fmla="*/ 4 w 208"/>
              <a:gd name="T33" fmla="*/ 136 h 200"/>
              <a:gd name="T34" fmla="*/ 40 w 208"/>
              <a:gd name="T35" fmla="*/ 192 h 200"/>
              <a:gd name="T36" fmla="*/ 0 w 208"/>
              <a:gd name="T37" fmla="*/ 196 h 200"/>
              <a:gd name="T38" fmla="*/ 44 w 208"/>
              <a:gd name="T39" fmla="*/ 200 h 200"/>
              <a:gd name="T40" fmla="*/ 48 w 208"/>
              <a:gd name="T41" fmla="*/ 196 h 200"/>
              <a:gd name="T42" fmla="*/ 96 w 208"/>
              <a:gd name="T43" fmla="*/ 192 h 200"/>
              <a:gd name="T44" fmla="*/ 153 w 208"/>
              <a:gd name="T45" fmla="*/ 176 h 200"/>
              <a:gd name="T46" fmla="*/ 207 w 208"/>
              <a:gd name="T47" fmla="*/ 123 h 200"/>
              <a:gd name="T48" fmla="*/ 207 w 208"/>
              <a:gd name="T49" fmla="*/ 117 h 200"/>
              <a:gd name="T50" fmla="*/ 150 w 208"/>
              <a:gd name="T51" fmla="*/ 116 h 200"/>
              <a:gd name="T52" fmla="*/ 140 w 208"/>
              <a:gd name="T53" fmla="*/ 130 h 200"/>
              <a:gd name="T54" fmla="*/ 140 w 208"/>
              <a:gd name="T55" fmla="*/ 124 h 200"/>
              <a:gd name="T56" fmla="*/ 143 w 208"/>
              <a:gd name="T57" fmla="*/ 119 h 200"/>
              <a:gd name="T58" fmla="*/ 170 w 208"/>
              <a:gd name="T59" fmla="*/ 116 h 200"/>
              <a:gd name="T60" fmla="*/ 146 w 208"/>
              <a:gd name="T61" fmla="*/ 144 h 200"/>
              <a:gd name="T62" fmla="*/ 163 w 208"/>
              <a:gd name="T63" fmla="*/ 119 h 200"/>
              <a:gd name="T64" fmla="*/ 95 w 208"/>
              <a:gd name="T65" fmla="*/ 184 h 200"/>
              <a:gd name="T66" fmla="*/ 48 w 208"/>
              <a:gd name="T67" fmla="*/ 148 h 200"/>
              <a:gd name="T68" fmla="*/ 66 w 208"/>
              <a:gd name="T69" fmla="*/ 135 h 200"/>
              <a:gd name="T70" fmla="*/ 132 w 208"/>
              <a:gd name="T71" fmla="*/ 128 h 200"/>
              <a:gd name="T72" fmla="*/ 120 w 208"/>
              <a:gd name="T73" fmla="*/ 140 h 200"/>
              <a:gd name="T74" fmla="*/ 92 w 208"/>
              <a:gd name="T75" fmla="*/ 146 h 200"/>
              <a:gd name="T76" fmla="*/ 148 w 208"/>
              <a:gd name="T77" fmla="*/ 152 h 200"/>
              <a:gd name="T78" fmla="*/ 183 w 208"/>
              <a:gd name="T79" fmla="*/ 119 h 200"/>
              <a:gd name="T80" fmla="*/ 197 w 208"/>
              <a:gd name="T81" fmla="*/ 119 h 200"/>
              <a:gd name="T82" fmla="*/ 150 w 208"/>
              <a:gd name="T83" fmla="*/ 168 h 200"/>
              <a:gd name="T84" fmla="*/ 116 w 208"/>
              <a:gd name="T85" fmla="*/ 60 h 200"/>
              <a:gd name="T86" fmla="*/ 116 w 208"/>
              <a:gd name="T87" fmla="*/ 76 h 200"/>
              <a:gd name="T88" fmla="*/ 92 w 208"/>
              <a:gd name="T89" fmla="*/ 80 h 200"/>
              <a:gd name="T90" fmla="*/ 108 w 208"/>
              <a:gd name="T91" fmla="*/ 84 h 200"/>
              <a:gd name="T92" fmla="*/ 112 w 208"/>
              <a:gd name="T93" fmla="*/ 96 h 200"/>
              <a:gd name="T94" fmla="*/ 116 w 208"/>
              <a:gd name="T95" fmla="*/ 84 h 200"/>
              <a:gd name="T96" fmla="*/ 116 w 208"/>
              <a:gd name="T97" fmla="*/ 52 h 200"/>
              <a:gd name="T98" fmla="*/ 100 w 208"/>
              <a:gd name="T99" fmla="*/ 44 h 200"/>
              <a:gd name="T100" fmla="*/ 128 w 208"/>
              <a:gd name="T101" fmla="*/ 36 h 200"/>
              <a:gd name="T102" fmla="*/ 128 w 208"/>
              <a:gd name="T103" fmla="*/ 28 h 200"/>
              <a:gd name="T104" fmla="*/ 116 w 208"/>
              <a:gd name="T105" fmla="*/ 28 h 200"/>
              <a:gd name="T106" fmla="*/ 112 w 208"/>
              <a:gd name="T107" fmla="*/ 16 h 200"/>
              <a:gd name="T108" fmla="*/ 108 w 208"/>
              <a:gd name="T109" fmla="*/ 28 h 200"/>
              <a:gd name="T110" fmla="*/ 92 w 208"/>
              <a:gd name="T111" fmla="*/ 44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208" h="200">
                <a:moveTo>
                  <a:pt x="112" y="112"/>
                </a:moveTo>
                <a:cubicBezTo>
                  <a:pt x="143" y="112"/>
                  <a:pt x="168" y="87"/>
                  <a:pt x="168" y="56"/>
                </a:cubicBezTo>
                <a:cubicBezTo>
                  <a:pt x="168" y="25"/>
                  <a:pt x="143" y="0"/>
                  <a:pt x="112" y="0"/>
                </a:cubicBezTo>
                <a:cubicBezTo>
                  <a:pt x="81" y="0"/>
                  <a:pt x="56" y="25"/>
                  <a:pt x="56" y="56"/>
                </a:cubicBezTo>
                <a:cubicBezTo>
                  <a:pt x="56" y="87"/>
                  <a:pt x="81" y="112"/>
                  <a:pt x="112" y="112"/>
                </a:cubicBezTo>
                <a:close/>
                <a:moveTo>
                  <a:pt x="112" y="8"/>
                </a:moveTo>
                <a:cubicBezTo>
                  <a:pt x="139" y="8"/>
                  <a:pt x="160" y="29"/>
                  <a:pt x="160" y="56"/>
                </a:cubicBezTo>
                <a:cubicBezTo>
                  <a:pt x="160" y="83"/>
                  <a:pt x="139" y="104"/>
                  <a:pt x="112" y="104"/>
                </a:cubicBezTo>
                <a:cubicBezTo>
                  <a:pt x="85" y="104"/>
                  <a:pt x="64" y="83"/>
                  <a:pt x="64" y="56"/>
                </a:cubicBezTo>
                <a:cubicBezTo>
                  <a:pt x="64" y="29"/>
                  <a:pt x="85" y="8"/>
                  <a:pt x="112" y="8"/>
                </a:cubicBezTo>
                <a:close/>
                <a:moveTo>
                  <a:pt x="32" y="176"/>
                </a:moveTo>
                <a:cubicBezTo>
                  <a:pt x="32" y="172"/>
                  <a:pt x="28" y="168"/>
                  <a:pt x="24" y="168"/>
                </a:cubicBezTo>
                <a:cubicBezTo>
                  <a:pt x="20" y="168"/>
                  <a:pt x="16" y="172"/>
                  <a:pt x="16" y="176"/>
                </a:cubicBezTo>
                <a:cubicBezTo>
                  <a:pt x="16" y="180"/>
                  <a:pt x="20" y="184"/>
                  <a:pt x="24" y="184"/>
                </a:cubicBezTo>
                <a:cubicBezTo>
                  <a:pt x="28" y="184"/>
                  <a:pt x="32" y="180"/>
                  <a:pt x="32" y="176"/>
                </a:cubicBezTo>
                <a:close/>
                <a:moveTo>
                  <a:pt x="207" y="117"/>
                </a:moveTo>
                <a:cubicBezTo>
                  <a:pt x="203" y="113"/>
                  <a:pt x="203" y="113"/>
                  <a:pt x="203" y="113"/>
                </a:cubicBezTo>
                <a:cubicBezTo>
                  <a:pt x="199" y="110"/>
                  <a:pt x="195" y="108"/>
                  <a:pt x="190" y="108"/>
                </a:cubicBezTo>
                <a:cubicBezTo>
                  <a:pt x="187" y="108"/>
                  <a:pt x="183" y="109"/>
                  <a:pt x="180" y="111"/>
                </a:cubicBezTo>
                <a:cubicBezTo>
                  <a:pt x="177" y="109"/>
                  <a:pt x="173" y="108"/>
                  <a:pt x="170" y="108"/>
                </a:cubicBezTo>
                <a:cubicBezTo>
                  <a:pt x="167" y="108"/>
                  <a:pt x="163" y="109"/>
                  <a:pt x="160" y="111"/>
                </a:cubicBezTo>
                <a:cubicBezTo>
                  <a:pt x="157" y="109"/>
                  <a:pt x="153" y="108"/>
                  <a:pt x="150" y="108"/>
                </a:cubicBezTo>
                <a:cubicBezTo>
                  <a:pt x="145" y="108"/>
                  <a:pt x="141" y="110"/>
                  <a:pt x="137" y="113"/>
                </a:cubicBezTo>
                <a:cubicBezTo>
                  <a:pt x="130" y="120"/>
                  <a:pt x="130" y="120"/>
                  <a:pt x="130" y="120"/>
                </a:cubicBezTo>
                <a:cubicBezTo>
                  <a:pt x="84" y="120"/>
                  <a:pt x="84" y="120"/>
                  <a:pt x="84" y="120"/>
                </a:cubicBezTo>
                <a:cubicBezTo>
                  <a:pt x="75" y="120"/>
                  <a:pt x="67" y="123"/>
                  <a:pt x="61" y="130"/>
                </a:cubicBezTo>
                <a:cubicBezTo>
                  <a:pt x="52" y="138"/>
                  <a:pt x="52" y="138"/>
                  <a:pt x="52" y="138"/>
                </a:cubicBezTo>
                <a:cubicBezTo>
                  <a:pt x="51" y="139"/>
                  <a:pt x="49" y="140"/>
                  <a:pt x="48" y="140"/>
                </a:cubicBezTo>
                <a:cubicBezTo>
                  <a:pt x="48" y="132"/>
                  <a:pt x="48" y="132"/>
                  <a:pt x="48" y="132"/>
                </a:cubicBezTo>
                <a:cubicBezTo>
                  <a:pt x="48" y="131"/>
                  <a:pt x="48" y="130"/>
                  <a:pt x="47" y="129"/>
                </a:cubicBezTo>
                <a:cubicBezTo>
                  <a:pt x="46" y="128"/>
                  <a:pt x="45" y="128"/>
                  <a:pt x="44" y="128"/>
                </a:cubicBezTo>
                <a:cubicBezTo>
                  <a:pt x="4" y="128"/>
                  <a:pt x="4" y="128"/>
                  <a:pt x="4" y="128"/>
                </a:cubicBezTo>
                <a:cubicBezTo>
                  <a:pt x="2" y="128"/>
                  <a:pt x="0" y="130"/>
                  <a:pt x="0" y="132"/>
                </a:cubicBezTo>
                <a:cubicBezTo>
                  <a:pt x="0" y="134"/>
                  <a:pt x="2" y="136"/>
                  <a:pt x="4" y="136"/>
                </a:cubicBezTo>
                <a:cubicBezTo>
                  <a:pt x="40" y="136"/>
                  <a:pt x="40" y="136"/>
                  <a:pt x="40" y="136"/>
                </a:cubicBezTo>
                <a:cubicBezTo>
                  <a:pt x="40" y="192"/>
                  <a:pt x="40" y="192"/>
                  <a:pt x="40" y="192"/>
                </a:cubicBezTo>
                <a:cubicBezTo>
                  <a:pt x="4" y="192"/>
                  <a:pt x="4" y="192"/>
                  <a:pt x="4" y="192"/>
                </a:cubicBezTo>
                <a:cubicBezTo>
                  <a:pt x="2" y="192"/>
                  <a:pt x="0" y="194"/>
                  <a:pt x="0" y="196"/>
                </a:cubicBezTo>
                <a:cubicBezTo>
                  <a:pt x="0" y="198"/>
                  <a:pt x="2" y="200"/>
                  <a:pt x="4" y="200"/>
                </a:cubicBezTo>
                <a:cubicBezTo>
                  <a:pt x="44" y="200"/>
                  <a:pt x="44" y="200"/>
                  <a:pt x="44" y="200"/>
                </a:cubicBezTo>
                <a:cubicBezTo>
                  <a:pt x="45" y="200"/>
                  <a:pt x="46" y="200"/>
                  <a:pt x="47" y="199"/>
                </a:cubicBezTo>
                <a:cubicBezTo>
                  <a:pt x="48" y="198"/>
                  <a:pt x="48" y="197"/>
                  <a:pt x="48" y="196"/>
                </a:cubicBezTo>
                <a:cubicBezTo>
                  <a:pt x="48" y="192"/>
                  <a:pt x="48" y="192"/>
                  <a:pt x="48" y="192"/>
                </a:cubicBezTo>
                <a:cubicBezTo>
                  <a:pt x="96" y="192"/>
                  <a:pt x="96" y="192"/>
                  <a:pt x="96" y="192"/>
                </a:cubicBezTo>
                <a:cubicBezTo>
                  <a:pt x="97" y="192"/>
                  <a:pt x="97" y="192"/>
                  <a:pt x="97" y="192"/>
                </a:cubicBezTo>
                <a:cubicBezTo>
                  <a:pt x="153" y="176"/>
                  <a:pt x="153" y="176"/>
                  <a:pt x="153" y="176"/>
                </a:cubicBezTo>
                <a:cubicBezTo>
                  <a:pt x="154" y="176"/>
                  <a:pt x="154" y="175"/>
                  <a:pt x="155" y="175"/>
                </a:cubicBezTo>
                <a:cubicBezTo>
                  <a:pt x="207" y="123"/>
                  <a:pt x="207" y="123"/>
                  <a:pt x="207" y="123"/>
                </a:cubicBezTo>
                <a:cubicBezTo>
                  <a:pt x="208" y="122"/>
                  <a:pt x="208" y="121"/>
                  <a:pt x="208" y="120"/>
                </a:cubicBezTo>
                <a:cubicBezTo>
                  <a:pt x="208" y="119"/>
                  <a:pt x="208" y="118"/>
                  <a:pt x="207" y="117"/>
                </a:cubicBezTo>
                <a:close/>
                <a:moveTo>
                  <a:pt x="143" y="119"/>
                </a:moveTo>
                <a:cubicBezTo>
                  <a:pt x="145" y="117"/>
                  <a:pt x="147" y="116"/>
                  <a:pt x="150" y="116"/>
                </a:cubicBezTo>
                <a:cubicBezTo>
                  <a:pt x="151" y="116"/>
                  <a:pt x="153" y="116"/>
                  <a:pt x="154" y="117"/>
                </a:cubicBezTo>
                <a:cubicBezTo>
                  <a:pt x="140" y="130"/>
                  <a:pt x="140" y="130"/>
                  <a:pt x="140" y="130"/>
                </a:cubicBezTo>
                <a:cubicBezTo>
                  <a:pt x="140" y="130"/>
                  <a:pt x="140" y="129"/>
                  <a:pt x="140" y="128"/>
                </a:cubicBezTo>
                <a:cubicBezTo>
                  <a:pt x="140" y="124"/>
                  <a:pt x="140" y="124"/>
                  <a:pt x="140" y="124"/>
                </a:cubicBezTo>
                <a:cubicBezTo>
                  <a:pt x="140" y="123"/>
                  <a:pt x="140" y="123"/>
                  <a:pt x="140" y="122"/>
                </a:cubicBezTo>
                <a:lnTo>
                  <a:pt x="143" y="119"/>
                </a:lnTo>
                <a:close/>
                <a:moveTo>
                  <a:pt x="163" y="119"/>
                </a:moveTo>
                <a:cubicBezTo>
                  <a:pt x="165" y="117"/>
                  <a:pt x="167" y="116"/>
                  <a:pt x="170" y="116"/>
                </a:cubicBezTo>
                <a:cubicBezTo>
                  <a:pt x="171" y="116"/>
                  <a:pt x="173" y="116"/>
                  <a:pt x="174" y="117"/>
                </a:cubicBezTo>
                <a:cubicBezTo>
                  <a:pt x="146" y="144"/>
                  <a:pt x="146" y="144"/>
                  <a:pt x="146" y="144"/>
                </a:cubicBezTo>
                <a:cubicBezTo>
                  <a:pt x="138" y="144"/>
                  <a:pt x="138" y="144"/>
                  <a:pt x="138" y="144"/>
                </a:cubicBezTo>
                <a:lnTo>
                  <a:pt x="163" y="119"/>
                </a:lnTo>
                <a:close/>
                <a:moveTo>
                  <a:pt x="150" y="168"/>
                </a:moveTo>
                <a:cubicBezTo>
                  <a:pt x="95" y="184"/>
                  <a:pt x="95" y="184"/>
                  <a:pt x="95" y="184"/>
                </a:cubicBezTo>
                <a:cubicBezTo>
                  <a:pt x="48" y="184"/>
                  <a:pt x="48" y="184"/>
                  <a:pt x="48" y="184"/>
                </a:cubicBezTo>
                <a:cubicBezTo>
                  <a:pt x="48" y="148"/>
                  <a:pt x="48" y="148"/>
                  <a:pt x="48" y="148"/>
                </a:cubicBezTo>
                <a:cubicBezTo>
                  <a:pt x="52" y="148"/>
                  <a:pt x="55" y="147"/>
                  <a:pt x="58" y="144"/>
                </a:cubicBezTo>
                <a:cubicBezTo>
                  <a:pt x="66" y="135"/>
                  <a:pt x="66" y="135"/>
                  <a:pt x="66" y="135"/>
                </a:cubicBezTo>
                <a:cubicBezTo>
                  <a:pt x="71" y="131"/>
                  <a:pt x="77" y="128"/>
                  <a:pt x="84" y="128"/>
                </a:cubicBezTo>
                <a:cubicBezTo>
                  <a:pt x="132" y="128"/>
                  <a:pt x="132" y="128"/>
                  <a:pt x="132" y="128"/>
                </a:cubicBezTo>
                <a:cubicBezTo>
                  <a:pt x="132" y="128"/>
                  <a:pt x="132" y="128"/>
                  <a:pt x="132" y="128"/>
                </a:cubicBezTo>
                <a:cubicBezTo>
                  <a:pt x="132" y="135"/>
                  <a:pt x="127" y="140"/>
                  <a:pt x="120" y="140"/>
                </a:cubicBezTo>
                <a:cubicBezTo>
                  <a:pt x="98" y="140"/>
                  <a:pt x="98" y="140"/>
                  <a:pt x="98" y="140"/>
                </a:cubicBezTo>
                <a:cubicBezTo>
                  <a:pt x="95" y="140"/>
                  <a:pt x="92" y="143"/>
                  <a:pt x="92" y="146"/>
                </a:cubicBezTo>
                <a:cubicBezTo>
                  <a:pt x="92" y="149"/>
                  <a:pt x="95" y="152"/>
                  <a:pt x="98" y="152"/>
                </a:cubicBezTo>
                <a:cubicBezTo>
                  <a:pt x="148" y="152"/>
                  <a:pt x="148" y="152"/>
                  <a:pt x="148" y="152"/>
                </a:cubicBezTo>
                <a:cubicBezTo>
                  <a:pt x="149" y="152"/>
                  <a:pt x="150" y="152"/>
                  <a:pt x="151" y="151"/>
                </a:cubicBezTo>
                <a:cubicBezTo>
                  <a:pt x="183" y="119"/>
                  <a:pt x="183" y="119"/>
                  <a:pt x="183" y="119"/>
                </a:cubicBezTo>
                <a:cubicBezTo>
                  <a:pt x="185" y="117"/>
                  <a:pt x="187" y="116"/>
                  <a:pt x="190" y="116"/>
                </a:cubicBezTo>
                <a:cubicBezTo>
                  <a:pt x="193" y="116"/>
                  <a:pt x="195" y="117"/>
                  <a:pt x="197" y="119"/>
                </a:cubicBezTo>
                <a:cubicBezTo>
                  <a:pt x="198" y="120"/>
                  <a:pt x="198" y="120"/>
                  <a:pt x="198" y="120"/>
                </a:cubicBezTo>
                <a:lnTo>
                  <a:pt x="150" y="168"/>
                </a:lnTo>
                <a:close/>
                <a:moveTo>
                  <a:pt x="108" y="60"/>
                </a:moveTo>
                <a:cubicBezTo>
                  <a:pt x="116" y="60"/>
                  <a:pt x="116" y="60"/>
                  <a:pt x="116" y="60"/>
                </a:cubicBezTo>
                <a:cubicBezTo>
                  <a:pt x="120" y="60"/>
                  <a:pt x="124" y="64"/>
                  <a:pt x="124" y="68"/>
                </a:cubicBezTo>
                <a:cubicBezTo>
                  <a:pt x="124" y="72"/>
                  <a:pt x="120" y="76"/>
                  <a:pt x="116" y="76"/>
                </a:cubicBezTo>
                <a:cubicBezTo>
                  <a:pt x="96" y="76"/>
                  <a:pt x="96" y="76"/>
                  <a:pt x="96" y="76"/>
                </a:cubicBezTo>
                <a:cubicBezTo>
                  <a:pt x="94" y="76"/>
                  <a:pt x="92" y="78"/>
                  <a:pt x="92" y="80"/>
                </a:cubicBezTo>
                <a:cubicBezTo>
                  <a:pt x="92" y="82"/>
                  <a:pt x="94" y="84"/>
                  <a:pt x="96" y="84"/>
                </a:cubicBezTo>
                <a:cubicBezTo>
                  <a:pt x="108" y="84"/>
                  <a:pt x="108" y="84"/>
                  <a:pt x="108" y="84"/>
                </a:cubicBezTo>
                <a:cubicBezTo>
                  <a:pt x="108" y="92"/>
                  <a:pt x="108" y="92"/>
                  <a:pt x="108" y="92"/>
                </a:cubicBezTo>
                <a:cubicBezTo>
                  <a:pt x="108" y="94"/>
                  <a:pt x="110" y="96"/>
                  <a:pt x="112" y="96"/>
                </a:cubicBezTo>
                <a:cubicBezTo>
                  <a:pt x="114" y="96"/>
                  <a:pt x="116" y="94"/>
                  <a:pt x="116" y="92"/>
                </a:cubicBezTo>
                <a:cubicBezTo>
                  <a:pt x="116" y="84"/>
                  <a:pt x="116" y="84"/>
                  <a:pt x="116" y="84"/>
                </a:cubicBezTo>
                <a:cubicBezTo>
                  <a:pt x="125" y="84"/>
                  <a:pt x="132" y="77"/>
                  <a:pt x="132" y="68"/>
                </a:cubicBezTo>
                <a:cubicBezTo>
                  <a:pt x="132" y="59"/>
                  <a:pt x="125" y="52"/>
                  <a:pt x="116" y="52"/>
                </a:cubicBezTo>
                <a:cubicBezTo>
                  <a:pt x="108" y="52"/>
                  <a:pt x="108" y="52"/>
                  <a:pt x="108" y="52"/>
                </a:cubicBezTo>
                <a:cubicBezTo>
                  <a:pt x="104" y="52"/>
                  <a:pt x="100" y="48"/>
                  <a:pt x="100" y="44"/>
                </a:cubicBezTo>
                <a:cubicBezTo>
                  <a:pt x="100" y="40"/>
                  <a:pt x="104" y="36"/>
                  <a:pt x="108" y="36"/>
                </a:cubicBezTo>
                <a:cubicBezTo>
                  <a:pt x="128" y="36"/>
                  <a:pt x="128" y="36"/>
                  <a:pt x="128" y="36"/>
                </a:cubicBezTo>
                <a:cubicBezTo>
                  <a:pt x="130" y="36"/>
                  <a:pt x="132" y="34"/>
                  <a:pt x="132" y="32"/>
                </a:cubicBezTo>
                <a:cubicBezTo>
                  <a:pt x="132" y="30"/>
                  <a:pt x="130" y="28"/>
                  <a:pt x="128" y="28"/>
                </a:cubicBezTo>
                <a:cubicBezTo>
                  <a:pt x="128" y="28"/>
                  <a:pt x="128" y="28"/>
                  <a:pt x="128" y="28"/>
                </a:cubicBezTo>
                <a:cubicBezTo>
                  <a:pt x="116" y="28"/>
                  <a:pt x="116" y="28"/>
                  <a:pt x="116" y="28"/>
                </a:cubicBezTo>
                <a:cubicBezTo>
                  <a:pt x="116" y="20"/>
                  <a:pt x="116" y="20"/>
                  <a:pt x="116" y="20"/>
                </a:cubicBezTo>
                <a:cubicBezTo>
                  <a:pt x="116" y="18"/>
                  <a:pt x="114" y="16"/>
                  <a:pt x="112" y="16"/>
                </a:cubicBezTo>
                <a:cubicBezTo>
                  <a:pt x="110" y="16"/>
                  <a:pt x="108" y="18"/>
                  <a:pt x="108" y="20"/>
                </a:cubicBezTo>
                <a:cubicBezTo>
                  <a:pt x="108" y="28"/>
                  <a:pt x="108" y="28"/>
                  <a:pt x="108" y="28"/>
                </a:cubicBezTo>
                <a:cubicBezTo>
                  <a:pt x="108" y="28"/>
                  <a:pt x="108" y="28"/>
                  <a:pt x="108" y="28"/>
                </a:cubicBezTo>
                <a:cubicBezTo>
                  <a:pt x="99" y="28"/>
                  <a:pt x="92" y="35"/>
                  <a:pt x="92" y="44"/>
                </a:cubicBezTo>
                <a:cubicBezTo>
                  <a:pt x="92" y="53"/>
                  <a:pt x="99" y="60"/>
                  <a:pt x="108" y="60"/>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226" name="Freeform 15">
            <a:extLst>
              <a:ext uri="{FF2B5EF4-FFF2-40B4-BE49-F238E27FC236}">
                <a16:creationId xmlns:a16="http://schemas.microsoft.com/office/drawing/2014/main" id="{172D4848-B276-8678-A922-503567F245ED}"/>
              </a:ext>
              <a:ext uri="{C183D7F6-B498-43B3-948B-1728B52AA6E4}">
                <adec:decorative xmlns:adec="http://schemas.microsoft.com/office/drawing/2017/decorative" val="1"/>
              </a:ext>
            </a:extLst>
          </p:cNvPr>
          <p:cNvSpPr>
            <a:spLocks noEditPoints="1"/>
          </p:cNvSpPr>
          <p:nvPr/>
        </p:nvSpPr>
        <p:spPr bwMode="auto">
          <a:xfrm>
            <a:off x="9709779" y="3595104"/>
            <a:ext cx="317603" cy="317603"/>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3 w 208"/>
              <a:gd name="T11" fmla="*/ 49 h 208"/>
              <a:gd name="T12" fmla="*/ 64 w 208"/>
              <a:gd name="T13" fmla="*/ 48 h 208"/>
              <a:gd name="T14" fmla="*/ 44 w 208"/>
              <a:gd name="T15" fmla="*/ 66 h 208"/>
              <a:gd name="T16" fmla="*/ 23 w 208"/>
              <a:gd name="T17" fmla="*/ 48 h 208"/>
              <a:gd name="T18" fmla="*/ 0 w 208"/>
              <a:gd name="T19" fmla="*/ 69 h 208"/>
              <a:gd name="T20" fmla="*/ 16 w 208"/>
              <a:gd name="T21" fmla="*/ 144 h 208"/>
              <a:gd name="T22" fmla="*/ 17 w 208"/>
              <a:gd name="T23" fmla="*/ 207 h 208"/>
              <a:gd name="T24" fmla="*/ 68 w 208"/>
              <a:gd name="T25" fmla="*/ 208 h 208"/>
              <a:gd name="T26" fmla="*/ 72 w 208"/>
              <a:gd name="T27" fmla="*/ 204 h 208"/>
              <a:gd name="T28" fmla="*/ 80 w 208"/>
              <a:gd name="T29" fmla="*/ 72 h 208"/>
              <a:gd name="T30" fmla="*/ 144 w 208"/>
              <a:gd name="T31" fmla="*/ 52 h 208"/>
              <a:gd name="T32" fmla="*/ 64 w 208"/>
              <a:gd name="T33" fmla="*/ 200 h 208"/>
              <a:gd name="T34" fmla="*/ 48 w 208"/>
              <a:gd name="T35" fmla="*/ 132 h 208"/>
              <a:gd name="T36" fmla="*/ 40 w 208"/>
              <a:gd name="T37" fmla="*/ 132 h 208"/>
              <a:gd name="T38" fmla="*/ 24 w 208"/>
              <a:gd name="T39" fmla="*/ 200 h 208"/>
              <a:gd name="T40" fmla="*/ 24 w 208"/>
              <a:gd name="T41" fmla="*/ 140 h 208"/>
              <a:gd name="T42" fmla="*/ 24 w 208"/>
              <a:gd name="T43" fmla="*/ 84 h 208"/>
              <a:gd name="T44" fmla="*/ 16 w 208"/>
              <a:gd name="T45" fmla="*/ 84 h 208"/>
              <a:gd name="T46" fmla="*/ 8 w 208"/>
              <a:gd name="T47" fmla="*/ 124 h 208"/>
              <a:gd name="T48" fmla="*/ 15 w 208"/>
              <a:gd name="T49" fmla="*/ 59 h 208"/>
              <a:gd name="T50" fmla="*/ 41 w 208"/>
              <a:gd name="T51" fmla="*/ 75 h 208"/>
              <a:gd name="T52" fmla="*/ 47 w 208"/>
              <a:gd name="T53" fmla="*/ 75 h 208"/>
              <a:gd name="T54" fmla="*/ 135 w 208"/>
              <a:gd name="T55" fmla="*/ 56 h 208"/>
              <a:gd name="T56" fmla="*/ 80 w 208"/>
              <a:gd name="T57" fmla="*/ 64 h 208"/>
              <a:gd name="T58" fmla="*/ 148 w 208"/>
              <a:gd name="T59" fmla="*/ 88 h 208"/>
              <a:gd name="T60" fmla="*/ 148 w 208"/>
              <a:gd name="T61" fmla="*/ 208 h 208"/>
              <a:gd name="T62" fmla="*/ 148 w 208"/>
              <a:gd name="T63" fmla="*/ 88 h 208"/>
              <a:gd name="T64" fmla="*/ 96 w 208"/>
              <a:gd name="T65" fmla="*/ 148 h 208"/>
              <a:gd name="T66" fmla="*/ 200 w 208"/>
              <a:gd name="T67" fmla="*/ 148 h 208"/>
              <a:gd name="T68" fmla="*/ 152 w 208"/>
              <a:gd name="T69" fmla="*/ 144 h 208"/>
              <a:gd name="T70" fmla="*/ 136 w 208"/>
              <a:gd name="T71" fmla="*/ 136 h 208"/>
              <a:gd name="T72" fmla="*/ 164 w 208"/>
              <a:gd name="T73" fmla="*/ 128 h 208"/>
              <a:gd name="T74" fmla="*/ 164 w 208"/>
              <a:gd name="T75" fmla="*/ 120 h 208"/>
              <a:gd name="T76" fmla="*/ 152 w 208"/>
              <a:gd name="T77" fmla="*/ 108 h 208"/>
              <a:gd name="T78" fmla="*/ 144 w 208"/>
              <a:gd name="T79" fmla="*/ 108 h 208"/>
              <a:gd name="T80" fmla="*/ 128 w 208"/>
              <a:gd name="T81" fmla="*/ 136 h 208"/>
              <a:gd name="T82" fmla="*/ 152 w 208"/>
              <a:gd name="T83" fmla="*/ 152 h 208"/>
              <a:gd name="T84" fmla="*/ 152 w 208"/>
              <a:gd name="T85" fmla="*/ 168 h 208"/>
              <a:gd name="T86" fmla="*/ 128 w 208"/>
              <a:gd name="T87" fmla="*/ 172 h 208"/>
              <a:gd name="T88" fmla="*/ 144 w 208"/>
              <a:gd name="T89" fmla="*/ 176 h 208"/>
              <a:gd name="T90" fmla="*/ 148 w 208"/>
              <a:gd name="T91" fmla="*/ 192 h 208"/>
              <a:gd name="T92" fmla="*/ 152 w 208"/>
              <a:gd name="T93" fmla="*/ 176 h 208"/>
              <a:gd name="T94" fmla="*/ 152 w 208"/>
              <a:gd name="T95" fmla="*/ 14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44" y="52"/>
                </a:move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cubicBezTo>
                  <a:pt x="124" y="72"/>
                  <a:pt x="124" y="72"/>
                  <a:pt x="124" y="72"/>
                </a:cubicBezTo>
                <a:cubicBezTo>
                  <a:pt x="135" y="72"/>
                  <a:pt x="144" y="63"/>
                  <a:pt x="144" y="52"/>
                </a:cubicBez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140"/>
                  <a:pt x="24" y="140"/>
                  <a:pt x="24" y="140"/>
                </a:cubicBezTo>
                <a:cubicBezTo>
                  <a:pt x="24" y="140"/>
                  <a:pt x="24" y="140"/>
                  <a:pt x="24" y="140"/>
                </a:cubicBezTo>
                <a:cubicBezTo>
                  <a:pt x="24" y="140"/>
                  <a:pt x="24" y="140"/>
                  <a:pt x="24" y="14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148" y="88"/>
                </a:moveTo>
                <a:cubicBezTo>
                  <a:pt x="115" y="88"/>
                  <a:pt x="88" y="115"/>
                  <a:pt x="88" y="148"/>
                </a:cubicBezTo>
                <a:cubicBezTo>
                  <a:pt x="88" y="181"/>
                  <a:pt x="115" y="208"/>
                  <a:pt x="148" y="208"/>
                </a:cubicBezTo>
                <a:cubicBezTo>
                  <a:pt x="181" y="208"/>
                  <a:pt x="208" y="181"/>
                  <a:pt x="208" y="148"/>
                </a:cubicBezTo>
                <a:cubicBezTo>
                  <a:pt x="208" y="115"/>
                  <a:pt x="181" y="88"/>
                  <a:pt x="148" y="88"/>
                </a:cubicBezTo>
                <a:close/>
                <a:moveTo>
                  <a:pt x="148" y="200"/>
                </a:moveTo>
                <a:cubicBezTo>
                  <a:pt x="119" y="200"/>
                  <a:pt x="96" y="177"/>
                  <a:pt x="96" y="148"/>
                </a:cubicBezTo>
                <a:cubicBezTo>
                  <a:pt x="96" y="119"/>
                  <a:pt x="119" y="96"/>
                  <a:pt x="148" y="96"/>
                </a:cubicBezTo>
                <a:cubicBezTo>
                  <a:pt x="177" y="96"/>
                  <a:pt x="200" y="119"/>
                  <a:pt x="200" y="148"/>
                </a:cubicBezTo>
                <a:cubicBezTo>
                  <a:pt x="200" y="177"/>
                  <a:pt x="177" y="200"/>
                  <a:pt x="148" y="200"/>
                </a:cubicBezTo>
                <a:close/>
                <a:moveTo>
                  <a:pt x="152" y="144"/>
                </a:moveTo>
                <a:cubicBezTo>
                  <a:pt x="144" y="144"/>
                  <a:pt x="144" y="144"/>
                  <a:pt x="144" y="144"/>
                </a:cubicBezTo>
                <a:cubicBezTo>
                  <a:pt x="140" y="144"/>
                  <a:pt x="136" y="140"/>
                  <a:pt x="136" y="136"/>
                </a:cubicBezTo>
                <a:cubicBezTo>
                  <a:pt x="136" y="132"/>
                  <a:pt x="140" y="128"/>
                  <a:pt x="144" y="128"/>
                </a:cubicBezTo>
                <a:cubicBezTo>
                  <a:pt x="164" y="128"/>
                  <a:pt x="164" y="128"/>
                  <a:pt x="164" y="128"/>
                </a:cubicBezTo>
                <a:cubicBezTo>
                  <a:pt x="166" y="128"/>
                  <a:pt x="168" y="126"/>
                  <a:pt x="168" y="124"/>
                </a:cubicBezTo>
                <a:cubicBezTo>
                  <a:pt x="168" y="122"/>
                  <a:pt x="166" y="120"/>
                  <a:pt x="164" y="120"/>
                </a:cubicBezTo>
                <a:cubicBezTo>
                  <a:pt x="152" y="120"/>
                  <a:pt x="152" y="120"/>
                  <a:pt x="152" y="120"/>
                </a:cubicBezTo>
                <a:cubicBezTo>
                  <a:pt x="152" y="108"/>
                  <a:pt x="152" y="108"/>
                  <a:pt x="152" y="108"/>
                </a:cubicBezTo>
                <a:cubicBezTo>
                  <a:pt x="152" y="106"/>
                  <a:pt x="150" y="104"/>
                  <a:pt x="148" y="104"/>
                </a:cubicBezTo>
                <a:cubicBezTo>
                  <a:pt x="146" y="104"/>
                  <a:pt x="144" y="106"/>
                  <a:pt x="144" y="108"/>
                </a:cubicBezTo>
                <a:cubicBezTo>
                  <a:pt x="144" y="120"/>
                  <a:pt x="144" y="120"/>
                  <a:pt x="144" y="120"/>
                </a:cubicBezTo>
                <a:cubicBezTo>
                  <a:pt x="135" y="120"/>
                  <a:pt x="128" y="127"/>
                  <a:pt x="128" y="136"/>
                </a:cubicBezTo>
                <a:cubicBezTo>
                  <a:pt x="128" y="145"/>
                  <a:pt x="135" y="152"/>
                  <a:pt x="144" y="152"/>
                </a:cubicBezTo>
                <a:cubicBezTo>
                  <a:pt x="152" y="152"/>
                  <a:pt x="152" y="152"/>
                  <a:pt x="152" y="152"/>
                </a:cubicBezTo>
                <a:cubicBezTo>
                  <a:pt x="156" y="152"/>
                  <a:pt x="160" y="156"/>
                  <a:pt x="160" y="160"/>
                </a:cubicBezTo>
                <a:cubicBezTo>
                  <a:pt x="160" y="164"/>
                  <a:pt x="156" y="168"/>
                  <a:pt x="152" y="168"/>
                </a:cubicBezTo>
                <a:cubicBezTo>
                  <a:pt x="132" y="168"/>
                  <a:pt x="132" y="168"/>
                  <a:pt x="132" y="168"/>
                </a:cubicBezTo>
                <a:cubicBezTo>
                  <a:pt x="130" y="168"/>
                  <a:pt x="128" y="170"/>
                  <a:pt x="128" y="172"/>
                </a:cubicBezTo>
                <a:cubicBezTo>
                  <a:pt x="128" y="174"/>
                  <a:pt x="130" y="176"/>
                  <a:pt x="132" y="176"/>
                </a:cubicBezTo>
                <a:cubicBezTo>
                  <a:pt x="144" y="176"/>
                  <a:pt x="144" y="176"/>
                  <a:pt x="144" y="176"/>
                </a:cubicBezTo>
                <a:cubicBezTo>
                  <a:pt x="144" y="188"/>
                  <a:pt x="144" y="188"/>
                  <a:pt x="144" y="188"/>
                </a:cubicBezTo>
                <a:cubicBezTo>
                  <a:pt x="144" y="190"/>
                  <a:pt x="146" y="192"/>
                  <a:pt x="148" y="192"/>
                </a:cubicBezTo>
                <a:cubicBezTo>
                  <a:pt x="150" y="192"/>
                  <a:pt x="152" y="190"/>
                  <a:pt x="152" y="188"/>
                </a:cubicBezTo>
                <a:cubicBezTo>
                  <a:pt x="152" y="176"/>
                  <a:pt x="152" y="176"/>
                  <a:pt x="152" y="176"/>
                </a:cubicBezTo>
                <a:cubicBezTo>
                  <a:pt x="161" y="176"/>
                  <a:pt x="168" y="169"/>
                  <a:pt x="168" y="160"/>
                </a:cubicBezTo>
                <a:cubicBezTo>
                  <a:pt x="168" y="151"/>
                  <a:pt x="161" y="144"/>
                  <a:pt x="152" y="14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nvGrpSpPr>
          <p:cNvPr id="13" name="Group 12">
            <a:extLst>
              <a:ext uri="{FF2B5EF4-FFF2-40B4-BE49-F238E27FC236}">
                <a16:creationId xmlns:a16="http://schemas.microsoft.com/office/drawing/2014/main" id="{D50C782B-2D91-4EB4-33C0-DDB049671700}"/>
              </a:ext>
              <a:ext uri="{C183D7F6-B498-43B3-948B-1728B52AA6E4}">
                <adec:decorative xmlns:adec="http://schemas.microsoft.com/office/drawing/2017/decorative" val="1"/>
              </a:ext>
            </a:extLst>
          </p:cNvPr>
          <p:cNvGrpSpPr/>
          <p:nvPr/>
        </p:nvGrpSpPr>
        <p:grpSpPr>
          <a:xfrm>
            <a:off x="-7434" y="-3292"/>
            <a:ext cx="176971" cy="6862880"/>
            <a:chOff x="-10502" y="0"/>
            <a:chExt cx="176971" cy="6859588"/>
          </a:xfrm>
          <a:solidFill>
            <a:srgbClr val="024D78"/>
          </a:solidFill>
        </p:grpSpPr>
        <p:sp>
          <p:nvSpPr>
            <p:cNvPr id="14" name="Rectangle 13">
              <a:extLst>
                <a:ext uri="{FF2B5EF4-FFF2-40B4-BE49-F238E27FC236}">
                  <a16:creationId xmlns:a16="http://schemas.microsoft.com/office/drawing/2014/main" id="{C150567F-A591-3374-FCF9-FD56073A5E18}"/>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5" name="Rectangle 14">
              <a:extLst>
                <a:ext uri="{FF2B5EF4-FFF2-40B4-BE49-F238E27FC236}">
                  <a16:creationId xmlns:a16="http://schemas.microsoft.com/office/drawing/2014/main" id="{7686B8E5-F994-9B10-3683-0D190089D4F2}"/>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pic>
        <p:nvPicPr>
          <p:cNvPr id="19" name="Picture 4">
            <a:extLst>
              <a:ext uri="{FF2B5EF4-FFF2-40B4-BE49-F238E27FC236}">
                <a16:creationId xmlns:a16="http://schemas.microsoft.com/office/drawing/2014/main" id="{52D8FE5E-D565-C199-BD5F-BB4EEBA3AD6A}"/>
              </a:ext>
              <a:ext uri="{C183D7F6-B498-43B3-948B-1728B52AA6E4}">
                <adec:decorative xmlns:adec="http://schemas.microsoft.com/office/drawing/2017/decorative" val="1"/>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10007612" y="252814"/>
            <a:ext cx="2014851" cy="842208"/>
          </a:xfrm>
          <a:prstGeom prst="rect">
            <a:avLst/>
          </a:prstGeom>
          <a:noFill/>
          <a:extLst>
            <a:ext uri="{909E8E84-426E-40DD-AFC4-6F175D3DCCD1}">
              <a14:hiddenFill xmlns:a14="http://schemas.microsoft.com/office/drawing/2010/main">
                <a:solidFill>
                  <a:srgbClr val="FFFFFF"/>
                </a:solidFill>
              </a14:hiddenFill>
            </a:ext>
          </a:extLst>
        </p:spPr>
      </p:pic>
      <p:pic>
        <p:nvPicPr>
          <p:cNvPr id="22" name="Grafik 21">
            <a:extLst>
              <a:ext uri="{FF2B5EF4-FFF2-40B4-BE49-F238E27FC236}">
                <a16:creationId xmlns:a16="http://schemas.microsoft.com/office/drawing/2014/main" id="{AE7449FF-644F-2008-C922-243E4F10EE85}"/>
              </a:ext>
              <a:ext uri="{C183D7F6-B498-43B3-948B-1728B52AA6E4}">
                <adec:decorative xmlns:adec="http://schemas.microsoft.com/office/drawing/2017/decorative" val="1"/>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9677024" y="2124759"/>
            <a:ext cx="359072" cy="359072"/>
          </a:xfrm>
          <a:prstGeom prst="rect">
            <a:avLst/>
          </a:prstGeom>
        </p:spPr>
      </p:pic>
      <p:sp>
        <p:nvSpPr>
          <p:cNvPr id="16" name="TextBox 15">
            <a:extLst>
              <a:ext uri="{FF2B5EF4-FFF2-40B4-BE49-F238E27FC236}">
                <a16:creationId xmlns:a16="http://schemas.microsoft.com/office/drawing/2014/main" id="{52964BD2-7A7C-AD48-9758-3ABADB6F0CAD}"/>
              </a:ext>
            </a:extLst>
          </p:cNvPr>
          <p:cNvSpPr txBox="1"/>
          <p:nvPr/>
        </p:nvSpPr>
        <p:spPr>
          <a:xfrm>
            <a:off x="9392942" y="4692368"/>
            <a:ext cx="2483635" cy="1456809"/>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Det nye lager vil give langt mere effektive arbejdsgange […] Alt sammen noget, der i sidste ende kommer sygehusets patienter og medarbejdere til gavn”</a:t>
            </a:r>
            <a:endParaRPr kumimoji="0" lang="da-DK" sz="800" b="0" i="1"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Karsten Uno Petersen</a:t>
            </a:r>
            <a:b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b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Formand for udvalg for byggeri, indkøb og grøn omstilling, Region Syd</a:t>
            </a:r>
          </a:p>
        </p:txBody>
      </p:sp>
    </p:spTree>
    <p:extLst>
      <p:ext uri="{BB962C8B-B14F-4D97-AF65-F5344CB8AC3E}">
        <p14:creationId xmlns:p14="http://schemas.microsoft.com/office/powerpoint/2010/main" val="2732093301"/>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4277061-DE91-938E-9E55-56575E4D76B0}"/>
            </a:ext>
          </a:extLst>
        </p:cNvPr>
        <p:cNvGrpSpPr/>
        <p:nvPr/>
      </p:nvGrpSpPr>
      <p:grpSpPr>
        <a:xfrm>
          <a:off x="0" y="0"/>
          <a:ext cx="0" cy="0"/>
          <a:chOff x="0" y="0"/>
          <a:chExt cx="0" cy="0"/>
        </a:xfrm>
      </p:grpSpPr>
      <p:sp>
        <p:nvSpPr>
          <p:cNvPr id="100" name="Rectangle: Rounded Corners 99">
            <a:extLst>
              <a:ext uri="{FF2B5EF4-FFF2-40B4-BE49-F238E27FC236}">
                <a16:creationId xmlns:a16="http://schemas.microsoft.com/office/drawing/2014/main" id="{B9FE0E7F-9F00-8CC3-F68D-044BAEA020D6}"/>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600" b="1" i="0" u="none" strike="noStrike" kern="1200" cap="none" spc="0" normalizeH="0" baseline="0" noProof="0" dirty="0">
                <a:ln>
                  <a:noFill/>
                </a:ln>
                <a:solidFill>
                  <a:srgbClr val="36465A"/>
                </a:solidFill>
                <a:effectLst/>
                <a:uLnTx/>
                <a:uFillTx/>
                <a:latin typeface="Arial" panose="020B0604020202020204"/>
                <a:ea typeface="+mn-ea"/>
                <a:cs typeface="+mn-cs"/>
              </a:rPr>
              <a:t>Case 01 | </a:t>
            </a:r>
            <a:r>
              <a:rPr kumimoji="0" lang="da-DK" sz="1600" b="1" i="0" u="none" strike="noStrike" kern="1200" cap="none" spc="0" normalizeH="0" baseline="0" noProof="0" dirty="0" err="1">
                <a:ln>
                  <a:noFill/>
                </a:ln>
                <a:solidFill>
                  <a:srgbClr val="36465A"/>
                </a:solidFill>
                <a:effectLst/>
                <a:uLnTx/>
                <a:uFillTx/>
                <a:latin typeface="Arial" panose="020B0604020202020204"/>
                <a:ea typeface="+mn-ea"/>
                <a:cs typeface="+mn-cs"/>
              </a:rPr>
              <a:t>EuroStack</a:t>
            </a:r>
            <a:r>
              <a:rPr kumimoji="0" lang="da-DK" sz="1600" b="1" i="0" u="none" strike="noStrike" kern="1200" cap="none" spc="0" normalizeH="0" baseline="0" noProof="0" dirty="0">
                <a:ln>
                  <a:noFill/>
                </a:ln>
                <a:solidFill>
                  <a:srgbClr val="36465A"/>
                </a:solidFill>
                <a:effectLst/>
                <a:uLnTx/>
                <a:uFillTx/>
                <a:latin typeface="Arial" panose="020B0604020202020204"/>
                <a:ea typeface="+mn-ea"/>
                <a:cs typeface="+mn-cs"/>
              </a:rPr>
              <a:t>, fælleseuropæisk digital infrastruktur </a:t>
            </a:r>
          </a:p>
        </p:txBody>
      </p:sp>
      <p:sp>
        <p:nvSpPr>
          <p:cNvPr id="2" name="Title 1">
            <a:extLst>
              <a:ext uri="{FF2B5EF4-FFF2-40B4-BE49-F238E27FC236}">
                <a16:creationId xmlns:a16="http://schemas.microsoft.com/office/drawing/2014/main" id="{EF928B9B-A361-C469-A252-099952BC13D3}"/>
              </a:ext>
            </a:extLst>
          </p:cNvPr>
          <p:cNvSpPr>
            <a:spLocks noGrp="1"/>
          </p:cNvSpPr>
          <p:nvPr>
            <p:ph type="title"/>
          </p:nvPr>
        </p:nvSpPr>
        <p:spPr/>
        <p:txBody>
          <a:bodyPr/>
          <a:lstStyle/>
          <a:p>
            <a:r>
              <a:rPr lang="da-DK" sz="2200" noProof="0" dirty="0"/>
              <a:t>Side 1/3 | </a:t>
            </a:r>
            <a:r>
              <a:rPr lang="da-DK" sz="2200" b="1" noProof="0" dirty="0"/>
              <a:t>Sammenfatning af casen</a:t>
            </a:r>
          </a:p>
        </p:txBody>
      </p:sp>
      <p:sp>
        <p:nvSpPr>
          <p:cNvPr id="13" name="Content Placeholder 5">
            <a:extLst>
              <a:ext uri="{FF2B5EF4-FFF2-40B4-BE49-F238E27FC236}">
                <a16:creationId xmlns:a16="http://schemas.microsoft.com/office/drawing/2014/main" id="{A12EAE6E-7B40-A96E-13C7-1E420436AD6D}"/>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Introduktion</a:t>
            </a:r>
          </a:p>
        </p:txBody>
      </p:sp>
      <p:sp>
        <p:nvSpPr>
          <p:cNvPr id="11" name="Rectangle 10">
            <a:extLst>
              <a:ext uri="{FF2B5EF4-FFF2-40B4-BE49-F238E27FC236}">
                <a16:creationId xmlns:a16="http://schemas.microsoft.com/office/drawing/2014/main" id="{0D2AEE01-6E86-1B97-49F0-9467EA08AA06}"/>
              </a:ext>
            </a:extLst>
          </p:cNvPr>
          <p:cNvSpPr/>
          <p:nvPr/>
        </p:nvSpPr>
        <p:spPr>
          <a:xfrm>
            <a:off x="546369" y="2139037"/>
            <a:ext cx="2700207"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lvl="0">
              <a:spcAft>
                <a:spcPts val="350"/>
              </a:spcAft>
              <a:defRPr/>
            </a:pPr>
            <a:r>
              <a:rPr lang="da-DK" sz="900" noProof="0" dirty="0" err="1">
                <a:solidFill>
                  <a:srgbClr val="000000"/>
                </a:solidFill>
                <a:latin typeface="Arial" panose="020B0604020202020204"/>
              </a:rPr>
              <a:t>EuroStack</a:t>
            </a:r>
            <a:r>
              <a:rPr lang="da-DK" sz="900" noProof="0" dirty="0">
                <a:solidFill>
                  <a:srgbClr val="000000"/>
                </a:solidFill>
                <a:latin typeface="Arial" panose="020B0604020202020204"/>
              </a:rPr>
              <a:t> er et fælleseuropæisk initiativ,</a:t>
            </a:r>
            <a:r>
              <a:rPr lang="da-DK" sz="900" noProof="0" dirty="0">
                <a:solidFill>
                  <a:srgbClr val="000000"/>
                </a:solidFill>
              </a:rPr>
              <a:t> primært drevet af en koalition af interesseorganisationerne Bertelsmann </a:t>
            </a:r>
            <a:r>
              <a:rPr lang="da-DK" sz="900" noProof="0" dirty="0" err="1">
                <a:solidFill>
                  <a:srgbClr val="000000"/>
                </a:solidFill>
              </a:rPr>
              <a:t>Stiftung</a:t>
            </a:r>
            <a:r>
              <a:rPr lang="da-DK" sz="900" noProof="0" dirty="0">
                <a:solidFill>
                  <a:srgbClr val="000000"/>
                </a:solidFill>
              </a:rPr>
              <a:t>, CEPS*, UCL IIPP** og </a:t>
            </a:r>
            <a:r>
              <a:rPr lang="da-DK" sz="900" noProof="0" dirty="0" err="1">
                <a:solidFill>
                  <a:srgbClr val="000000"/>
                </a:solidFill>
              </a:rPr>
              <a:t>Stiftung</a:t>
            </a:r>
            <a:r>
              <a:rPr lang="da-DK" sz="900" noProof="0" dirty="0">
                <a:solidFill>
                  <a:srgbClr val="000000"/>
                </a:solidFill>
              </a:rPr>
              <a:t> Mercator.</a:t>
            </a:r>
            <a:r>
              <a:rPr lang="da-DK" sz="900" noProof="0" dirty="0">
                <a:solidFill>
                  <a:srgbClr val="000000"/>
                </a:solidFill>
                <a:latin typeface="Arial" panose="020B0604020202020204"/>
              </a:rPr>
              <a:t> </a:t>
            </a:r>
          </a:p>
          <a:p>
            <a:pPr lvl="0">
              <a:spcAft>
                <a:spcPts val="350"/>
              </a:spcAft>
              <a:defRPr/>
            </a:pPr>
            <a:r>
              <a:rPr lang="da-DK" sz="900" noProof="0" dirty="0" err="1">
                <a:solidFill>
                  <a:srgbClr val="000000"/>
                </a:solidFill>
                <a:latin typeface="Arial" panose="020B0604020202020204"/>
              </a:rPr>
              <a:t>EuroStack</a:t>
            </a:r>
            <a:r>
              <a:rPr lang="da-DK" sz="900" noProof="0" dirty="0">
                <a:solidFill>
                  <a:srgbClr val="000000"/>
                </a:solidFill>
                <a:latin typeface="Arial" panose="020B0604020202020204"/>
              </a:rPr>
              <a:t>-initiativet har til mål at opbygge en europæisk digital værdikæde på tværs af hele teknologistakken, der skal sikre Europas teknologiske uafhængighed og modstandsdygtighed. Initiativet er bygget på tre kerneprincipper: </a:t>
            </a:r>
            <a:r>
              <a:rPr lang="da-DK" sz="900" i="1" noProof="0" dirty="0">
                <a:solidFill>
                  <a:srgbClr val="000000"/>
                </a:solidFill>
                <a:latin typeface="Arial" panose="020B0604020202020204"/>
              </a:rPr>
              <a:t>Buy European, Sell European og Fund European.</a:t>
            </a:r>
          </a:p>
        </p:txBody>
      </p:sp>
      <p:grpSp>
        <p:nvGrpSpPr>
          <p:cNvPr id="39" name="Group 38" descr="Oversigt over teknologistakken og hvor casen rammer. Denne case rammer hele stakken">
            <a:extLst>
              <a:ext uri="{FF2B5EF4-FFF2-40B4-BE49-F238E27FC236}">
                <a16:creationId xmlns:a16="http://schemas.microsoft.com/office/drawing/2014/main" id="{C9475FFF-015F-C93A-963F-A459014A5C55}"/>
              </a:ext>
              <a:ext uri="{C183D7F6-B498-43B3-948B-1728B52AA6E4}">
                <adec:decorative xmlns:adec="http://schemas.microsoft.com/office/drawing/2017/decorative" val="0"/>
              </a:ext>
            </a:extLst>
          </p:cNvPr>
          <p:cNvGrpSpPr/>
          <p:nvPr/>
        </p:nvGrpSpPr>
        <p:grpSpPr>
          <a:xfrm>
            <a:off x="713385" y="4086154"/>
            <a:ext cx="2338961" cy="2232878"/>
            <a:chOff x="713385" y="4086154"/>
            <a:chExt cx="2338961" cy="2232878"/>
          </a:xfrm>
        </p:grpSpPr>
        <p:sp>
          <p:nvSpPr>
            <p:cNvPr id="64" name="Rectangle: Rounded Corners 63">
              <a:extLst>
                <a:ext uri="{FF2B5EF4-FFF2-40B4-BE49-F238E27FC236}">
                  <a16:creationId xmlns:a16="http://schemas.microsoft.com/office/drawing/2014/main" id="{0E9BF970-7C13-18CD-4F37-BA254622C562}"/>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chemeClr val="tx1"/>
                  </a:solidFill>
                  <a:effectLst/>
                  <a:uLnTx/>
                  <a:uFillTx/>
                  <a:latin typeface="Arial" panose="020B0604020202020204"/>
                  <a:ea typeface="+mn-ea"/>
                  <a:cs typeface="+mn-cs"/>
                </a:rPr>
                <a:t>Digitale løsninger</a:t>
              </a:r>
            </a:p>
          </p:txBody>
        </p:sp>
        <p:sp>
          <p:nvSpPr>
            <p:cNvPr id="88" name="Rectangle: Rounded Corners 87">
              <a:extLst>
                <a:ext uri="{FF2B5EF4-FFF2-40B4-BE49-F238E27FC236}">
                  <a16:creationId xmlns:a16="http://schemas.microsoft.com/office/drawing/2014/main" id="{ABFDBFAD-D6BB-0B44-10C6-64C5BF91E484}"/>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chemeClr val="tx1"/>
                  </a:solidFill>
                  <a:effectLst/>
                  <a:uLnTx/>
                  <a:uFillTx/>
                  <a:latin typeface="Arial" panose="020B0604020202020204"/>
                  <a:ea typeface="+mn-ea"/>
                  <a:cs typeface="+mn-cs"/>
                </a:rPr>
                <a:t>It-infrastruktur</a:t>
              </a:r>
            </a:p>
          </p:txBody>
        </p:sp>
        <p:sp>
          <p:nvSpPr>
            <p:cNvPr id="90" name="Rectangle 36">
              <a:extLst>
                <a:ext uri="{FF2B5EF4-FFF2-40B4-BE49-F238E27FC236}">
                  <a16:creationId xmlns:a16="http://schemas.microsoft.com/office/drawing/2014/main" id="{063FF538-35C1-9B4F-5CDB-1732FE5993B3}"/>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AI og digitale services</a:t>
              </a:r>
            </a:p>
          </p:txBody>
        </p:sp>
        <p:sp>
          <p:nvSpPr>
            <p:cNvPr id="91" name="Rectangle 43">
              <a:extLst>
                <a:ext uri="{FF2B5EF4-FFF2-40B4-BE49-F238E27FC236}">
                  <a16:creationId xmlns:a16="http://schemas.microsoft.com/office/drawing/2014/main" id="{440BDFF5-089B-07E9-DBF5-6881A3C660C0}"/>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a:ln>
                    <a:noFill/>
                  </a:ln>
                  <a:solidFill>
                    <a:srgbClr val="FFFFFF"/>
                  </a:solidFill>
                  <a:effectLst/>
                  <a:uLnTx/>
                  <a:uFillTx/>
                  <a:latin typeface="Arial" panose="020B0604020202020204"/>
                  <a:ea typeface="+mn-ea"/>
                  <a:cs typeface="+mn-cs"/>
                </a:rPr>
                <a:t>Teknologistak</a:t>
              </a:r>
            </a:p>
          </p:txBody>
        </p:sp>
        <p:sp>
          <p:nvSpPr>
            <p:cNvPr id="92" name="Rectangle 36">
              <a:extLst>
                <a:ext uri="{FF2B5EF4-FFF2-40B4-BE49-F238E27FC236}">
                  <a16:creationId xmlns:a16="http://schemas.microsoft.com/office/drawing/2014/main" id="{A99784DA-0B54-9F8A-7203-01C40921730F}"/>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Koncern- og fagsystemer</a:t>
              </a:r>
            </a:p>
          </p:txBody>
        </p:sp>
        <p:sp>
          <p:nvSpPr>
            <p:cNvPr id="93" name="Rectangle 36">
              <a:extLst>
                <a:ext uri="{FF2B5EF4-FFF2-40B4-BE49-F238E27FC236}">
                  <a16:creationId xmlns:a16="http://schemas.microsoft.com/office/drawing/2014/main" id="{E93C1022-86C7-7776-198C-8FF6094592D8}"/>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Digital arbejdsplads</a:t>
              </a:r>
            </a:p>
          </p:txBody>
        </p:sp>
        <p:sp>
          <p:nvSpPr>
            <p:cNvPr id="94" name="Rectangle 36">
              <a:extLst>
                <a:ext uri="{FF2B5EF4-FFF2-40B4-BE49-F238E27FC236}">
                  <a16:creationId xmlns:a16="http://schemas.microsoft.com/office/drawing/2014/main" id="{A60105C1-28DB-31D2-6FC1-E9B159CC8A70}"/>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Sikkerhedsløsninger</a:t>
              </a:r>
            </a:p>
          </p:txBody>
        </p:sp>
        <p:sp>
          <p:nvSpPr>
            <p:cNvPr id="95" name="Rectangle 36">
              <a:extLst>
                <a:ext uri="{FF2B5EF4-FFF2-40B4-BE49-F238E27FC236}">
                  <a16:creationId xmlns:a16="http://schemas.microsoft.com/office/drawing/2014/main" id="{217DDAAC-F652-7B77-3B88-7885E0C5B9A4}"/>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Datadeling og basis-software</a:t>
              </a:r>
            </a:p>
          </p:txBody>
        </p:sp>
        <p:sp>
          <p:nvSpPr>
            <p:cNvPr id="96" name="Rectangle 36">
              <a:extLst>
                <a:ext uri="{FF2B5EF4-FFF2-40B4-BE49-F238E27FC236}">
                  <a16:creationId xmlns:a16="http://schemas.microsoft.com/office/drawing/2014/main" id="{4E110A6B-5C5E-B241-8292-00C9B25E5819}"/>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Cloud-services</a:t>
              </a:r>
            </a:p>
          </p:txBody>
        </p:sp>
        <p:sp>
          <p:nvSpPr>
            <p:cNvPr id="97" name="Rectangle 36">
              <a:extLst>
                <a:ext uri="{FF2B5EF4-FFF2-40B4-BE49-F238E27FC236}">
                  <a16:creationId xmlns:a16="http://schemas.microsoft.com/office/drawing/2014/main" id="{12972939-C60A-C4AC-3AA2-067F82D7C88B}"/>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Devices og slutbrugerudstyr</a:t>
              </a:r>
            </a:p>
          </p:txBody>
        </p:sp>
        <p:sp>
          <p:nvSpPr>
            <p:cNvPr id="98" name="Rectangle 36">
              <a:extLst>
                <a:ext uri="{FF2B5EF4-FFF2-40B4-BE49-F238E27FC236}">
                  <a16:creationId xmlns:a16="http://schemas.microsoft.com/office/drawing/2014/main" id="{0E1CBB5F-0B01-7C6A-FE7F-6442929E627B}"/>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Datacenterinfrastruktur</a:t>
              </a:r>
            </a:p>
          </p:txBody>
        </p:sp>
        <p:sp>
          <p:nvSpPr>
            <p:cNvPr id="99" name="Rectangle 36">
              <a:extLst>
                <a:ext uri="{FF2B5EF4-FFF2-40B4-BE49-F238E27FC236}">
                  <a16:creationId xmlns:a16="http://schemas.microsoft.com/office/drawing/2014/main" id="{D672A2F9-A8AC-22A9-7D3D-F14D17E616EA}"/>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Netværksinfrastruktur</a:t>
              </a:r>
            </a:p>
          </p:txBody>
        </p:sp>
      </p:grpSp>
      <p:pic>
        <p:nvPicPr>
          <p:cNvPr id="22532" name="Picture 4">
            <a:extLst>
              <a:ext uri="{FF2B5EF4-FFF2-40B4-BE49-F238E27FC236}">
                <a16:creationId xmlns:a16="http://schemas.microsoft.com/office/drawing/2014/main" id="{13993EAC-58BB-9F85-BD1C-87B7CDFBCD7B}"/>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662407" y="141646"/>
            <a:ext cx="1079081" cy="986084"/>
          </a:xfrm>
          <a:prstGeom prst="rect">
            <a:avLst/>
          </a:prstGeom>
          <a:noFill/>
          <a:extLst>
            <a:ext uri="{909E8E84-426E-40DD-AFC4-6F175D3DCCD1}">
              <a14:hiddenFill xmlns:a14="http://schemas.microsoft.com/office/drawing/2010/main">
                <a:solidFill>
                  <a:srgbClr val="FFFFFF"/>
                </a:solidFill>
              </a14:hiddenFill>
            </a:ext>
          </a:extLst>
        </p:spPr>
      </p:pic>
      <p:sp>
        <p:nvSpPr>
          <p:cNvPr id="4" name="Rectangle: Rounded Corners 3">
            <a:extLst>
              <a:ext uri="{FF2B5EF4-FFF2-40B4-BE49-F238E27FC236}">
                <a16:creationId xmlns:a16="http://schemas.microsoft.com/office/drawing/2014/main" id="{8ED70A66-083E-8D4F-0989-F9A40BAEECB0}"/>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A2B3C9"/>
              </a:solidFill>
              <a:effectLst/>
              <a:uLnTx/>
              <a:uFillTx/>
              <a:latin typeface="Arial" panose="020B0604020202020204"/>
              <a:ea typeface="+mn-ea"/>
              <a:cs typeface="+mn-cs"/>
            </a:endParaRPr>
          </a:p>
        </p:txBody>
      </p:sp>
      <p:sp>
        <p:nvSpPr>
          <p:cNvPr id="53" name="Rectangle: Rounded Corners 52">
            <a:extLst>
              <a:ext uri="{FF2B5EF4-FFF2-40B4-BE49-F238E27FC236}">
                <a16:creationId xmlns:a16="http://schemas.microsoft.com/office/drawing/2014/main" id="{636D946B-0E03-5056-8A33-8BBC239DAE81}"/>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Rounded Corners 8">
            <a:extLst>
              <a:ext uri="{FF2B5EF4-FFF2-40B4-BE49-F238E27FC236}">
                <a16:creationId xmlns:a16="http://schemas.microsoft.com/office/drawing/2014/main" id="{C5AA59E8-8F81-F58D-9139-0ED15DC02659}"/>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A2B3C9"/>
              </a:solidFill>
              <a:effectLst/>
              <a:uLnTx/>
              <a:uFillTx/>
              <a:latin typeface="Arial" panose="020B0604020202020204"/>
              <a:ea typeface="+mn-ea"/>
              <a:cs typeface="+mn-cs"/>
            </a:endParaRPr>
          </a:p>
        </p:txBody>
      </p:sp>
      <p:sp>
        <p:nvSpPr>
          <p:cNvPr id="3" name="Content Placeholder 5">
            <a:extLst>
              <a:ext uri="{FF2B5EF4-FFF2-40B4-BE49-F238E27FC236}">
                <a16:creationId xmlns:a16="http://schemas.microsoft.com/office/drawing/2014/main" id="{8EC36399-CD00-B5FB-7E13-CE682AC71E16}"/>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Karakteristika, gevinster og barrierer</a:t>
            </a:r>
          </a:p>
        </p:txBody>
      </p:sp>
      <p:grpSp>
        <p:nvGrpSpPr>
          <p:cNvPr id="41" name="Group 40" descr="Projektet er mellem Idé og projekt fasen">
            <a:extLst>
              <a:ext uri="{FF2B5EF4-FFF2-40B4-BE49-F238E27FC236}">
                <a16:creationId xmlns:a16="http://schemas.microsoft.com/office/drawing/2014/main" id="{B3AE66EE-CAD1-A6B5-0A60-8ED34A03A28B}"/>
              </a:ext>
              <a:ext uri="{C183D7F6-B498-43B3-948B-1728B52AA6E4}">
                <adec:decorative xmlns:adec="http://schemas.microsoft.com/office/drawing/2017/decorative" val="0"/>
              </a:ext>
            </a:extLst>
          </p:cNvPr>
          <p:cNvGrpSpPr/>
          <p:nvPr/>
        </p:nvGrpSpPr>
        <p:grpSpPr>
          <a:xfrm>
            <a:off x="6937091" y="1938275"/>
            <a:ext cx="2371002" cy="240297"/>
            <a:chOff x="579065" y="3714086"/>
            <a:chExt cx="2371002" cy="240297"/>
          </a:xfrm>
        </p:grpSpPr>
        <p:cxnSp>
          <p:nvCxnSpPr>
            <p:cNvPr id="42" name="Straight Connector 41">
              <a:extLst>
                <a:ext uri="{FF2B5EF4-FFF2-40B4-BE49-F238E27FC236}">
                  <a16:creationId xmlns:a16="http://schemas.microsoft.com/office/drawing/2014/main" id="{238515F6-FEDD-B4FA-189F-37196E0E4F63}"/>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B996F372-4B2A-4AE8-1F70-E00AC16970A0}"/>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44" name="TextBox 43">
              <a:extLst>
                <a:ext uri="{FF2B5EF4-FFF2-40B4-BE49-F238E27FC236}">
                  <a16:creationId xmlns:a16="http://schemas.microsoft.com/office/drawing/2014/main" id="{048989E1-B93B-811D-24A6-466D38B4D9B4}"/>
                </a:ext>
              </a:extLst>
            </p:cNvPr>
            <p:cNvSpPr txBox="1"/>
            <p:nvPr/>
          </p:nvSpPr>
          <p:spPr>
            <a:xfrm>
              <a:off x="579065" y="3721174"/>
              <a:ext cx="293195" cy="10772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7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Idé</a:t>
              </a:r>
            </a:p>
          </p:txBody>
        </p:sp>
        <p:sp>
          <p:nvSpPr>
            <p:cNvPr id="47" name="TextBox 46">
              <a:extLst>
                <a:ext uri="{FF2B5EF4-FFF2-40B4-BE49-F238E27FC236}">
                  <a16:creationId xmlns:a16="http://schemas.microsoft.com/office/drawing/2014/main" id="{94EC4649-05D0-1825-4695-6879A6D82EFA}"/>
                </a:ext>
              </a:extLst>
            </p:cNvPr>
            <p:cNvSpPr txBox="1"/>
            <p:nvPr/>
          </p:nvSpPr>
          <p:spPr>
            <a:xfrm>
              <a:off x="1217159" y="3721174"/>
              <a:ext cx="293195" cy="10772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7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Projekt</a:t>
              </a:r>
            </a:p>
          </p:txBody>
        </p:sp>
        <p:sp>
          <p:nvSpPr>
            <p:cNvPr id="48" name="TextBox 47">
              <a:extLst>
                <a:ext uri="{FF2B5EF4-FFF2-40B4-BE49-F238E27FC236}">
                  <a16:creationId xmlns:a16="http://schemas.microsoft.com/office/drawing/2014/main" id="{264EBF89-1868-6B38-E37E-FC72286CC9E1}"/>
                </a:ext>
              </a:extLst>
            </p:cNvPr>
            <p:cNvSpPr txBox="1"/>
            <p:nvPr/>
          </p:nvSpPr>
          <p:spPr>
            <a:xfrm>
              <a:off x="1688148" y="3714086"/>
              <a:ext cx="650230" cy="10772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7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Implementering</a:t>
              </a:r>
            </a:p>
          </p:txBody>
        </p:sp>
        <p:sp>
          <p:nvSpPr>
            <p:cNvPr id="50" name="TextBox 49">
              <a:extLst>
                <a:ext uri="{FF2B5EF4-FFF2-40B4-BE49-F238E27FC236}">
                  <a16:creationId xmlns:a16="http://schemas.microsoft.com/office/drawing/2014/main" id="{D7F9426B-21CA-14D0-08ED-9BCC73C11127}"/>
                </a:ext>
              </a:extLst>
            </p:cNvPr>
            <p:cNvSpPr txBox="1"/>
            <p:nvPr/>
          </p:nvSpPr>
          <p:spPr>
            <a:xfrm>
              <a:off x="2299837" y="3721174"/>
              <a:ext cx="650230" cy="10772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7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Drift</a:t>
              </a:r>
            </a:p>
          </p:txBody>
        </p:sp>
        <p:cxnSp>
          <p:nvCxnSpPr>
            <p:cNvPr id="51" name="Straight Connector 50">
              <a:extLst>
                <a:ext uri="{FF2B5EF4-FFF2-40B4-BE49-F238E27FC236}">
                  <a16:creationId xmlns:a16="http://schemas.microsoft.com/office/drawing/2014/main" id="{C4CF4326-FE2E-1CA3-07BF-62C4C18B1A31}"/>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E12391C7-7E1F-DF12-DC64-77B13BDCC44A}"/>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D498DF99-F992-9287-B6A4-D609415C5B4B}"/>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14" name="Rectangle 13">
            <a:extLst>
              <a:ext uri="{FF2B5EF4-FFF2-40B4-BE49-F238E27FC236}">
                <a16:creationId xmlns:a16="http://schemas.microsoft.com/office/drawing/2014/main" id="{2B2BA493-B8E7-32F9-17BB-382A3E5C7E48}"/>
              </a:ext>
            </a:extLst>
          </p:cNvPr>
          <p:cNvSpPr/>
          <p:nvPr/>
        </p:nvSpPr>
        <p:spPr>
          <a:xfrm>
            <a:off x="3408013" y="2152486"/>
            <a:ext cx="5681357" cy="214319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marL="0" marR="0" lvl="0" indent="0" algn="l" defTabSz="1039307" rtl="0" eaLnBrk="1" fontAlgn="auto" latinLnBrk="0" hangingPunct="1">
              <a:lnSpc>
                <a:spcPct val="100000"/>
              </a:lnSpc>
              <a:spcBef>
                <a:spcPts val="0"/>
              </a:spcBef>
              <a:spcAft>
                <a:spcPts val="300"/>
              </a:spcAft>
              <a:buClrTx/>
              <a:buSzTx/>
              <a:buFontTx/>
              <a:buNone/>
              <a:tabLst/>
              <a:defRPr/>
            </a:pPr>
            <a:r>
              <a:rPr kumimoji="0" lang="da-DK" sz="900" b="1" i="0" u="none" strike="noStrike" kern="1200" cap="none" spc="0" normalizeH="0" baseline="0" noProof="0" dirty="0">
                <a:ln>
                  <a:noFill/>
                </a:ln>
                <a:solidFill>
                  <a:srgbClr val="36465A"/>
                </a:solidFill>
                <a:effectLst/>
                <a:uLnTx/>
                <a:uFillTx/>
                <a:latin typeface="Arial" panose="020B0604020202020204"/>
                <a:ea typeface="+mn-ea"/>
                <a:cs typeface="+mn-cs"/>
              </a:rPr>
              <a:t>Generelle karakteristika</a:t>
            </a:r>
          </a:p>
          <a:p>
            <a:pPr marL="171450" marR="0" lvl="0" indent="-171450" algn="l" defTabSz="1039307" rtl="0" eaLnBrk="1" fontAlgn="auto" latinLnBrk="0" hangingPunct="1">
              <a:lnSpc>
                <a:spcPct val="100000"/>
              </a:lnSpc>
              <a:spcBef>
                <a:spcPts val="0"/>
              </a:spcBef>
              <a:spcAft>
                <a:spcPts val="0"/>
              </a:spcAft>
              <a:buClrTx/>
              <a:buSzTx/>
              <a:buFont typeface="Wingdings" panose="05000000000000000000" pitchFamily="2" charset="2"/>
              <a:buChar char="Ø"/>
              <a:tabLst/>
              <a:defRPr/>
            </a:pPr>
            <a: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t>Status på projekt: </a:t>
            </a:r>
            <a:r>
              <a:rPr kumimoji="0" lang="da-DK" sz="900" i="0" u="none" strike="noStrike" kern="1200" cap="none" spc="0" normalizeH="0" baseline="0" noProof="0" dirty="0" err="1">
                <a:ln>
                  <a:noFill/>
                </a:ln>
                <a:solidFill>
                  <a:srgbClr val="000000"/>
                </a:solidFill>
                <a:effectLst/>
                <a:uLnTx/>
                <a:uFillTx/>
                <a:latin typeface="Arial" panose="020B0604020202020204"/>
                <a:ea typeface="+mn-ea"/>
                <a:cs typeface="+mn-cs"/>
              </a:rPr>
              <a:t>EuroStack</a:t>
            </a: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rPr>
              <a:t> </a:t>
            </a:r>
            <a:r>
              <a:rPr lang="da-DK" sz="900" noProof="0" dirty="0">
                <a:solidFill>
                  <a:srgbClr val="000000"/>
                </a:solidFill>
                <a:latin typeface="Arial" panose="020B0604020202020204"/>
              </a:rPr>
              <a:t>blev</a:t>
            </a: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rPr>
              <a:t> </a:t>
            </a:r>
            <a:r>
              <a:rPr lang="da-DK" sz="900" noProof="0" dirty="0">
                <a:solidFill>
                  <a:srgbClr val="000000"/>
                </a:solidFill>
                <a:latin typeface="Arial" panose="020B0604020202020204"/>
              </a:rPr>
              <a:t>præsenteret</a:t>
            </a: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rPr>
              <a:t> i september 2024 i Europa-Parlamentet som en strategisk indsats for at opbygge suveræn digital infrastruktur. Projektet er i </a:t>
            </a:r>
            <a:r>
              <a:rPr lang="da-DK" sz="900" noProof="0" dirty="0">
                <a:solidFill>
                  <a:srgbClr val="000000"/>
                </a:solidFill>
                <a:latin typeface="Arial" panose="020B0604020202020204"/>
              </a:rPr>
              <a:t>opbygnings</a:t>
            </a: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rPr>
              <a:t>- og mobiliseringsfasen, med fokus på at samle industri, medlemsstater og EU-institutioner om et fælles industrielt-politisk initiativ i tråd med </a:t>
            </a:r>
            <a:r>
              <a:rPr kumimoji="0" lang="da-DK" sz="900" i="0" u="none" strike="noStrike" kern="1200" cap="none" spc="0" normalizeH="0" baseline="0" noProof="0" dirty="0" err="1">
                <a:ln>
                  <a:noFill/>
                </a:ln>
                <a:solidFill>
                  <a:srgbClr val="000000"/>
                </a:solidFill>
                <a:effectLst/>
                <a:uLnTx/>
                <a:uFillTx/>
                <a:latin typeface="Arial" panose="020B0604020202020204"/>
                <a:ea typeface="+mn-ea"/>
                <a:cs typeface="+mn-cs"/>
              </a:rPr>
              <a:t>Draghi</a:t>
            </a: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rPr>
              <a:t>-rapportens anbefalinger.</a:t>
            </a:r>
          </a:p>
          <a:p>
            <a:pPr marL="171450" marR="0" lvl="0" indent="-171450" algn="l" defTabSz="1039307" rtl="0" eaLnBrk="1" fontAlgn="auto" latinLnBrk="0" hangingPunct="1">
              <a:lnSpc>
                <a:spcPct val="100000"/>
              </a:lnSpc>
              <a:spcBef>
                <a:spcPts val="0"/>
              </a:spcBef>
              <a:spcAft>
                <a:spcPts val="0"/>
              </a:spcAft>
              <a:buClrTx/>
              <a:buSzTx/>
              <a:buFont typeface="Wingdings" panose="05000000000000000000" pitchFamily="2" charset="2"/>
              <a:buChar char="Ø"/>
              <a:tabLst/>
              <a:defRPr/>
            </a:pPr>
            <a: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t>Antal myndigheder/organisationer: </a:t>
            </a:r>
            <a:r>
              <a:rPr lang="da-DK" sz="900" noProof="0" dirty="0" err="1">
                <a:solidFill>
                  <a:srgbClr val="000000"/>
                </a:solidFill>
                <a:latin typeface="Arial" panose="020B0604020202020204"/>
              </a:rPr>
              <a:t>EuroStack</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 er primært drevet af en koalition af eksperter og industriledere med politisk støtte fra EU-Kommissionen (DG Connect) og Europa-</a:t>
            </a:r>
            <a:r>
              <a:rPr lang="da-DK" sz="900" noProof="0" dirty="0">
                <a:solidFill>
                  <a:srgbClr val="000000"/>
                </a:solidFill>
                <a:latin typeface="Arial" panose="020B0604020202020204"/>
              </a:rPr>
              <a:t>P</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arlamentet samt en bred vifte af europæiske virksomheder, brancheorganisationer og forskningsinstitutioner, hvor 260 organisationer har tilsluttet sig initiativet.</a:t>
            </a:r>
          </a:p>
          <a:p>
            <a:pPr marL="171450" marR="0" lvl="0" indent="-171450" algn="l" defTabSz="1039307" rtl="0" eaLnBrk="1" fontAlgn="auto" latinLnBrk="0" hangingPunct="1">
              <a:lnSpc>
                <a:spcPct val="100000"/>
              </a:lnSpc>
              <a:spcBef>
                <a:spcPts val="0"/>
              </a:spcBef>
              <a:spcAft>
                <a:spcPts val="0"/>
              </a:spcAft>
              <a:buClrTx/>
              <a:buSzTx/>
              <a:buFont typeface="Wingdings" panose="05000000000000000000" pitchFamily="2" charset="2"/>
              <a:buChar char="Ø"/>
              <a:tabLst/>
              <a:defRPr/>
            </a:pPr>
            <a: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t>Geografisk omfang: </a:t>
            </a:r>
            <a:r>
              <a:rPr lang="da-DK" sz="900" noProof="0" dirty="0">
                <a:solidFill>
                  <a:srgbClr val="000000"/>
                </a:solidFill>
                <a:latin typeface="Arial" panose="020B0604020202020204"/>
              </a:rPr>
              <a:t>Fælleseuropæisk med politisk støtte fra EU-Kommissionen</a:t>
            </a:r>
            <a:endPar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endParaRPr>
          </a:p>
          <a:p>
            <a:pPr marL="171450" marR="0" lvl="0" indent="-171450" algn="l" defTabSz="1039307" rtl="0" eaLnBrk="1" fontAlgn="auto" latinLnBrk="0" hangingPunct="1">
              <a:lnSpc>
                <a:spcPct val="100000"/>
              </a:lnSpc>
              <a:spcBef>
                <a:spcPts val="0"/>
              </a:spcBef>
              <a:spcAft>
                <a:spcPts val="0"/>
              </a:spcAft>
              <a:buClrTx/>
              <a:buSzTx/>
              <a:buFont typeface="Wingdings" panose="05000000000000000000" pitchFamily="2" charset="2"/>
              <a:buChar char="Ø"/>
              <a:tabLst/>
              <a:defRPr/>
            </a:pPr>
            <a: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t>Antal brugere omfattet: </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Indirekte hele EU’s digitale økonomi, potentielt hundredvis af millioner borgere og virksomheder, da initiativet omfatter hele teknologistakken.</a:t>
            </a:r>
          </a:p>
          <a:p>
            <a:pPr marL="171450" marR="0" lvl="0" indent="-171450" algn="l" defTabSz="1039307" rtl="0" eaLnBrk="1" fontAlgn="auto" latinLnBrk="0" hangingPunct="1">
              <a:lnSpc>
                <a:spcPct val="100000"/>
              </a:lnSpc>
              <a:spcBef>
                <a:spcPts val="0"/>
              </a:spcBef>
              <a:spcAft>
                <a:spcPts val="0"/>
              </a:spcAft>
              <a:buClrTx/>
              <a:buSzTx/>
              <a:buFont typeface="Wingdings" panose="05000000000000000000" pitchFamily="2" charset="2"/>
              <a:buChar char="Ø"/>
              <a:tabLst/>
              <a:defRPr/>
            </a:pPr>
            <a: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t>Antal systemer berørt: </a:t>
            </a:r>
            <a:r>
              <a:rPr lang="da-DK" sz="900" noProof="0" dirty="0">
                <a:solidFill>
                  <a:srgbClr val="000000"/>
                </a:solidFill>
                <a:latin typeface="Arial" panose="020B0604020202020204"/>
              </a:rPr>
              <a:t>Potentielt alle systemer, som indgår i den digitale værdikæde på tværs af hele teknologistakken.</a:t>
            </a:r>
            <a:endParaRPr kumimoji="0" lang="da-DK" sz="900" b="0" i="0" u="none" strike="noStrike" kern="1200" cap="none" spc="0" normalizeH="0" baseline="0" noProof="0" dirty="0">
              <a:ln>
                <a:noFill/>
              </a:ln>
              <a:solidFill>
                <a:srgbClr val="000000"/>
              </a:solidFill>
              <a:effectLst/>
              <a:highlight>
                <a:srgbClr val="FFFF00"/>
              </a:highlight>
              <a:uLnTx/>
              <a:uFillTx/>
              <a:latin typeface="Arial" panose="020B0604020202020204"/>
              <a:ea typeface="+mn-ea"/>
              <a:cs typeface="+mn-cs"/>
            </a:endParaRPr>
          </a:p>
        </p:txBody>
      </p:sp>
      <p:sp>
        <p:nvSpPr>
          <p:cNvPr id="49" name="Isosceles Triangle 48">
            <a:extLst>
              <a:ext uri="{FF2B5EF4-FFF2-40B4-BE49-F238E27FC236}">
                <a16:creationId xmlns:a16="http://schemas.microsoft.com/office/drawing/2014/main" id="{9553ABA0-5A0E-5415-7275-2FACF1B23677}"/>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cxnSp>
        <p:nvCxnSpPr>
          <p:cNvPr id="6" name="Straight Connector 5">
            <a:extLst>
              <a:ext uri="{FF2B5EF4-FFF2-40B4-BE49-F238E27FC236}">
                <a16:creationId xmlns:a16="http://schemas.microsoft.com/office/drawing/2014/main" id="{ECAF670F-FFD4-26E0-20B8-906D7931FAFE}"/>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D0BD8CBB-1541-3CEA-0D3F-57FE8E71E096}"/>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ctr"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900" b="1" i="0" u="none" strike="noStrike" kern="1200" cap="none" spc="0" normalizeH="0" baseline="0" noProof="0" dirty="0">
                <a:ln>
                  <a:noFill/>
                </a:ln>
                <a:solidFill>
                  <a:srgbClr val="36465A"/>
                </a:solidFill>
                <a:effectLst/>
                <a:uLnTx/>
                <a:uFillTx/>
                <a:latin typeface="Arial" panose="020B0604020202020204"/>
                <a:ea typeface="+mn-ea"/>
                <a:cs typeface="+mn-cs"/>
              </a:rPr>
              <a:t>Gevinster </a:t>
            </a:r>
          </a:p>
        </p:txBody>
      </p:sp>
      <p:sp>
        <p:nvSpPr>
          <p:cNvPr id="59" name="Content Placeholder 5">
            <a:extLst>
              <a:ext uri="{FF2B5EF4-FFF2-40B4-BE49-F238E27FC236}">
                <a16:creationId xmlns:a16="http://schemas.microsoft.com/office/drawing/2014/main" id="{B15CED04-FAC5-099E-BA6D-C07A0F16DAB9}"/>
              </a:ext>
            </a:extLst>
          </p:cNvPr>
          <p:cNvSpPr txBox="1">
            <a:spLocks/>
          </p:cNvSpPr>
          <p:nvPr/>
        </p:nvSpPr>
        <p:spPr>
          <a:xfrm>
            <a:off x="3505880" y="4578217"/>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marR="0" lvl="0" indent="-171450" algn="l" defTabSz="1039307" rtl="0" eaLnBrk="1" fontAlgn="auto" latinLnBrk="0" hangingPunct="1">
              <a:lnSpc>
                <a:spcPct val="100000"/>
              </a:lnSpc>
              <a:spcBef>
                <a:spcPts val="0"/>
              </a:spcBef>
              <a:spcAft>
                <a:spcPts val="300"/>
              </a:spcAft>
              <a:buClrTx/>
              <a:buSzTx/>
              <a:buFont typeface="Wingdings" panose="05000000000000000000" pitchFamily="2" charset="2"/>
              <a:buChar char="Ø"/>
              <a:tabLst/>
              <a:defRPr/>
            </a:pPr>
            <a:r>
              <a:rPr lang="da-DK" sz="900" noProof="0" dirty="0">
                <a:solidFill>
                  <a:srgbClr val="000000"/>
                </a:solidFill>
                <a:latin typeface="Arial" panose="020B0604020202020204"/>
              </a:rPr>
              <a:t>Suveræn kritisk infrastruktur</a:t>
            </a:r>
            <a:r>
              <a:rPr lang="da-DK" sz="900" b="0" noProof="0" dirty="0">
                <a:solidFill>
                  <a:srgbClr val="000000"/>
                </a:solidFill>
                <a:latin typeface="Arial" panose="020B0604020202020204"/>
              </a:rPr>
              <a:t>: </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Har til mål at reducere Europas afhængighed af amerikanske og asiatiske </a:t>
            </a:r>
            <a:r>
              <a:rPr kumimoji="0" lang="da-DK" sz="900" b="0" i="0" u="none" strike="noStrike" kern="1200" cap="none" spc="0" normalizeH="0" baseline="0" noProof="0" dirty="0" err="1">
                <a:ln>
                  <a:noFill/>
                </a:ln>
                <a:solidFill>
                  <a:srgbClr val="000000"/>
                </a:solidFill>
                <a:effectLst/>
                <a:uLnTx/>
                <a:uFillTx/>
                <a:latin typeface="Arial" panose="020B0604020202020204"/>
                <a:ea typeface="+mn-ea"/>
                <a:cs typeface="+mn-cs"/>
              </a:rPr>
              <a:t>hyperscalers</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 for kritisk digital infrastruktur.</a:t>
            </a:r>
          </a:p>
          <a:p>
            <a:pPr marL="171450" marR="0" lvl="0" indent="-171450" algn="l" defTabSz="1039307" rtl="0" eaLnBrk="1" fontAlgn="auto" latinLnBrk="0" hangingPunct="1">
              <a:lnSpc>
                <a:spcPct val="100000"/>
              </a:lnSpc>
              <a:spcBef>
                <a:spcPts val="0"/>
              </a:spcBef>
              <a:spcAft>
                <a:spcPts val="300"/>
              </a:spcAft>
              <a:buClrTx/>
              <a:buSzTx/>
              <a:buFont typeface="Wingdings" panose="05000000000000000000" pitchFamily="2" charset="2"/>
              <a:buChar char="Ø"/>
              <a:tabLst/>
              <a:defRPr/>
            </a:pP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rPr>
              <a:t>Indlejring af europæiske principper:</a:t>
            </a:r>
            <a:r>
              <a:rPr lang="da-DK" sz="900" noProof="0" dirty="0">
                <a:solidFill>
                  <a:srgbClr val="000000"/>
                </a:solidFill>
                <a:latin typeface="Arial" panose="020B0604020202020204"/>
              </a:rPr>
              <a:t> </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Principper om transparens, databeskyttelse og rettigheder indlejres i den digitale infrastruktur.</a:t>
            </a:r>
          </a:p>
          <a:p>
            <a:pPr marL="171450" marR="0" lvl="0" indent="-171450" algn="l" defTabSz="1039307" rtl="0" eaLnBrk="1" fontAlgn="auto" latinLnBrk="0" hangingPunct="1">
              <a:lnSpc>
                <a:spcPct val="100000"/>
              </a:lnSpc>
              <a:spcBef>
                <a:spcPts val="0"/>
              </a:spcBef>
              <a:spcAft>
                <a:spcPts val="300"/>
              </a:spcAft>
              <a:buClrTx/>
              <a:buSzTx/>
              <a:buFont typeface="Wingdings" panose="05000000000000000000" pitchFamily="2" charset="2"/>
              <a:buChar char="Ø"/>
              <a:tabLst/>
              <a:defRPr/>
            </a:pP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rPr>
              <a:t>Kapital fastholdes i Europa</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 Mindsker kapitaludstrømning til ikke-europæiske </a:t>
            </a:r>
            <a:r>
              <a:rPr kumimoji="0" lang="da-DK" sz="900" b="0" i="0" u="none" strike="noStrike" kern="1200" cap="none" spc="0" normalizeH="0" baseline="0" noProof="0" dirty="0" err="1">
                <a:ln>
                  <a:noFill/>
                </a:ln>
                <a:solidFill>
                  <a:srgbClr val="000000"/>
                </a:solidFill>
                <a:effectLst/>
                <a:uLnTx/>
                <a:uFillTx/>
                <a:latin typeface="Arial" panose="020B0604020202020204"/>
                <a:ea typeface="+mn-ea"/>
                <a:cs typeface="+mn-cs"/>
              </a:rPr>
              <a:t>tech</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giganter og fastholder værdiskabelse og innovation i Europa.</a:t>
            </a:r>
            <a:endParaRPr kumimoji="0" lang="da-DK" sz="800" b="1" i="0" u="none" strike="noStrike" kern="1200" cap="none" spc="0" normalizeH="0" baseline="0" noProof="0" dirty="0">
              <a:ln>
                <a:noFill/>
              </a:ln>
              <a:solidFill>
                <a:srgbClr val="024D78"/>
              </a:solidFill>
              <a:effectLst/>
              <a:uLnTx/>
              <a:uFillTx/>
              <a:latin typeface="Arial" panose="020B0604020202020204"/>
              <a:ea typeface="+mn-ea"/>
              <a:cs typeface="+mn-cs"/>
            </a:endParaRPr>
          </a:p>
        </p:txBody>
      </p:sp>
      <p:sp>
        <p:nvSpPr>
          <p:cNvPr id="23" name="Content Placeholder 5">
            <a:extLst>
              <a:ext uri="{FF2B5EF4-FFF2-40B4-BE49-F238E27FC236}">
                <a16:creationId xmlns:a16="http://schemas.microsoft.com/office/drawing/2014/main" id="{66021C3A-FB3E-8412-95D0-FB6B666886F0}"/>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ctr"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900" b="1" i="0" u="none" strike="noStrike" kern="1200" cap="none" spc="0" normalizeH="0" baseline="0" noProof="0" dirty="0">
                <a:ln>
                  <a:noFill/>
                </a:ln>
                <a:solidFill>
                  <a:srgbClr val="36465A"/>
                </a:solidFill>
                <a:effectLst/>
                <a:uLnTx/>
                <a:uFillTx/>
                <a:latin typeface="Arial" panose="020B0604020202020204"/>
                <a:ea typeface="+mn-ea"/>
                <a:cs typeface="+mn-cs"/>
              </a:rPr>
              <a:t>Barrierer</a:t>
            </a:r>
          </a:p>
        </p:txBody>
      </p:sp>
      <p:sp>
        <p:nvSpPr>
          <p:cNvPr id="89" name="Content Placeholder 5">
            <a:extLst>
              <a:ext uri="{FF2B5EF4-FFF2-40B4-BE49-F238E27FC236}">
                <a16:creationId xmlns:a16="http://schemas.microsoft.com/office/drawing/2014/main" id="{CD88B9E7-B9A7-5973-3BF5-9209E84E7A08}"/>
              </a:ext>
            </a:extLst>
          </p:cNvPr>
          <p:cNvSpPr txBox="1">
            <a:spLocks/>
          </p:cNvSpPr>
          <p:nvPr/>
        </p:nvSpPr>
        <p:spPr>
          <a:xfrm>
            <a:off x="6404278" y="4578217"/>
            <a:ext cx="2866036" cy="16617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Ins="36000"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defTabSz="914400" eaLnBrk="0" fontAlgn="base" hangingPunct="0">
              <a:spcBef>
                <a:spcPct val="0"/>
              </a:spcBef>
              <a:spcAft>
                <a:spcPct val="0"/>
              </a:spcAft>
              <a:buFont typeface="Wingdings" panose="05000000000000000000" pitchFamily="2" charset="2"/>
              <a:buChar char="Ø"/>
              <a:defRPr/>
            </a:pPr>
            <a:r>
              <a:rPr lang="da-DK" sz="900" noProof="0" dirty="0">
                <a:solidFill>
                  <a:srgbClr val="000000"/>
                </a:solidFill>
              </a:rPr>
              <a:t>Mangel på kapital: </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Opbygning af en europæisk teknologistak kræver langsigtede investeringer op mod flere €100 milliarder til hardware, software og infrastruktur.</a:t>
            </a:r>
            <a:endParaRPr lang="da-DK" sz="900" b="0" noProof="0" dirty="0">
              <a:solidFill>
                <a:srgbClr val="000000"/>
              </a:solidFill>
              <a:latin typeface="Arial" panose="020B0604020202020204"/>
            </a:endParaRPr>
          </a:p>
          <a:p>
            <a:pPr marL="171450" indent="-171450" defTabSz="914400" eaLnBrk="0" fontAlgn="base" hangingPunct="0">
              <a:spcBef>
                <a:spcPct val="0"/>
              </a:spcBef>
              <a:spcAft>
                <a:spcPct val="0"/>
              </a:spcAft>
              <a:buFont typeface="Wingdings" panose="05000000000000000000" pitchFamily="2" charset="2"/>
              <a:buChar char="Ø"/>
              <a:defRPr/>
            </a:pPr>
            <a:r>
              <a:rPr lang="da-DK" sz="900" noProof="0" dirty="0">
                <a:solidFill>
                  <a:srgbClr val="000000"/>
                </a:solidFill>
              </a:rPr>
              <a:t>Mangel på kompetencer til global konkurrence: </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Amerikanske og asiatiske teknologigiganter har etablerede økosystemer og stordriftsfordele, hvilket vanskeliggør konkurrence.</a:t>
            </a:r>
            <a:endPar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endParaRPr>
          </a:p>
          <a:p>
            <a:pPr marL="171450" lvl="0" indent="-171450" defTabSz="914400" eaLnBrk="0" fontAlgn="base" hangingPunct="0">
              <a:spcBef>
                <a:spcPct val="0"/>
              </a:spcBef>
              <a:spcAft>
                <a:spcPct val="0"/>
              </a:spcAft>
              <a:buFont typeface="Wingdings" panose="05000000000000000000" pitchFamily="2" charset="2"/>
              <a:buChar char="Ø"/>
              <a:defRPr/>
            </a:pPr>
            <a:r>
              <a:rPr lang="da-DK" sz="900" noProof="0" dirty="0">
                <a:solidFill>
                  <a:srgbClr val="000000"/>
                </a:solidFill>
              </a:rPr>
              <a:t>Manglende fælles standarder: </a:t>
            </a:r>
            <a:r>
              <a:rPr lang="da-DK" sz="900" b="0" noProof="0" dirty="0">
                <a:solidFill>
                  <a:srgbClr val="000000"/>
                </a:solidFill>
              </a:rPr>
              <a:t>U</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den fælles tekniske og sikkerhedsstandarder risikerer man fragmentering, hvilket kan hæmme </a:t>
            </a:r>
            <a:r>
              <a:rPr kumimoji="0" lang="da-DK" sz="900" b="0" i="0" u="none" strike="noStrike" kern="1200" cap="none" spc="0" normalizeH="0" baseline="0" noProof="0" dirty="0" err="1">
                <a:ln>
                  <a:noFill/>
                </a:ln>
                <a:solidFill>
                  <a:srgbClr val="000000"/>
                </a:solidFill>
                <a:effectLst/>
                <a:uLnTx/>
                <a:uFillTx/>
                <a:latin typeface="Arial" panose="020B0604020202020204"/>
                <a:ea typeface="+mn-ea"/>
                <a:cs typeface="+mn-cs"/>
              </a:rPr>
              <a:t>interoperabilitet</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 og adoption.</a:t>
            </a:r>
            <a:endParaRPr kumimoji="0" lang="da-DK" sz="900" b="1" i="0" u="none" strike="noStrike" kern="1200" cap="none" spc="0" normalizeH="0" baseline="0" noProof="0" dirty="0">
              <a:ln>
                <a:noFill/>
              </a:ln>
              <a:solidFill>
                <a:srgbClr val="024D78"/>
              </a:solidFill>
              <a:effectLst/>
              <a:uLnTx/>
              <a:uFillTx/>
              <a:latin typeface="Arial" panose="020B0604020202020204"/>
              <a:ea typeface="+mn-ea"/>
              <a:cs typeface="+mn-cs"/>
            </a:endParaRPr>
          </a:p>
        </p:txBody>
      </p:sp>
      <p:grpSp>
        <p:nvGrpSpPr>
          <p:cNvPr id="22535" name="Gruppe 22534" descr="Casen addresserer virkemidlerne Strategi og organisation, arkitektur og åbne standarder samt alternative løsninger">
            <a:extLst>
              <a:ext uri="{FF2B5EF4-FFF2-40B4-BE49-F238E27FC236}">
                <a16:creationId xmlns:a16="http://schemas.microsoft.com/office/drawing/2014/main" id="{D4D61BD5-2557-2684-4BDC-9A751E4308B2}"/>
              </a:ext>
            </a:extLst>
          </p:cNvPr>
          <p:cNvGrpSpPr/>
          <p:nvPr/>
        </p:nvGrpSpPr>
        <p:grpSpPr>
          <a:xfrm>
            <a:off x="9603525" y="1812067"/>
            <a:ext cx="2399666" cy="2088724"/>
            <a:chOff x="9603525" y="1812067"/>
            <a:chExt cx="2399666" cy="2088724"/>
          </a:xfrm>
        </p:grpSpPr>
        <p:sp>
          <p:nvSpPr>
            <p:cNvPr id="62" name="Content Placeholder 5">
              <a:extLst>
                <a:ext uri="{FF2B5EF4-FFF2-40B4-BE49-F238E27FC236}">
                  <a16:creationId xmlns:a16="http://schemas.microsoft.com/office/drawing/2014/main" id="{4C12156A-FC80-EAE5-DCBF-A2990DE18FED}"/>
                </a:ext>
              </a:extLst>
            </p:cNvPr>
            <p:cNvSpPr txBox="1">
              <a:spLocks/>
            </p:cNvSpPr>
            <p:nvPr/>
          </p:nvSpPr>
          <p:spPr>
            <a:xfrm>
              <a:off x="9725863" y="1870757"/>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Virkemidler</a:t>
              </a:r>
            </a:p>
          </p:txBody>
        </p:sp>
        <p:sp>
          <p:nvSpPr>
            <p:cNvPr id="63" name="Rectangle: Rounded Corners 62">
              <a:extLst>
                <a:ext uri="{FF2B5EF4-FFF2-40B4-BE49-F238E27FC236}">
                  <a16:creationId xmlns:a16="http://schemas.microsoft.com/office/drawing/2014/main" id="{F4B63EC5-27C7-0528-58D0-958B20A1EDE2}"/>
                </a:ext>
              </a:extLst>
            </p:cNvPr>
            <p:cNvSpPr/>
            <p:nvPr/>
          </p:nvSpPr>
          <p:spPr>
            <a:xfrm>
              <a:off x="9603525" y="1812067"/>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dirty="0">
                <a:ln>
                  <a:noFill/>
                </a:ln>
                <a:solidFill>
                  <a:srgbClr val="A2B3C9"/>
                </a:solidFill>
                <a:effectLst/>
                <a:uLnTx/>
                <a:uFillTx/>
                <a:latin typeface="Arial" panose="020B0604020202020204"/>
                <a:ea typeface="+mn-ea"/>
                <a:cs typeface="+mn-cs"/>
              </a:endParaRPr>
            </a:p>
          </p:txBody>
        </p:sp>
        <p:sp>
          <p:nvSpPr>
            <p:cNvPr id="107" name="Rektangel: afrundede hjørner 10">
              <a:extLst>
                <a:ext uri="{FF2B5EF4-FFF2-40B4-BE49-F238E27FC236}">
                  <a16:creationId xmlns:a16="http://schemas.microsoft.com/office/drawing/2014/main" id="{B4E38F13-370B-8B86-A9FD-BD619969DC4A}"/>
                </a:ext>
              </a:extLst>
            </p:cNvPr>
            <p:cNvSpPr>
              <a:spLocks/>
            </p:cNvSpPr>
            <p:nvPr/>
          </p:nvSpPr>
          <p:spPr>
            <a:xfrm>
              <a:off x="9715033" y="2160296"/>
              <a:ext cx="2190658" cy="252000"/>
            </a:xfrm>
            <a:prstGeom prst="roundRect">
              <a:avLst>
                <a:gd name="adj" fmla="val 5714"/>
              </a:avLst>
            </a:prstGeom>
            <a:solidFill>
              <a:srgbClr val="B7E5EE"/>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08" name="TextBox 4">
              <a:extLst>
                <a:ext uri="{FF2B5EF4-FFF2-40B4-BE49-F238E27FC236}">
                  <a16:creationId xmlns:a16="http://schemas.microsoft.com/office/drawing/2014/main" id="{00F09B68-C692-430D-AAAB-20B1CAB90672}"/>
                </a:ext>
              </a:extLst>
            </p:cNvPr>
            <p:cNvSpPr txBox="1">
              <a:spLocks/>
            </p:cNvSpPr>
            <p:nvPr/>
          </p:nvSpPr>
          <p:spPr>
            <a:xfrm>
              <a:off x="10013065" y="2171242"/>
              <a:ext cx="1955475" cy="230108"/>
            </a:xfrm>
            <a:prstGeom prst="rect">
              <a:avLst/>
            </a:prstGeom>
            <a:noFill/>
          </p:spPr>
          <p:txBody>
            <a:bodyPr wrap="square" lIns="0" rtlCol="0" anchor="ctr">
              <a:noAutofit/>
            </a:bodyPr>
            <a:lstStyle/>
            <a:p>
              <a:r>
                <a:rPr lang="da-DK" sz="700" b="1" noProof="0" dirty="0">
                  <a:solidFill>
                    <a:srgbClr val="024D78"/>
                  </a:solidFill>
                </a:rPr>
                <a:t>01 | Strategi og organisation</a:t>
              </a:r>
            </a:p>
          </p:txBody>
        </p:sp>
        <p:sp>
          <p:nvSpPr>
            <p:cNvPr id="109" name="Rektangel: afrundede hjørner 5">
              <a:extLst>
                <a:ext uri="{FF2B5EF4-FFF2-40B4-BE49-F238E27FC236}">
                  <a16:creationId xmlns:a16="http://schemas.microsoft.com/office/drawing/2014/main" id="{96D34BFB-E1A0-FF5B-9EBE-1A96596ECBF0}"/>
                </a:ext>
              </a:extLst>
            </p:cNvPr>
            <p:cNvSpPr>
              <a:spLocks/>
            </p:cNvSpPr>
            <p:nvPr/>
          </p:nvSpPr>
          <p:spPr>
            <a:xfrm>
              <a:off x="9714378" y="3208895"/>
              <a:ext cx="2190658" cy="252000"/>
            </a:xfrm>
            <a:prstGeom prst="roundRect">
              <a:avLst>
                <a:gd name="adj" fmla="val 5714"/>
              </a:avLst>
            </a:prstGeom>
            <a:solidFill>
              <a:srgbClr val="B7E5EE">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10" name="Rektangel: afrundede hjørner 9">
              <a:extLst>
                <a:ext uri="{FF2B5EF4-FFF2-40B4-BE49-F238E27FC236}">
                  <a16:creationId xmlns:a16="http://schemas.microsoft.com/office/drawing/2014/main" id="{56955E25-A20D-5607-9FBA-3B6AA5412800}"/>
                </a:ext>
              </a:extLst>
            </p:cNvPr>
            <p:cNvSpPr>
              <a:spLocks/>
            </p:cNvSpPr>
            <p:nvPr/>
          </p:nvSpPr>
          <p:spPr>
            <a:xfrm>
              <a:off x="9715296" y="2860854"/>
              <a:ext cx="2190193" cy="252000"/>
            </a:xfrm>
            <a:prstGeom prst="roundRect">
              <a:avLst>
                <a:gd name="adj" fmla="val 5714"/>
              </a:avLst>
            </a:prstGeom>
            <a:solidFill>
              <a:srgbClr val="B7E5EE">
                <a:alpha val="50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11" name="Rektangel: afrundede hjørner 39">
              <a:extLst>
                <a:ext uri="{FF2B5EF4-FFF2-40B4-BE49-F238E27FC236}">
                  <a16:creationId xmlns:a16="http://schemas.microsoft.com/office/drawing/2014/main" id="{47E0B14C-23C1-1C08-6598-563E828A4D9E}"/>
                </a:ext>
              </a:extLst>
            </p:cNvPr>
            <p:cNvSpPr>
              <a:spLocks/>
            </p:cNvSpPr>
            <p:nvPr/>
          </p:nvSpPr>
          <p:spPr>
            <a:xfrm>
              <a:off x="9714378" y="2489568"/>
              <a:ext cx="2190193" cy="252000"/>
            </a:xfrm>
            <a:prstGeom prst="roundRect">
              <a:avLst>
                <a:gd name="adj" fmla="val 5714"/>
              </a:avLst>
            </a:prstGeom>
            <a:solidFill>
              <a:srgbClr val="B7E5EE">
                <a:alpha val="7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12" name="Rektangel: afrundede hjørner 39">
              <a:extLst>
                <a:ext uri="{FF2B5EF4-FFF2-40B4-BE49-F238E27FC236}">
                  <a16:creationId xmlns:a16="http://schemas.microsoft.com/office/drawing/2014/main" id="{DF629E7F-592D-8A5B-F3F3-5B76B7D1A274}"/>
                </a:ext>
              </a:extLst>
            </p:cNvPr>
            <p:cNvSpPr>
              <a:spLocks/>
            </p:cNvSpPr>
            <p:nvPr/>
          </p:nvSpPr>
          <p:spPr>
            <a:xfrm>
              <a:off x="9714843" y="3561413"/>
              <a:ext cx="2190193" cy="252000"/>
            </a:xfrm>
            <a:prstGeom prst="roundRect">
              <a:avLst>
                <a:gd name="adj" fmla="val 5714"/>
              </a:avLst>
            </a:prstGeom>
            <a:solidFill>
              <a:srgbClr val="B7E5EE">
                <a:alpha val="1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13" name="TextBox 4">
              <a:extLst>
                <a:ext uri="{FF2B5EF4-FFF2-40B4-BE49-F238E27FC236}">
                  <a16:creationId xmlns:a16="http://schemas.microsoft.com/office/drawing/2014/main" id="{CADA33D7-11F0-873A-6674-9668F9D6D1E7}"/>
                </a:ext>
              </a:extLst>
            </p:cNvPr>
            <p:cNvSpPr txBox="1">
              <a:spLocks/>
            </p:cNvSpPr>
            <p:nvPr/>
          </p:nvSpPr>
          <p:spPr>
            <a:xfrm>
              <a:off x="10012600" y="3219841"/>
              <a:ext cx="1955475" cy="230108"/>
            </a:xfrm>
            <a:prstGeom prst="rect">
              <a:avLst/>
            </a:prstGeom>
            <a:noFill/>
          </p:spPr>
          <p:txBody>
            <a:bodyPr wrap="square" lIns="0" rtlCol="0" anchor="ctr">
              <a:noAutofit/>
            </a:bodyPr>
            <a:lstStyle/>
            <a:p>
              <a:r>
                <a:rPr lang="da-DK" sz="700" noProof="0" dirty="0">
                  <a:solidFill>
                    <a:srgbClr val="024D78"/>
                  </a:solidFill>
                </a:rPr>
                <a:t>04 | Indkøb, krav og leverandørsamarbejde</a:t>
              </a:r>
            </a:p>
          </p:txBody>
        </p:sp>
        <p:sp>
          <p:nvSpPr>
            <p:cNvPr id="114" name="TextBox 4">
              <a:extLst>
                <a:ext uri="{FF2B5EF4-FFF2-40B4-BE49-F238E27FC236}">
                  <a16:creationId xmlns:a16="http://schemas.microsoft.com/office/drawing/2014/main" id="{060D1B2A-FFCD-3EE6-2B99-C945AA43DDD0}"/>
                </a:ext>
              </a:extLst>
            </p:cNvPr>
            <p:cNvSpPr txBox="1">
              <a:spLocks/>
            </p:cNvSpPr>
            <p:nvPr/>
          </p:nvSpPr>
          <p:spPr>
            <a:xfrm>
              <a:off x="10013065" y="2871800"/>
              <a:ext cx="1955475" cy="230108"/>
            </a:xfrm>
            <a:prstGeom prst="rect">
              <a:avLst/>
            </a:prstGeom>
            <a:noFill/>
          </p:spPr>
          <p:txBody>
            <a:bodyPr wrap="square" lIns="0" rtlCol="0" anchor="ctr">
              <a:noAutofit/>
            </a:bodyPr>
            <a:lstStyle/>
            <a:p>
              <a:r>
                <a:rPr lang="da-DK" sz="700" b="1" noProof="0" dirty="0">
                  <a:solidFill>
                    <a:srgbClr val="024D78"/>
                  </a:solidFill>
                </a:rPr>
                <a:t>03 | Arkitektur og åbne standarder</a:t>
              </a:r>
            </a:p>
          </p:txBody>
        </p:sp>
        <p:sp>
          <p:nvSpPr>
            <p:cNvPr id="116" name="TextBox 4">
              <a:extLst>
                <a:ext uri="{FF2B5EF4-FFF2-40B4-BE49-F238E27FC236}">
                  <a16:creationId xmlns:a16="http://schemas.microsoft.com/office/drawing/2014/main" id="{ADCE5931-8A9C-44E2-C5F0-256C5AFB835A}"/>
                </a:ext>
              </a:extLst>
            </p:cNvPr>
            <p:cNvSpPr txBox="1">
              <a:spLocks/>
            </p:cNvSpPr>
            <p:nvPr/>
          </p:nvSpPr>
          <p:spPr>
            <a:xfrm>
              <a:off x="10012147" y="2500514"/>
              <a:ext cx="1955475" cy="230108"/>
            </a:xfrm>
            <a:prstGeom prst="rect">
              <a:avLst/>
            </a:prstGeom>
            <a:noFill/>
          </p:spPr>
          <p:txBody>
            <a:bodyPr wrap="square" lIns="0" rtlCol="0" anchor="ctr">
              <a:noAutofit/>
            </a:bodyPr>
            <a:lstStyle/>
            <a:p>
              <a:r>
                <a:rPr lang="da-DK" sz="700" noProof="0" dirty="0">
                  <a:solidFill>
                    <a:srgbClr val="024D78"/>
                  </a:solidFill>
                </a:rPr>
                <a:t>02 | Risikobaseret styring af afhængigheder</a:t>
              </a:r>
            </a:p>
          </p:txBody>
        </p:sp>
        <p:sp>
          <p:nvSpPr>
            <p:cNvPr id="117" name="TextBox 4">
              <a:extLst>
                <a:ext uri="{FF2B5EF4-FFF2-40B4-BE49-F238E27FC236}">
                  <a16:creationId xmlns:a16="http://schemas.microsoft.com/office/drawing/2014/main" id="{BF19E3FC-C1C2-2A42-688B-4BB4269F9431}"/>
                </a:ext>
              </a:extLst>
            </p:cNvPr>
            <p:cNvSpPr txBox="1">
              <a:spLocks/>
            </p:cNvSpPr>
            <p:nvPr/>
          </p:nvSpPr>
          <p:spPr>
            <a:xfrm>
              <a:off x="10013065" y="3572359"/>
              <a:ext cx="1955475" cy="230108"/>
            </a:xfrm>
            <a:prstGeom prst="rect">
              <a:avLst/>
            </a:prstGeom>
            <a:noFill/>
          </p:spPr>
          <p:txBody>
            <a:bodyPr wrap="square" lIns="0" rtlCol="0" anchor="ctr">
              <a:noAutofit/>
            </a:bodyPr>
            <a:lstStyle/>
            <a:p>
              <a:r>
                <a:rPr lang="da-DK" sz="700" b="1" noProof="0" dirty="0">
                  <a:solidFill>
                    <a:srgbClr val="024D78"/>
                  </a:solidFill>
                </a:rPr>
                <a:t>05 | Alternative løsninger</a:t>
              </a:r>
            </a:p>
          </p:txBody>
        </p:sp>
        <p:sp>
          <p:nvSpPr>
            <p:cNvPr id="118" name="Freeform 7">
              <a:extLst>
                <a:ext uri="{FF2B5EF4-FFF2-40B4-BE49-F238E27FC236}">
                  <a16:creationId xmlns:a16="http://schemas.microsoft.com/office/drawing/2014/main" id="{20EA5860-A898-87DE-97C2-CF21682D5794}"/>
                </a:ext>
              </a:extLst>
            </p:cNvPr>
            <p:cNvSpPr>
              <a:spLocks noEditPoints="1"/>
            </p:cNvSpPr>
            <p:nvPr/>
          </p:nvSpPr>
          <p:spPr bwMode="auto">
            <a:xfrm>
              <a:off x="9787104" y="3249608"/>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119" name="Group 18">
              <a:extLst>
                <a:ext uri="{FF2B5EF4-FFF2-40B4-BE49-F238E27FC236}">
                  <a16:creationId xmlns:a16="http://schemas.microsoft.com/office/drawing/2014/main" id="{F25E92E4-E4BC-DDB4-02D1-A92C7E2FB3C7}"/>
                </a:ext>
              </a:extLst>
            </p:cNvPr>
            <p:cNvGrpSpPr/>
            <p:nvPr/>
          </p:nvGrpSpPr>
          <p:grpSpPr>
            <a:xfrm>
              <a:off x="9779042" y="2912075"/>
              <a:ext cx="193946" cy="152578"/>
              <a:chOff x="8675444" y="2927353"/>
              <a:chExt cx="573087" cy="450850"/>
            </a:xfrm>
            <a:solidFill>
              <a:srgbClr val="024D78"/>
            </a:solidFill>
          </p:grpSpPr>
          <p:sp>
            <p:nvSpPr>
              <p:cNvPr id="120" name="Freeform 257">
                <a:extLst>
                  <a:ext uri="{FF2B5EF4-FFF2-40B4-BE49-F238E27FC236}">
                    <a16:creationId xmlns:a16="http://schemas.microsoft.com/office/drawing/2014/main" id="{58E2A03E-044F-FF10-8C8B-9282D551D500}"/>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21" name="Freeform 258">
                <a:extLst>
                  <a:ext uri="{FF2B5EF4-FFF2-40B4-BE49-F238E27FC236}">
                    <a16:creationId xmlns:a16="http://schemas.microsoft.com/office/drawing/2014/main" id="{543EE735-73D5-991E-63B9-2AAC9B9815C0}"/>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22" name="Freeform 259">
                <a:extLst>
                  <a:ext uri="{FF2B5EF4-FFF2-40B4-BE49-F238E27FC236}">
                    <a16:creationId xmlns:a16="http://schemas.microsoft.com/office/drawing/2014/main" id="{EAC6677F-BCA9-82F0-33F4-E68FE49B7EDD}"/>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123" name="Group 22">
              <a:extLst>
                <a:ext uri="{FF2B5EF4-FFF2-40B4-BE49-F238E27FC236}">
                  <a16:creationId xmlns:a16="http://schemas.microsoft.com/office/drawing/2014/main" id="{C504BDFF-B2FE-9822-7A11-7CF73EF13FE8}"/>
                </a:ext>
              </a:extLst>
            </p:cNvPr>
            <p:cNvGrpSpPr/>
            <p:nvPr/>
          </p:nvGrpSpPr>
          <p:grpSpPr>
            <a:xfrm>
              <a:off x="9785703" y="2518430"/>
              <a:ext cx="178788" cy="179199"/>
              <a:chOff x="8695953" y="3768979"/>
              <a:chExt cx="531804" cy="533027"/>
            </a:xfrm>
            <a:solidFill>
              <a:srgbClr val="024D78"/>
            </a:solidFill>
          </p:grpSpPr>
          <p:sp>
            <p:nvSpPr>
              <p:cNvPr id="124" name="Freeform 291">
                <a:extLst>
                  <a:ext uri="{FF2B5EF4-FFF2-40B4-BE49-F238E27FC236}">
                    <a16:creationId xmlns:a16="http://schemas.microsoft.com/office/drawing/2014/main" id="{E06E3C0E-83AD-DEDF-7FDA-FCFC72286CD3}"/>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25" name="Freeform 292">
                <a:extLst>
                  <a:ext uri="{FF2B5EF4-FFF2-40B4-BE49-F238E27FC236}">
                    <a16:creationId xmlns:a16="http://schemas.microsoft.com/office/drawing/2014/main" id="{FAC67AE6-C8B1-8480-1453-A2268855A13E}"/>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26" name="Freeform 293">
                <a:extLst>
                  <a:ext uri="{FF2B5EF4-FFF2-40B4-BE49-F238E27FC236}">
                    <a16:creationId xmlns:a16="http://schemas.microsoft.com/office/drawing/2014/main" id="{AFD41D55-2822-6942-A94F-94B32B68EFA9}"/>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127" name="Freeform 25">
              <a:extLst>
                <a:ext uri="{FF2B5EF4-FFF2-40B4-BE49-F238E27FC236}">
                  <a16:creationId xmlns:a16="http://schemas.microsoft.com/office/drawing/2014/main" id="{5D54BA49-7C72-4477-5D64-B35B41ACCA86}"/>
                </a:ext>
              </a:extLst>
            </p:cNvPr>
            <p:cNvSpPr>
              <a:spLocks noEditPoints="1"/>
            </p:cNvSpPr>
            <p:nvPr/>
          </p:nvSpPr>
          <p:spPr bwMode="auto">
            <a:xfrm>
              <a:off x="9770631" y="3593353"/>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22528" name="Freeform 17">
              <a:extLst>
                <a:ext uri="{FF2B5EF4-FFF2-40B4-BE49-F238E27FC236}">
                  <a16:creationId xmlns:a16="http://schemas.microsoft.com/office/drawing/2014/main" id="{2D928908-D82A-9E4E-004B-14C071E2DE9C}"/>
                </a:ext>
              </a:extLst>
            </p:cNvPr>
            <p:cNvSpPr>
              <a:spLocks noEditPoints="1"/>
            </p:cNvSpPr>
            <p:nvPr/>
          </p:nvSpPr>
          <p:spPr bwMode="auto">
            <a:xfrm>
              <a:off x="9786544" y="2197020"/>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sp>
          <p:nvSpPr>
            <p:cNvPr id="22531" name="Rectangle 26">
              <a:extLst>
                <a:ext uri="{FF2B5EF4-FFF2-40B4-BE49-F238E27FC236}">
                  <a16:creationId xmlns:a16="http://schemas.microsoft.com/office/drawing/2014/main" id="{BD398FE5-8E23-BD96-1812-521429832EB8}"/>
                </a:ext>
              </a:extLst>
            </p:cNvPr>
            <p:cNvSpPr>
              <a:spLocks/>
            </p:cNvSpPr>
            <p:nvPr/>
          </p:nvSpPr>
          <p:spPr>
            <a:xfrm>
              <a:off x="9660370" y="2449899"/>
              <a:ext cx="2265245" cy="30783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sp>
          <p:nvSpPr>
            <p:cNvPr id="22533" name="Rectangle 26">
              <a:extLst>
                <a:ext uri="{FF2B5EF4-FFF2-40B4-BE49-F238E27FC236}">
                  <a16:creationId xmlns:a16="http://schemas.microsoft.com/office/drawing/2014/main" id="{CA7229AB-D4C3-A2D7-F1CD-CDA90D3E7BF4}"/>
                </a:ext>
              </a:extLst>
            </p:cNvPr>
            <p:cNvSpPr>
              <a:spLocks/>
            </p:cNvSpPr>
            <p:nvPr/>
          </p:nvSpPr>
          <p:spPr>
            <a:xfrm>
              <a:off x="9643098" y="3182605"/>
              <a:ext cx="2265245" cy="30783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cxnSp>
          <p:nvCxnSpPr>
            <p:cNvPr id="22534" name="Straight Connector 64">
              <a:extLst>
                <a:ext uri="{FF2B5EF4-FFF2-40B4-BE49-F238E27FC236}">
                  <a16:creationId xmlns:a16="http://schemas.microsoft.com/office/drawing/2014/main" id="{1E471341-5ED8-41F8-4B09-15FE92AE2C5D}"/>
                </a:ext>
              </a:extLst>
            </p:cNvPr>
            <p:cNvCxnSpPr>
              <a:cxnSpLocks/>
            </p:cNvCxnSpPr>
            <p:nvPr/>
          </p:nvCxnSpPr>
          <p:spPr>
            <a:xfrm>
              <a:off x="9714378" y="2122972"/>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cxnSp>
        <p:nvCxnSpPr>
          <p:cNvPr id="25" name="Straight Connector 24">
            <a:extLst>
              <a:ext uri="{FF2B5EF4-FFF2-40B4-BE49-F238E27FC236}">
                <a16:creationId xmlns:a16="http://schemas.microsoft.com/office/drawing/2014/main" id="{8B08CF21-E0E3-9A1F-3A68-68FA17E42120}"/>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A41B4508-D6CD-2210-3C01-C35471EDBA73}"/>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cxnSp>
        <p:nvCxnSpPr>
          <p:cNvPr id="57" name="Straight Connector 56">
            <a:extLst>
              <a:ext uri="{FF2B5EF4-FFF2-40B4-BE49-F238E27FC236}">
                <a16:creationId xmlns:a16="http://schemas.microsoft.com/office/drawing/2014/main" id="{F2D596B9-2D2F-A5A2-EF46-FF2A22F24112}"/>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96347FBA-6882-9C05-DD0B-E1461977818E}"/>
              </a:ext>
              <a:ext uri="{C183D7F6-B498-43B3-948B-1728B52AA6E4}">
                <adec:decorative xmlns:adec="http://schemas.microsoft.com/office/drawing/2017/decorative" val="1"/>
              </a:ext>
            </a:extLst>
          </p:cNvPr>
          <p:cNvCxnSpPr>
            <a:cxnSpLocks/>
          </p:cNvCxnSpPr>
          <p:nvPr/>
        </p:nvCxnSpPr>
        <p:spPr>
          <a:xfrm>
            <a:off x="6514217"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CE50C226-79C6-9CDA-EA50-88B26B7C3DCF}"/>
              </a:ext>
              <a:ext uri="{C183D7F6-B498-43B3-948B-1728B52AA6E4}">
                <adec:decorative xmlns:adec="http://schemas.microsoft.com/office/drawing/2017/decorative" val="1"/>
              </a:ext>
            </a:extLst>
          </p:cNvPr>
          <p:cNvCxnSpPr>
            <a:cxnSpLocks/>
          </p:cNvCxnSpPr>
          <p:nvPr/>
        </p:nvCxnSpPr>
        <p:spPr>
          <a:xfrm>
            <a:off x="3408176" y="2122972"/>
            <a:ext cx="3574515"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5" name="Rectangle 114">
            <a:extLst>
              <a:ext uri="{FF2B5EF4-FFF2-40B4-BE49-F238E27FC236}">
                <a16:creationId xmlns:a16="http://schemas.microsoft.com/office/drawing/2014/main" id="{988A7668-9BAE-F176-3CEA-293D309ED309}"/>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marL="0" marR="0" lvl="0" indent="0" algn="l" defTabSz="1039307" rtl="0" eaLnBrk="1" fontAlgn="auto" latinLnBrk="0" hangingPunct="1">
              <a:lnSpc>
                <a:spcPct val="100000"/>
              </a:lnSpc>
              <a:spcBef>
                <a:spcPts val="0"/>
              </a:spcBef>
              <a:spcAft>
                <a:spcPts val="300"/>
              </a:spcAft>
              <a:buClrTx/>
              <a:buSzTx/>
              <a:buFontTx/>
              <a:buNone/>
              <a:tabLst/>
              <a:defRPr/>
            </a:pPr>
            <a:endParaRPr kumimoji="0" lang="da-DK" sz="900" b="1"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Content Placeholder 5">
            <a:extLst>
              <a:ext uri="{FF2B5EF4-FFF2-40B4-BE49-F238E27FC236}">
                <a16:creationId xmlns:a16="http://schemas.microsoft.com/office/drawing/2014/main" id="{40884E09-C355-3934-CA97-1155B7E328CF}"/>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Nøgleerfaringer og </a:t>
            </a:r>
            <a:r>
              <a:rPr kumimoji="0" lang="da-DK" sz="1100" b="1" i="0" u="none" strike="noStrike" kern="1200" cap="none" spc="0" normalizeH="0" baseline="0" noProof="0" dirty="0" err="1">
                <a:ln>
                  <a:noFill/>
                </a:ln>
                <a:solidFill>
                  <a:srgbClr val="36465A"/>
                </a:solidFill>
                <a:effectLst/>
                <a:uLnTx/>
                <a:uFillTx/>
                <a:latin typeface="Arial" panose="020B0604020202020204"/>
                <a:ea typeface="+mn-ea"/>
                <a:cs typeface="+mn-cs"/>
              </a:rPr>
              <a:t>læringer</a:t>
            </a:r>
            <a:endPar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endParaRPr>
          </a:p>
        </p:txBody>
      </p:sp>
      <p:cxnSp>
        <p:nvCxnSpPr>
          <p:cNvPr id="30" name="Straight Connector 29">
            <a:extLst>
              <a:ext uri="{FF2B5EF4-FFF2-40B4-BE49-F238E27FC236}">
                <a16:creationId xmlns:a16="http://schemas.microsoft.com/office/drawing/2014/main" id="{477A6EF8-0676-B40F-2DD4-D601127A911F}"/>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01AEB042-B850-FA05-CE40-19BDF79E5C6A}"/>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A2B3C9"/>
              </a:solidFill>
              <a:effectLst/>
              <a:uLnTx/>
              <a:uFillTx/>
              <a:latin typeface="Arial" panose="020B0604020202020204"/>
              <a:ea typeface="+mn-ea"/>
              <a:cs typeface="+mn-cs"/>
            </a:endParaRPr>
          </a:p>
        </p:txBody>
      </p:sp>
      <p:sp>
        <p:nvSpPr>
          <p:cNvPr id="32" name="Content Placeholder 5">
            <a:extLst>
              <a:ext uri="{FF2B5EF4-FFF2-40B4-BE49-F238E27FC236}">
                <a16:creationId xmlns:a16="http://schemas.microsoft.com/office/drawing/2014/main" id="{9CB7BDD8-6FE6-AFB7-C239-438B1D115904}"/>
              </a:ext>
            </a:extLst>
          </p:cNvPr>
          <p:cNvSpPr txBox="1">
            <a:spLocks/>
          </p:cNvSpPr>
          <p:nvPr/>
        </p:nvSpPr>
        <p:spPr>
          <a:xfrm>
            <a:off x="9633368" y="4346558"/>
            <a:ext cx="2337738" cy="183627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a:spcAft>
                <a:spcPts val="300"/>
              </a:spcAft>
              <a:buFont typeface="Wingdings" panose="05000000000000000000" pitchFamily="2" charset="2"/>
              <a:buChar char="ü"/>
              <a:defRPr/>
            </a:pPr>
            <a:r>
              <a:rPr lang="da-DK" sz="900" noProof="0" dirty="0">
                <a:solidFill>
                  <a:srgbClr val="00172D"/>
                </a:solidFill>
              </a:rPr>
              <a:t>Behov for agil </a:t>
            </a:r>
            <a:r>
              <a:rPr lang="da-DK" sz="900" noProof="0" dirty="0" err="1">
                <a:solidFill>
                  <a:srgbClr val="00172D"/>
                </a:solidFill>
              </a:rPr>
              <a:t>governance</a:t>
            </a:r>
            <a:br>
              <a:rPr lang="da-DK" sz="900" noProof="0" dirty="0">
                <a:solidFill>
                  <a:srgbClr val="00172D"/>
                </a:solidFill>
              </a:rPr>
            </a:br>
            <a:r>
              <a:rPr lang="da-DK" sz="900" b="0" noProof="0" dirty="0" err="1">
                <a:solidFill>
                  <a:srgbClr val="00172D"/>
                </a:solidFill>
              </a:rPr>
              <a:t>EuroStack</a:t>
            </a:r>
            <a:r>
              <a:rPr lang="da-DK" sz="900" b="0" noProof="0" dirty="0">
                <a:solidFill>
                  <a:srgbClr val="00172D"/>
                </a:solidFill>
              </a:rPr>
              <a:t> understreger, at en agil </a:t>
            </a:r>
            <a:r>
              <a:rPr lang="da-DK" sz="900" b="0" noProof="0" dirty="0" err="1">
                <a:solidFill>
                  <a:srgbClr val="00172D"/>
                </a:solidFill>
              </a:rPr>
              <a:t>governance</a:t>
            </a:r>
            <a:r>
              <a:rPr lang="da-DK" sz="900" b="0" noProof="0" dirty="0">
                <a:solidFill>
                  <a:srgbClr val="00172D"/>
                </a:solidFill>
              </a:rPr>
              <a:t>-struktur er nødvendig for at reagere hurtigt på teknologiske og geopolitiske ændringer.</a:t>
            </a:r>
          </a:p>
          <a:p>
            <a:pPr marL="171450" marR="0" lvl="0" indent="-171450" algn="l" defTabSz="203892" rtl="0" eaLnBrk="1" fontAlgn="auto" latinLnBrk="0" hangingPunct="1">
              <a:lnSpc>
                <a:spcPct val="100000"/>
              </a:lnSpc>
              <a:spcBef>
                <a:spcPts val="0"/>
              </a:spcBef>
              <a:spcAft>
                <a:spcPts val="300"/>
              </a:spcAft>
              <a:buClrTx/>
              <a:buSzTx/>
              <a:buFont typeface="Wingdings" panose="05000000000000000000" pitchFamily="2" charset="2"/>
              <a:buChar char="ü"/>
              <a:tabLst/>
              <a:defRPr/>
            </a:pPr>
            <a:r>
              <a:rPr lang="da-DK" sz="900" noProof="0" dirty="0">
                <a:solidFill>
                  <a:srgbClr val="000000"/>
                </a:solidFill>
                <a:latin typeface="Arial" panose="020B0604020202020204"/>
              </a:rPr>
              <a:t>Konsortium</a:t>
            </a:r>
            <a: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t> som ramme for samarbejde</a:t>
            </a:r>
            <a:b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br>
            <a:r>
              <a:rPr kumimoji="0" lang="da-DK" sz="900" b="0" i="0" u="none" strike="noStrike" kern="1200" cap="none" spc="0" normalizeH="0" baseline="0" noProof="0" dirty="0" err="1">
                <a:ln>
                  <a:noFill/>
                </a:ln>
                <a:solidFill>
                  <a:srgbClr val="000000"/>
                </a:solidFill>
                <a:effectLst/>
                <a:uLnTx/>
                <a:uFillTx/>
                <a:latin typeface="Arial" panose="020B0604020202020204"/>
                <a:ea typeface="+mn-ea"/>
                <a:cs typeface="+mn-cs"/>
              </a:rPr>
              <a:t>EuroStack</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 skal forankres i et European Digital </a:t>
            </a:r>
            <a:r>
              <a:rPr kumimoji="0" lang="da-DK" sz="900" b="0" i="0" u="none" strike="noStrike" kern="1200" cap="none" spc="0" normalizeH="0" baseline="0" noProof="0" dirty="0" err="1">
                <a:ln>
                  <a:noFill/>
                </a:ln>
                <a:solidFill>
                  <a:srgbClr val="000000"/>
                </a:solidFill>
                <a:effectLst/>
                <a:uLnTx/>
                <a:uFillTx/>
                <a:latin typeface="Arial" panose="020B0604020202020204"/>
                <a:ea typeface="+mn-ea"/>
                <a:cs typeface="+mn-cs"/>
              </a:rPr>
              <a:t>Infrastructure</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 </a:t>
            </a:r>
            <a:r>
              <a:rPr kumimoji="0" lang="da-DK" sz="900" b="0" i="0" u="none" strike="noStrike" kern="1200" cap="none" spc="0" normalizeH="0" baseline="0" noProof="0" dirty="0" err="1">
                <a:ln>
                  <a:noFill/>
                </a:ln>
                <a:solidFill>
                  <a:srgbClr val="000000"/>
                </a:solidFill>
                <a:effectLst/>
                <a:uLnTx/>
                <a:uFillTx/>
                <a:latin typeface="Arial" panose="020B0604020202020204"/>
                <a:ea typeface="+mn-ea"/>
                <a:cs typeface="+mn-cs"/>
              </a:rPr>
              <a:t>Consortium</a:t>
            </a: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 for at få en juridisk og organisatorisk ramme til at samle medlemslande.</a:t>
            </a:r>
          </a:p>
          <a:p>
            <a:pPr marL="171450" marR="0" lvl="0" indent="-171450" algn="l" defTabSz="203892" rtl="0" eaLnBrk="1" fontAlgn="auto" latinLnBrk="0" hangingPunct="1">
              <a:lnSpc>
                <a:spcPct val="100000"/>
              </a:lnSpc>
              <a:spcBef>
                <a:spcPts val="0"/>
              </a:spcBef>
              <a:spcAft>
                <a:spcPts val="300"/>
              </a:spcAft>
              <a:buClrTx/>
              <a:buSzTx/>
              <a:buFont typeface="Wingdings" panose="05000000000000000000" pitchFamily="2" charset="2"/>
              <a:buChar char="ü"/>
              <a:tabLst/>
              <a:defRPr/>
            </a:pPr>
            <a: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t>Tidlig og bred involvering</a:t>
            </a:r>
            <a:br>
              <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rPr>
            </a:b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Hvis industri, medlemslande og civilsamfund ikke føler ejerskab, falder tilslutningen.</a:t>
            </a:r>
          </a:p>
        </p:txBody>
      </p:sp>
      <p:sp>
        <p:nvSpPr>
          <p:cNvPr id="55" name="Oval 54">
            <a:extLst>
              <a:ext uri="{FF2B5EF4-FFF2-40B4-BE49-F238E27FC236}">
                <a16:creationId xmlns:a16="http://schemas.microsoft.com/office/drawing/2014/main" id="{36F200BD-78BA-977C-DC99-87599118F62A}"/>
              </a:ext>
              <a:ext uri="{C183D7F6-B498-43B3-948B-1728B52AA6E4}">
                <adec:decorative xmlns:adec="http://schemas.microsoft.com/office/drawing/2017/decorative" val="1"/>
              </a:ext>
            </a:extLst>
          </p:cNvPr>
          <p:cNvSpPr/>
          <p:nvPr/>
        </p:nvSpPr>
        <p:spPr>
          <a:xfrm>
            <a:off x="7283156"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nvGrpSpPr>
          <p:cNvPr id="101" name="Group 100">
            <a:extLst>
              <a:ext uri="{FF2B5EF4-FFF2-40B4-BE49-F238E27FC236}">
                <a16:creationId xmlns:a16="http://schemas.microsoft.com/office/drawing/2014/main" id="{E3DE200E-F7A5-E9D1-43BE-D85284B64DF0}"/>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02" name="Rectangle 101">
              <a:extLst>
                <a:ext uri="{FF2B5EF4-FFF2-40B4-BE49-F238E27FC236}">
                  <a16:creationId xmlns:a16="http://schemas.microsoft.com/office/drawing/2014/main" id="{48DA8E16-A7CC-5DEE-742D-F8A1EA56E519}"/>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3" name="Rectangle 102">
              <a:extLst>
                <a:ext uri="{FF2B5EF4-FFF2-40B4-BE49-F238E27FC236}">
                  <a16:creationId xmlns:a16="http://schemas.microsoft.com/office/drawing/2014/main" id="{6870F3B4-2748-9B46-9DF6-CD1E24521D08}"/>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err="1">
                  <a:ln>
                    <a:noFill/>
                  </a:ln>
                  <a:solidFill>
                    <a:srgbClr val="FFFFFF"/>
                  </a:solidFill>
                  <a:effectLst/>
                  <a:uLnTx/>
                  <a:uFillTx/>
                  <a:latin typeface="Arial" panose="020B0604020202020204"/>
                  <a:ea typeface="+mn-ea"/>
                  <a:cs typeface="+mn-cs"/>
                </a:rPr>
                <a:t>Casekatalog</a:t>
              </a:r>
              <a:endParaRPr kumimoji="0" lang="da-DK" sz="900" b="1"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5" name="Content Placeholder 5">
            <a:extLst>
              <a:ext uri="{FF2B5EF4-FFF2-40B4-BE49-F238E27FC236}">
                <a16:creationId xmlns:a16="http://schemas.microsoft.com/office/drawing/2014/main" id="{181A74EF-2972-A14D-DA1C-AF9D859B5212}"/>
              </a:ext>
            </a:extLst>
          </p:cNvPr>
          <p:cNvSpPr txBox="1">
            <a:spLocks/>
          </p:cNvSpPr>
          <p:nvPr/>
        </p:nvSpPr>
        <p:spPr>
          <a:xfrm>
            <a:off x="546369" y="6465898"/>
            <a:ext cx="11456822" cy="21705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marR="0" lvl="0" indent="-87313"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700" b="0" i="1" u="none" strike="noStrike" kern="1200" cap="none" spc="0" normalizeH="0" noProof="0">
                <a:ln>
                  <a:noFill/>
                </a:ln>
                <a:solidFill>
                  <a:srgbClr val="000000"/>
                </a:solidFill>
                <a:effectLst/>
                <a:uLnTx/>
                <a:uFillTx/>
                <a:latin typeface="Arial" panose="020B0604020202020204"/>
                <a:ea typeface="+mn-ea"/>
                <a:cs typeface="+mn-cs"/>
              </a:rPr>
              <a:t>*Centre for European Policy Studies (CEPS). **University College London Institute for Innovation and Public Purpose (UCL IIPP).</a:t>
            </a:r>
          </a:p>
        </p:txBody>
      </p:sp>
    </p:spTree>
    <p:extLst>
      <p:ext uri="{BB962C8B-B14F-4D97-AF65-F5344CB8AC3E}">
        <p14:creationId xmlns:p14="http://schemas.microsoft.com/office/powerpoint/2010/main" val="1969442552"/>
      </p:ext>
    </p:extLst>
  </p:cSld>
  <p:clrMapOvr>
    <a:masterClrMapping/>
  </p:clrMapOvr>
  <p:transition>
    <p:fade/>
  </p:transition>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7793D1E-D90E-4FF1-DD82-5F6C90E87021}"/>
            </a:ext>
          </a:extLst>
        </p:cNvPr>
        <p:cNvGrpSpPr/>
        <p:nvPr/>
      </p:nvGrpSpPr>
      <p:grpSpPr>
        <a:xfrm>
          <a:off x="0" y="0"/>
          <a:ext cx="0" cy="0"/>
          <a:chOff x="0" y="0"/>
          <a:chExt cx="0" cy="0"/>
        </a:xfrm>
      </p:grpSpPr>
      <p:sp>
        <p:nvSpPr>
          <p:cNvPr id="93" name="Rectangle: Rounded Corners 92">
            <a:extLst>
              <a:ext uri="{FF2B5EF4-FFF2-40B4-BE49-F238E27FC236}">
                <a16:creationId xmlns:a16="http://schemas.microsoft.com/office/drawing/2014/main" id="{16973684-7943-EB64-5B29-FC97B5BFA245}"/>
              </a:ext>
            </a:extLst>
          </p:cNvPr>
          <p:cNvSpPr/>
          <p:nvPr/>
        </p:nvSpPr>
        <p:spPr>
          <a:xfrm>
            <a:off x="169304" y="11734"/>
            <a:ext cx="9235143"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3 | Analyse af digitale afhængigheder og handlemuligheder i Københavns Kommune</a:t>
            </a:r>
          </a:p>
        </p:txBody>
      </p:sp>
      <p:pic>
        <p:nvPicPr>
          <p:cNvPr id="54" name="Picture 10">
            <a:extLst>
              <a:ext uri="{FF2B5EF4-FFF2-40B4-BE49-F238E27FC236}">
                <a16:creationId xmlns:a16="http://schemas.microsoft.com/office/drawing/2014/main" id="{DD14A338-2D77-5E6C-1236-3FDDA5976F72}"/>
              </a:ext>
              <a:ext uri="{C183D7F6-B498-43B3-948B-1728B52AA6E4}">
                <adec:decorative xmlns:adec="http://schemas.microsoft.com/office/drawing/2017/decorative" val="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776002" y="149698"/>
            <a:ext cx="1198030" cy="1235977"/>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10D15C26-4E24-1444-0929-17639E8DF95F}"/>
              </a:ext>
            </a:extLst>
          </p:cNvPr>
          <p:cNvSpPr>
            <a:spLocks noGrp="1"/>
          </p:cNvSpPr>
          <p:nvPr>
            <p:ph type="title"/>
          </p:nvPr>
        </p:nvSpPr>
        <p:spPr/>
        <p:txBody>
          <a:bodyPr/>
          <a:lstStyle/>
          <a:p>
            <a:r>
              <a:rPr lang="da-DK" sz="2200" noProof="0" dirty="0"/>
              <a:t>Side 1/3 | </a:t>
            </a:r>
            <a:r>
              <a:rPr lang="da-DK" sz="2200" b="1" noProof="0" dirty="0"/>
              <a:t>Sammenfatning af casen</a:t>
            </a:r>
          </a:p>
        </p:txBody>
      </p:sp>
      <p:sp>
        <p:nvSpPr>
          <p:cNvPr id="4" name="Rectangle: Rounded Corners 3">
            <a:extLst>
              <a:ext uri="{FF2B5EF4-FFF2-40B4-BE49-F238E27FC236}">
                <a16:creationId xmlns:a16="http://schemas.microsoft.com/office/drawing/2014/main" id="{C1A48E36-1FE2-A41C-1950-7E30F05AA604}"/>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solidFill>
                <a:srgbClr val="A2B3C9"/>
              </a:solidFill>
            </a:endParaRPr>
          </a:p>
        </p:txBody>
      </p:sp>
      <p:sp>
        <p:nvSpPr>
          <p:cNvPr id="53" name="Rectangle: Rounded Corners 52">
            <a:extLst>
              <a:ext uri="{FF2B5EF4-FFF2-40B4-BE49-F238E27FC236}">
                <a16:creationId xmlns:a16="http://schemas.microsoft.com/office/drawing/2014/main" id="{5CFEBFAE-A65F-6559-6603-C7E62BC66C00}"/>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9" name="Rectangle: Rounded Corners 8">
            <a:extLst>
              <a:ext uri="{FF2B5EF4-FFF2-40B4-BE49-F238E27FC236}">
                <a16:creationId xmlns:a16="http://schemas.microsoft.com/office/drawing/2014/main" id="{A6EACA5E-B4E2-9A7A-033D-D82D22761103}"/>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solidFill>
                <a:srgbClr val="A2B3C9"/>
              </a:solidFill>
            </a:endParaRPr>
          </a:p>
        </p:txBody>
      </p:sp>
      <p:sp>
        <p:nvSpPr>
          <p:cNvPr id="13" name="Content Placeholder 5">
            <a:extLst>
              <a:ext uri="{FF2B5EF4-FFF2-40B4-BE49-F238E27FC236}">
                <a16:creationId xmlns:a16="http://schemas.microsoft.com/office/drawing/2014/main" id="{8FB4B399-A14B-DAE3-0EC5-EB4486E9BAF3}"/>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11" name="Rectangle 10">
            <a:extLst>
              <a:ext uri="{FF2B5EF4-FFF2-40B4-BE49-F238E27FC236}">
                <a16:creationId xmlns:a16="http://schemas.microsoft.com/office/drawing/2014/main" id="{C68151CA-860E-D9EB-7AD3-CB936FC0A747}"/>
              </a:ext>
            </a:extLst>
          </p:cNvPr>
          <p:cNvSpPr/>
          <p:nvPr/>
        </p:nvSpPr>
        <p:spPr>
          <a:xfrm>
            <a:off x="552449" y="2139037"/>
            <a:ext cx="2757177"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50"/>
              </a:spcAft>
            </a:pPr>
            <a:r>
              <a:rPr lang="da-DK" sz="900" noProof="0" dirty="0">
                <a:solidFill>
                  <a:schemeClr val="tx1"/>
                </a:solidFill>
              </a:rPr>
              <a:t>Københavns Kommune har på baggrund af et politisk vedtaget medlemsforslag fra Borgerrepræsentationen udført et omfattende analysearbejde for at skabe et overblik over kommunens digitale afhængigheder og risici samt muligheder for at reducere disse. Indsatsen omfatter en systematisk kortlægning af  kommunens mest kritiske it‑systemer og den underliggende it-infrastruktur, og har således et bredt fokus ift. en samlet teknologistak. </a:t>
            </a:r>
          </a:p>
          <a:p>
            <a:pPr>
              <a:spcAft>
                <a:spcPts val="350"/>
              </a:spcAft>
            </a:pPr>
            <a:r>
              <a:rPr lang="da-DK" sz="900" noProof="0" dirty="0">
                <a:solidFill>
                  <a:schemeClr val="tx1"/>
                </a:solidFill>
              </a:rPr>
              <a:t>Casen beskriver analyseproces og formål, men berører ikke konkrete resultater og erfaringer. </a:t>
            </a:r>
          </a:p>
        </p:txBody>
      </p:sp>
      <p:grpSp>
        <p:nvGrpSpPr>
          <p:cNvPr id="12" name="Group 11" descr="Oversigt over teknologistakken og hvor casen rammer. Denne case rammer AI og Digitale services, Koncern og fagsystemer,, Digital arbejdsplads, Sikkerhedsløsninger, Datadeling og basis software, devices og slutbrugerudstyr og cloud services">
            <a:extLst>
              <a:ext uri="{FF2B5EF4-FFF2-40B4-BE49-F238E27FC236}">
                <a16:creationId xmlns:a16="http://schemas.microsoft.com/office/drawing/2014/main" id="{2255B481-CFF6-7493-2733-C925428E4504}"/>
              </a:ext>
            </a:extLst>
          </p:cNvPr>
          <p:cNvGrpSpPr/>
          <p:nvPr/>
        </p:nvGrpSpPr>
        <p:grpSpPr>
          <a:xfrm>
            <a:off x="713385" y="4086154"/>
            <a:ext cx="2345571" cy="2238581"/>
            <a:chOff x="713385" y="4086154"/>
            <a:chExt cx="2345571" cy="2238581"/>
          </a:xfrm>
        </p:grpSpPr>
        <p:sp>
          <p:nvSpPr>
            <p:cNvPr id="5" name="Rectangle: Rounded Corners 4">
              <a:extLst>
                <a:ext uri="{FF2B5EF4-FFF2-40B4-BE49-F238E27FC236}">
                  <a16:creationId xmlns:a16="http://schemas.microsoft.com/office/drawing/2014/main" id="{673AB115-8D08-46F2-5C81-B0FEDB272BF0}"/>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dirty="0"/>
                <a:t>Digital løsninger</a:t>
              </a:r>
            </a:p>
          </p:txBody>
        </p:sp>
        <p:sp>
          <p:nvSpPr>
            <p:cNvPr id="7" name="Rectangle: Rounded Corners 6">
              <a:extLst>
                <a:ext uri="{FF2B5EF4-FFF2-40B4-BE49-F238E27FC236}">
                  <a16:creationId xmlns:a16="http://schemas.microsoft.com/office/drawing/2014/main" id="{EC7DB461-503F-A254-C950-BE1ADDC8CAF2}"/>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dirty="0"/>
                <a:t>It-infrastruktur</a:t>
              </a:r>
            </a:p>
          </p:txBody>
        </p:sp>
        <p:sp>
          <p:nvSpPr>
            <p:cNvPr id="8" name="Rectangle 36">
              <a:extLst>
                <a:ext uri="{FF2B5EF4-FFF2-40B4-BE49-F238E27FC236}">
                  <a16:creationId xmlns:a16="http://schemas.microsoft.com/office/drawing/2014/main" id="{A2D50E93-8C77-FD61-71FC-342051A85373}"/>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AI og digitale services</a:t>
              </a:r>
            </a:p>
          </p:txBody>
        </p:sp>
        <p:sp>
          <p:nvSpPr>
            <p:cNvPr id="10" name="Rectangle 43">
              <a:extLst>
                <a:ext uri="{FF2B5EF4-FFF2-40B4-BE49-F238E27FC236}">
                  <a16:creationId xmlns:a16="http://schemas.microsoft.com/office/drawing/2014/main" id="{82775576-B335-73FE-C9C0-61BA07C7328C}"/>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dirty="0">
                  <a:solidFill>
                    <a:schemeClr val="bg1"/>
                  </a:solidFill>
                </a:rPr>
                <a:t>Teknologistak</a:t>
              </a:r>
            </a:p>
          </p:txBody>
        </p:sp>
        <p:sp>
          <p:nvSpPr>
            <p:cNvPr id="15" name="Rectangle 36">
              <a:extLst>
                <a:ext uri="{FF2B5EF4-FFF2-40B4-BE49-F238E27FC236}">
                  <a16:creationId xmlns:a16="http://schemas.microsoft.com/office/drawing/2014/main" id="{BCF5DE59-3228-4D69-56B0-0F6BFE0A0474}"/>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Koncern- og fagsystemer</a:t>
              </a:r>
            </a:p>
          </p:txBody>
        </p:sp>
        <p:sp>
          <p:nvSpPr>
            <p:cNvPr id="16" name="Rectangle 36">
              <a:extLst>
                <a:ext uri="{FF2B5EF4-FFF2-40B4-BE49-F238E27FC236}">
                  <a16:creationId xmlns:a16="http://schemas.microsoft.com/office/drawing/2014/main" id="{00B8F488-0743-98F6-1D14-F3366B429FDA}"/>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Digital arbejdsplads</a:t>
              </a:r>
            </a:p>
          </p:txBody>
        </p:sp>
        <p:sp>
          <p:nvSpPr>
            <p:cNvPr id="17" name="Rectangle 36">
              <a:extLst>
                <a:ext uri="{FF2B5EF4-FFF2-40B4-BE49-F238E27FC236}">
                  <a16:creationId xmlns:a16="http://schemas.microsoft.com/office/drawing/2014/main" id="{814E3455-9487-D3F3-8919-77C49DC7359E}"/>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Sikkerhedsløsninger</a:t>
              </a:r>
            </a:p>
          </p:txBody>
        </p:sp>
        <p:sp>
          <p:nvSpPr>
            <p:cNvPr id="18" name="Rectangle 36">
              <a:extLst>
                <a:ext uri="{FF2B5EF4-FFF2-40B4-BE49-F238E27FC236}">
                  <a16:creationId xmlns:a16="http://schemas.microsoft.com/office/drawing/2014/main" id="{DEF6EBB0-920B-20AD-5B49-469F716C9F5D}"/>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Datadeling og basis-software</a:t>
              </a:r>
            </a:p>
          </p:txBody>
        </p:sp>
        <p:sp>
          <p:nvSpPr>
            <p:cNvPr id="19" name="Rectangle 36">
              <a:extLst>
                <a:ext uri="{FF2B5EF4-FFF2-40B4-BE49-F238E27FC236}">
                  <a16:creationId xmlns:a16="http://schemas.microsoft.com/office/drawing/2014/main" id="{5474BDD3-8F35-421E-B259-28FBEAD25966}"/>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Cloud services</a:t>
              </a:r>
            </a:p>
          </p:txBody>
        </p:sp>
        <p:sp>
          <p:nvSpPr>
            <p:cNvPr id="20" name="Rectangle 36">
              <a:extLst>
                <a:ext uri="{FF2B5EF4-FFF2-40B4-BE49-F238E27FC236}">
                  <a16:creationId xmlns:a16="http://schemas.microsoft.com/office/drawing/2014/main" id="{7D0EE8DD-C43D-D80A-C840-527F48E5C00D}"/>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Devices og slutbrugerudstyr</a:t>
              </a:r>
            </a:p>
          </p:txBody>
        </p:sp>
        <p:sp>
          <p:nvSpPr>
            <p:cNvPr id="21" name="Rectangle 36">
              <a:extLst>
                <a:ext uri="{FF2B5EF4-FFF2-40B4-BE49-F238E27FC236}">
                  <a16:creationId xmlns:a16="http://schemas.microsoft.com/office/drawing/2014/main" id="{5FD4E00D-5773-C383-E83C-CA35E9EA4EDE}"/>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Datacenterinfrastruktur</a:t>
              </a:r>
            </a:p>
          </p:txBody>
        </p:sp>
        <p:sp>
          <p:nvSpPr>
            <p:cNvPr id="24" name="Rectangle 36">
              <a:extLst>
                <a:ext uri="{FF2B5EF4-FFF2-40B4-BE49-F238E27FC236}">
                  <a16:creationId xmlns:a16="http://schemas.microsoft.com/office/drawing/2014/main" id="{52344281-B847-7FD5-EDEC-53F252283508}"/>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dirty="0">
                  <a:solidFill>
                    <a:schemeClr val="tx1"/>
                  </a:solidFill>
                </a:rPr>
                <a:t>Netværksinfrastruktur</a:t>
              </a:r>
            </a:p>
          </p:txBody>
        </p:sp>
        <p:sp>
          <p:nvSpPr>
            <p:cNvPr id="46" name="Rectangle 45">
              <a:extLst>
                <a:ext uri="{FF2B5EF4-FFF2-40B4-BE49-F238E27FC236}">
                  <a16:creationId xmlns:a16="http://schemas.microsoft.com/office/drawing/2014/main" id="{8F896C14-C500-D4FD-D24E-CF64ADD0DADA}"/>
                </a:ext>
              </a:extLst>
            </p:cNvPr>
            <p:cNvSpPr>
              <a:spLocks/>
            </p:cNvSpPr>
            <p:nvPr/>
          </p:nvSpPr>
          <p:spPr>
            <a:xfrm>
              <a:off x="1066726" y="5896561"/>
              <a:ext cx="1992230" cy="428174"/>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grpSp>
      <p:sp>
        <p:nvSpPr>
          <p:cNvPr id="3" name="Content Placeholder 5">
            <a:extLst>
              <a:ext uri="{FF2B5EF4-FFF2-40B4-BE49-F238E27FC236}">
                <a16:creationId xmlns:a16="http://schemas.microsoft.com/office/drawing/2014/main" id="{8C36455F-0EF7-D6AB-1EA4-4492B14696BD}"/>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Karakteristika, gevinster og barrierer</a:t>
            </a:r>
          </a:p>
        </p:txBody>
      </p:sp>
      <p:grpSp>
        <p:nvGrpSpPr>
          <p:cNvPr id="94" name="Group 93" descr="Casen er mellem idé og projektfasen">
            <a:extLst>
              <a:ext uri="{FF2B5EF4-FFF2-40B4-BE49-F238E27FC236}">
                <a16:creationId xmlns:a16="http://schemas.microsoft.com/office/drawing/2014/main" id="{F96D5CD2-6A75-FDFE-2A3D-A35E18BB5B8F}"/>
              </a:ext>
            </a:extLst>
          </p:cNvPr>
          <p:cNvGrpSpPr/>
          <p:nvPr/>
        </p:nvGrpSpPr>
        <p:grpSpPr>
          <a:xfrm>
            <a:off x="6937091" y="1945363"/>
            <a:ext cx="2371002" cy="260416"/>
            <a:chOff x="6937091" y="1945363"/>
            <a:chExt cx="2371002" cy="260416"/>
          </a:xfrm>
        </p:grpSpPr>
        <p:grpSp>
          <p:nvGrpSpPr>
            <p:cNvPr id="81" name="Group 80">
              <a:extLst>
                <a:ext uri="{FF2B5EF4-FFF2-40B4-BE49-F238E27FC236}">
                  <a16:creationId xmlns:a16="http://schemas.microsoft.com/office/drawing/2014/main" id="{1868041E-20B0-D2D8-39EC-3D5D4E84C941}"/>
                </a:ext>
              </a:extLst>
            </p:cNvPr>
            <p:cNvGrpSpPr/>
            <p:nvPr/>
          </p:nvGrpSpPr>
          <p:grpSpPr>
            <a:xfrm>
              <a:off x="6937091" y="1945363"/>
              <a:ext cx="2371002" cy="233209"/>
              <a:chOff x="579065" y="3721174"/>
              <a:chExt cx="2371002" cy="233209"/>
            </a:xfrm>
          </p:grpSpPr>
          <p:cxnSp>
            <p:nvCxnSpPr>
              <p:cNvPr id="82" name="Straight Connector 81">
                <a:extLst>
                  <a:ext uri="{FF2B5EF4-FFF2-40B4-BE49-F238E27FC236}">
                    <a16:creationId xmlns:a16="http://schemas.microsoft.com/office/drawing/2014/main" id="{02F24100-39E5-100F-616B-61AE2511C753}"/>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83" name="Straight Connector 82">
                <a:extLst>
                  <a:ext uri="{FF2B5EF4-FFF2-40B4-BE49-F238E27FC236}">
                    <a16:creationId xmlns:a16="http://schemas.microsoft.com/office/drawing/2014/main" id="{DD7B5482-BBD6-C8E4-6D61-93AB041C739D}"/>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4" name="TextBox 83">
                <a:extLst>
                  <a:ext uri="{FF2B5EF4-FFF2-40B4-BE49-F238E27FC236}">
                    <a16:creationId xmlns:a16="http://schemas.microsoft.com/office/drawing/2014/main" id="{069ECC65-7B33-651D-A843-5589BE1246B8}"/>
                  </a:ext>
                </a:extLst>
              </p:cNvPr>
              <p:cNvSpPr txBox="1"/>
              <p:nvPr/>
            </p:nvSpPr>
            <p:spPr>
              <a:xfrm>
                <a:off x="579065" y="3723935"/>
                <a:ext cx="293195" cy="107722"/>
              </a:xfrm>
              <a:prstGeom prst="rect">
                <a:avLst/>
              </a:prstGeom>
              <a:noFill/>
            </p:spPr>
            <p:txBody>
              <a:bodyPr wrap="square" lIns="0" tIns="0" rIns="0" bIns="0" rtlCol="0" anchor="ctr">
                <a:spAutoFit/>
              </a:bodyPr>
              <a:lstStyle/>
              <a:p>
                <a:pPr algn="ctr"/>
                <a:r>
                  <a:rPr lang="da-DK" sz="700" noProof="0" dirty="0">
                    <a:latin typeface="KBH Tekst" panose="00000500000000000000" pitchFamily="2" charset="0"/>
                  </a:rPr>
                  <a:t>Idé</a:t>
                </a:r>
              </a:p>
            </p:txBody>
          </p:sp>
          <p:sp>
            <p:nvSpPr>
              <p:cNvPr id="85" name="TextBox 84">
                <a:extLst>
                  <a:ext uri="{FF2B5EF4-FFF2-40B4-BE49-F238E27FC236}">
                    <a16:creationId xmlns:a16="http://schemas.microsoft.com/office/drawing/2014/main" id="{E00627A9-706E-A0A4-4B66-91C8DBC14A9E}"/>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dirty="0">
                    <a:latin typeface="KBH Tekst" panose="00000500000000000000" pitchFamily="2" charset="0"/>
                  </a:rPr>
                  <a:t>Projekt</a:t>
                </a:r>
              </a:p>
            </p:txBody>
          </p:sp>
          <p:sp>
            <p:nvSpPr>
              <p:cNvPr id="86" name="TextBox 85">
                <a:extLst>
                  <a:ext uri="{FF2B5EF4-FFF2-40B4-BE49-F238E27FC236}">
                    <a16:creationId xmlns:a16="http://schemas.microsoft.com/office/drawing/2014/main" id="{1C2A34BB-002A-A76E-9749-CC5FC23BD9F5}"/>
                  </a:ext>
                </a:extLst>
              </p:cNvPr>
              <p:cNvSpPr txBox="1"/>
              <p:nvPr/>
            </p:nvSpPr>
            <p:spPr>
              <a:xfrm>
                <a:off x="1681056" y="3722668"/>
                <a:ext cx="650230" cy="107722"/>
              </a:xfrm>
              <a:prstGeom prst="rect">
                <a:avLst/>
              </a:prstGeom>
              <a:noFill/>
            </p:spPr>
            <p:txBody>
              <a:bodyPr wrap="square" lIns="0" tIns="0" rIns="0" bIns="0" rtlCol="0" anchor="ctr">
                <a:spAutoFit/>
              </a:bodyPr>
              <a:lstStyle/>
              <a:p>
                <a:pPr algn="ctr"/>
                <a:r>
                  <a:rPr lang="da-DK" sz="700" noProof="0" dirty="0">
                    <a:latin typeface="KBH Tekst" panose="00000500000000000000" pitchFamily="2" charset="0"/>
                  </a:rPr>
                  <a:t>Implementering</a:t>
                </a:r>
              </a:p>
            </p:txBody>
          </p:sp>
          <p:sp>
            <p:nvSpPr>
              <p:cNvPr id="87" name="TextBox 86">
                <a:extLst>
                  <a:ext uri="{FF2B5EF4-FFF2-40B4-BE49-F238E27FC236}">
                    <a16:creationId xmlns:a16="http://schemas.microsoft.com/office/drawing/2014/main" id="{5C5ED3C2-384A-2E58-DC95-834968240237}"/>
                  </a:ext>
                </a:extLst>
              </p:cNvPr>
              <p:cNvSpPr txBox="1"/>
              <p:nvPr/>
            </p:nvSpPr>
            <p:spPr>
              <a:xfrm>
                <a:off x="2299837" y="3723935"/>
                <a:ext cx="650230" cy="107722"/>
              </a:xfrm>
              <a:prstGeom prst="rect">
                <a:avLst/>
              </a:prstGeom>
              <a:noFill/>
            </p:spPr>
            <p:txBody>
              <a:bodyPr wrap="square" lIns="0" tIns="0" rIns="0" bIns="0" rtlCol="0" anchor="ctr">
                <a:spAutoFit/>
              </a:bodyPr>
              <a:lstStyle/>
              <a:p>
                <a:pPr algn="ctr"/>
                <a:r>
                  <a:rPr lang="da-DK" sz="700" noProof="0" dirty="0">
                    <a:latin typeface="KBH Tekst" panose="00000500000000000000" pitchFamily="2" charset="0"/>
                  </a:rPr>
                  <a:t>Drift</a:t>
                </a:r>
              </a:p>
            </p:txBody>
          </p:sp>
          <p:cxnSp>
            <p:nvCxnSpPr>
              <p:cNvPr id="88" name="Straight Connector 87">
                <a:extLst>
                  <a:ext uri="{FF2B5EF4-FFF2-40B4-BE49-F238E27FC236}">
                    <a16:creationId xmlns:a16="http://schemas.microsoft.com/office/drawing/2014/main" id="{DD278919-5FCC-14E7-9651-0E37B22B4796}"/>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90" name="Straight Connector 89">
                <a:extLst>
                  <a:ext uri="{FF2B5EF4-FFF2-40B4-BE49-F238E27FC236}">
                    <a16:creationId xmlns:a16="http://schemas.microsoft.com/office/drawing/2014/main" id="{FB8A8337-532C-756A-0E4F-4AA61F7A67C7}"/>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91" name="Straight Connector 90">
                <a:extLst>
                  <a:ext uri="{FF2B5EF4-FFF2-40B4-BE49-F238E27FC236}">
                    <a16:creationId xmlns:a16="http://schemas.microsoft.com/office/drawing/2014/main" id="{51C1D3F2-5085-6786-3FD2-4C3C68A025CD}"/>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92" name="Oval 91">
              <a:extLst>
                <a:ext uri="{FF2B5EF4-FFF2-40B4-BE49-F238E27FC236}">
                  <a16:creationId xmlns:a16="http://schemas.microsoft.com/office/drawing/2014/main" id="{5A57F3BA-49C6-1AC6-B5DA-A5EEA03A8C86}"/>
                </a:ext>
              </a:extLst>
            </p:cNvPr>
            <p:cNvSpPr/>
            <p:nvPr/>
          </p:nvSpPr>
          <p:spPr>
            <a:xfrm>
              <a:off x="7455284"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sp>
        <p:nvSpPr>
          <p:cNvPr id="14" name="Rectangle 13">
            <a:extLst>
              <a:ext uri="{FF2B5EF4-FFF2-40B4-BE49-F238E27FC236}">
                <a16:creationId xmlns:a16="http://schemas.microsoft.com/office/drawing/2014/main" id="{6351AC2F-2A82-9073-B550-CFD071B32925}"/>
              </a:ext>
            </a:extLst>
          </p:cNvPr>
          <p:cNvSpPr/>
          <p:nvPr/>
        </p:nvSpPr>
        <p:spPr>
          <a:xfrm>
            <a:off x="3408013" y="2139036"/>
            <a:ext cx="5681357"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1000" b="1" noProof="0" dirty="0">
                <a:solidFill>
                  <a:srgbClr val="36465A"/>
                </a:solidFill>
              </a:rPr>
              <a:t>Generelle karakteristika</a:t>
            </a:r>
          </a:p>
          <a:p>
            <a:pPr marL="171450" indent="-171450">
              <a:buFont typeface="Wingdings" panose="05000000000000000000" pitchFamily="2" charset="2"/>
              <a:buChar char="Ø"/>
            </a:pPr>
            <a:r>
              <a:rPr lang="da-DK" sz="900" b="1" noProof="0" dirty="0">
                <a:solidFill>
                  <a:schemeClr val="tx1"/>
                </a:solidFill>
              </a:rPr>
              <a:t>Status på projekt: </a:t>
            </a:r>
            <a:r>
              <a:rPr lang="da-DK" sz="900" noProof="0" dirty="0">
                <a:solidFill>
                  <a:schemeClr val="tx1"/>
                </a:solidFill>
              </a:rPr>
              <a:t>Analysearbejdet er igangsat i foråret 2025 og afrapporteret til Borgerrepræsentationen ultimo december 2025. Evt. prioritering af konkrete indsatser foretages i 2026.</a:t>
            </a:r>
          </a:p>
          <a:p>
            <a:pPr marL="171450" indent="-171450">
              <a:buFont typeface="Wingdings" panose="05000000000000000000" pitchFamily="2" charset="2"/>
              <a:buChar char="Ø"/>
            </a:pPr>
            <a:r>
              <a:rPr lang="da-DK" sz="900" b="1" noProof="0" dirty="0">
                <a:solidFill>
                  <a:schemeClr val="tx1"/>
                </a:solidFill>
              </a:rPr>
              <a:t>Antal myndigheder/organisationer: </a:t>
            </a:r>
            <a:r>
              <a:rPr lang="da-DK" sz="900" noProof="0" dirty="0">
                <a:solidFill>
                  <a:schemeClr val="tx1"/>
                </a:solidFill>
              </a:rPr>
              <a:t>Københavns Kommune, hvor analysen er gennemført af økonomiforvaltningen med inddragelse af ledere og specialister fra Koncern IT samt systemejere og </a:t>
            </a:r>
            <a:r>
              <a:rPr lang="da-DK" sz="900" noProof="0" dirty="0" err="1">
                <a:solidFill>
                  <a:schemeClr val="tx1"/>
                </a:solidFill>
              </a:rPr>
              <a:t>videnspersoner</a:t>
            </a:r>
            <a:r>
              <a:rPr lang="da-DK" sz="900" noProof="0" dirty="0">
                <a:solidFill>
                  <a:schemeClr val="tx1"/>
                </a:solidFill>
              </a:rPr>
              <a:t> på tværs af kommunens syv forvaltninger, samt dialoger med større leverandører som KMD og KOMBIT, KL og Staten (herunder Digitaliseringsministeriet og Økonomistyrelsen).</a:t>
            </a:r>
          </a:p>
          <a:p>
            <a:pPr marL="171450" indent="-171450">
              <a:buFont typeface="Wingdings" panose="05000000000000000000" pitchFamily="2" charset="2"/>
              <a:buChar char="Ø"/>
            </a:pPr>
            <a:r>
              <a:rPr lang="da-DK" sz="900" b="1" noProof="0" dirty="0">
                <a:solidFill>
                  <a:schemeClr val="tx1"/>
                </a:solidFill>
              </a:rPr>
              <a:t>Geografisk omfang: </a:t>
            </a:r>
            <a:r>
              <a:rPr lang="da-DK" sz="900" noProof="0" dirty="0">
                <a:solidFill>
                  <a:schemeClr val="tx1"/>
                </a:solidFill>
              </a:rPr>
              <a:t>Københavns Kommune med ca. 45.000 medarbejdere og omkring 650.000 indbyggere.</a:t>
            </a:r>
          </a:p>
          <a:p>
            <a:pPr marL="171450" indent="-171450">
              <a:buFont typeface="Wingdings" panose="05000000000000000000" pitchFamily="2" charset="2"/>
              <a:buChar char="Ø"/>
            </a:pPr>
            <a:r>
              <a:rPr lang="da-DK" sz="900" b="1" noProof="0" dirty="0">
                <a:solidFill>
                  <a:schemeClr val="tx1"/>
                </a:solidFill>
              </a:rPr>
              <a:t>Antal brugere omfattet:</a:t>
            </a:r>
            <a:r>
              <a:rPr lang="da-DK" sz="900" noProof="0" dirty="0">
                <a:solidFill>
                  <a:schemeClr val="tx1"/>
                </a:solidFill>
              </a:rPr>
              <a:t> Kommunens ca. 45.000 medarbejdere.</a:t>
            </a:r>
          </a:p>
          <a:p>
            <a:pPr marL="171450" indent="-171450">
              <a:buFont typeface="Wingdings" panose="05000000000000000000" pitchFamily="2" charset="2"/>
              <a:buChar char="Ø"/>
            </a:pPr>
            <a:r>
              <a:rPr lang="da-DK" sz="900" b="1" noProof="0" dirty="0">
                <a:solidFill>
                  <a:schemeClr val="tx1"/>
                </a:solidFill>
              </a:rPr>
              <a:t>Antal systemer berørt: </a:t>
            </a:r>
            <a:r>
              <a:rPr lang="da-DK" sz="900" noProof="0" dirty="0">
                <a:solidFill>
                  <a:schemeClr val="tx1"/>
                </a:solidFill>
              </a:rPr>
              <a:t>Analysen omfatter ca. 150 kritiske systemer ud af en samlet portefølje på omkring 1.000 aktive system- og softwareløsninger.</a:t>
            </a:r>
          </a:p>
        </p:txBody>
      </p:sp>
      <p:sp>
        <p:nvSpPr>
          <p:cNvPr id="49" name="Isosceles Triangle 48">
            <a:extLst>
              <a:ext uri="{FF2B5EF4-FFF2-40B4-BE49-F238E27FC236}">
                <a16:creationId xmlns:a16="http://schemas.microsoft.com/office/drawing/2014/main" id="{CF6B1BC3-D45C-0AC9-F5A1-379AC52E02C5}"/>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cxnSp>
        <p:nvCxnSpPr>
          <p:cNvPr id="6" name="Straight Connector 5">
            <a:extLst>
              <a:ext uri="{FF2B5EF4-FFF2-40B4-BE49-F238E27FC236}">
                <a16:creationId xmlns:a16="http://schemas.microsoft.com/office/drawing/2014/main" id="{A14310C9-13A5-1E7D-BCFF-547CEEFD380B}"/>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688164FF-1B72-E0F5-8921-502BF11F97DB}"/>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Gevinster </a:t>
            </a:r>
          </a:p>
        </p:txBody>
      </p:sp>
      <p:sp>
        <p:nvSpPr>
          <p:cNvPr id="59" name="Content Placeholder 5">
            <a:extLst>
              <a:ext uri="{FF2B5EF4-FFF2-40B4-BE49-F238E27FC236}">
                <a16:creationId xmlns:a16="http://schemas.microsoft.com/office/drawing/2014/main" id="{E222F858-E001-AA4C-D139-60AD5EB80AA1}"/>
              </a:ext>
            </a:extLst>
          </p:cNvPr>
          <p:cNvSpPr txBox="1">
            <a:spLocks/>
          </p:cNvSpPr>
          <p:nvPr/>
        </p:nvSpPr>
        <p:spPr>
          <a:xfrm>
            <a:off x="3484616" y="4539185"/>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900" noProof="0" dirty="0">
                <a:solidFill>
                  <a:schemeClr val="tx1"/>
                </a:solidFill>
              </a:rPr>
              <a:t>Strategiske og politiske gevinster</a:t>
            </a:r>
          </a:p>
          <a:p>
            <a:pPr marL="171450" indent="-171450">
              <a:buFont typeface="Wingdings" panose="05000000000000000000" pitchFamily="2" charset="2"/>
              <a:buChar char="Ø"/>
            </a:pPr>
            <a:r>
              <a:rPr lang="da-DK" sz="900" b="0" noProof="0" dirty="0">
                <a:solidFill>
                  <a:schemeClr val="tx1"/>
                </a:solidFill>
              </a:rPr>
              <a:t>Systematisk kortlægning skaber overblik og gør det muligt at identificere, hvor sårbarhederne er størst, og i hvilket omgang der strategisk og teknisk er mulighed for at sætte ind med nye krav eller alternative løsninger.</a:t>
            </a:r>
          </a:p>
          <a:p>
            <a:r>
              <a:rPr lang="da-DK" sz="900" noProof="0" dirty="0">
                <a:solidFill>
                  <a:schemeClr val="tx1"/>
                </a:solidFill>
              </a:rPr>
              <a:t>Økonomiske gevinster</a:t>
            </a:r>
          </a:p>
          <a:p>
            <a:pPr marL="171450" indent="-171450">
              <a:buFont typeface="Wingdings" panose="05000000000000000000" pitchFamily="2" charset="2"/>
              <a:buChar char="Ø"/>
            </a:pPr>
            <a:r>
              <a:rPr lang="da-DK" sz="900" b="0" noProof="0" dirty="0">
                <a:solidFill>
                  <a:schemeClr val="tx1"/>
                </a:solidFill>
              </a:rPr>
              <a:t>Der er ikke vurderet hverken økonomiske gevinster eller omkostninger som led i analysen.</a:t>
            </a:r>
            <a:endParaRPr lang="da-DK" sz="900" noProof="0" dirty="0"/>
          </a:p>
        </p:txBody>
      </p:sp>
      <p:sp>
        <p:nvSpPr>
          <p:cNvPr id="23" name="Content Placeholder 5">
            <a:extLst>
              <a:ext uri="{FF2B5EF4-FFF2-40B4-BE49-F238E27FC236}">
                <a16:creationId xmlns:a16="http://schemas.microsoft.com/office/drawing/2014/main" id="{87454BE6-EFC5-2D34-08BA-1FE795373E34}"/>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Barrierer</a:t>
            </a:r>
          </a:p>
        </p:txBody>
      </p:sp>
      <p:sp>
        <p:nvSpPr>
          <p:cNvPr id="89" name="Content Placeholder 5">
            <a:extLst>
              <a:ext uri="{FF2B5EF4-FFF2-40B4-BE49-F238E27FC236}">
                <a16:creationId xmlns:a16="http://schemas.microsoft.com/office/drawing/2014/main" id="{B7A4A8B6-1858-AA9D-B55D-F4134DEED0A4}"/>
              </a:ext>
            </a:extLst>
          </p:cNvPr>
          <p:cNvSpPr txBox="1">
            <a:spLocks/>
          </p:cNvSpPr>
          <p:nvPr/>
        </p:nvSpPr>
        <p:spPr>
          <a:xfrm>
            <a:off x="6394403" y="4539185"/>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dirty="0">
                <a:solidFill>
                  <a:schemeClr val="tx1"/>
                </a:solidFill>
              </a:rPr>
              <a:t>Betydeligt ressourceforbrug: </a:t>
            </a:r>
            <a:r>
              <a:rPr lang="da-DK" sz="900" b="0" noProof="0" dirty="0">
                <a:solidFill>
                  <a:schemeClr val="tx1"/>
                </a:solidFill>
              </a:rPr>
              <a:t>Arbejdet krævede input fra en lang række systemejere og fagmiljøer, som samtidig skulle opretholde drift og andre projekter. Derfor var der afsat en forholdsvis lang periode til dataindsamling. </a:t>
            </a:r>
            <a:r>
              <a:rPr lang="da-DK" sz="900" noProof="0" dirty="0">
                <a:solidFill>
                  <a:schemeClr val="tx1"/>
                </a:solidFill>
              </a:rPr>
              <a:t>Komplekse og tidskrævende leverandørdialoger: </a:t>
            </a:r>
            <a:r>
              <a:rPr lang="da-DK" sz="900" b="0" noProof="0" dirty="0">
                <a:solidFill>
                  <a:schemeClr val="tx1"/>
                </a:solidFill>
              </a:rPr>
              <a:t>Leverandørernes evne til at beskrive tekniske afhængigheder og omstillingsmuligheder varierede. </a:t>
            </a:r>
            <a:endParaRPr lang="da-DK" sz="900" strike="sngStrike" noProof="0" dirty="0">
              <a:solidFill>
                <a:schemeClr val="tx1"/>
              </a:solidFill>
            </a:endParaRPr>
          </a:p>
        </p:txBody>
      </p:sp>
      <p:cxnSp>
        <p:nvCxnSpPr>
          <p:cNvPr id="25" name="Straight Connector 24">
            <a:extLst>
              <a:ext uri="{FF2B5EF4-FFF2-40B4-BE49-F238E27FC236}">
                <a16:creationId xmlns:a16="http://schemas.microsoft.com/office/drawing/2014/main" id="{34EE5C72-8CEF-8AC1-191D-7FDCB6411F10}"/>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5784B4ED-3542-6030-441F-3BE83CBBD611}"/>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dirty="0"/>
          </a:p>
        </p:txBody>
      </p:sp>
      <p:cxnSp>
        <p:nvCxnSpPr>
          <p:cNvPr id="57" name="Straight Connector 56">
            <a:extLst>
              <a:ext uri="{FF2B5EF4-FFF2-40B4-BE49-F238E27FC236}">
                <a16:creationId xmlns:a16="http://schemas.microsoft.com/office/drawing/2014/main" id="{B1CC4CF7-32B5-6ADC-2931-293445F28341}"/>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6F33DBE3-B4EF-22F2-20C7-36A41AAAAECA}"/>
              </a:ext>
              <a:ext uri="{C183D7F6-B498-43B3-948B-1728B52AA6E4}">
                <adec:decorative xmlns:adec="http://schemas.microsoft.com/office/drawing/2017/decorative" val="1"/>
              </a:ext>
            </a:extLst>
          </p:cNvPr>
          <p:cNvCxnSpPr>
            <a:cxnSpLocks/>
          </p:cNvCxnSpPr>
          <p:nvPr/>
        </p:nvCxnSpPr>
        <p:spPr>
          <a:xfrm>
            <a:off x="6585098"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5" name="Rectangle 114">
            <a:extLst>
              <a:ext uri="{FF2B5EF4-FFF2-40B4-BE49-F238E27FC236}">
                <a16:creationId xmlns:a16="http://schemas.microsoft.com/office/drawing/2014/main" id="{7C7967AE-1BE6-09D4-EF1E-3100D5A98310}"/>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endParaRPr lang="da-DK" sz="900" b="1" noProof="0" dirty="0">
              <a:solidFill>
                <a:schemeClr val="tx1"/>
              </a:solidFill>
            </a:endParaRPr>
          </a:p>
        </p:txBody>
      </p:sp>
      <p:cxnSp>
        <p:nvCxnSpPr>
          <p:cNvPr id="30" name="Straight Connector 29">
            <a:extLst>
              <a:ext uri="{FF2B5EF4-FFF2-40B4-BE49-F238E27FC236}">
                <a16:creationId xmlns:a16="http://schemas.microsoft.com/office/drawing/2014/main" id="{5A99A868-C441-15A1-7CA9-43B7AEF7E405}"/>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2F792247-498B-E5E6-0975-1ECB27E2DBE8}"/>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solidFill>
                <a:srgbClr val="A2B3C9"/>
              </a:solidFill>
            </a:endParaRPr>
          </a:p>
        </p:txBody>
      </p:sp>
      <p:cxnSp>
        <p:nvCxnSpPr>
          <p:cNvPr id="80" name="Straight Connector 79">
            <a:extLst>
              <a:ext uri="{FF2B5EF4-FFF2-40B4-BE49-F238E27FC236}">
                <a16:creationId xmlns:a16="http://schemas.microsoft.com/office/drawing/2014/main" id="{CF2A22F1-E546-5F83-F7CC-D0846C810360}"/>
              </a:ext>
              <a:ext uri="{C183D7F6-B498-43B3-948B-1728B52AA6E4}">
                <adec:decorative xmlns:adec="http://schemas.microsoft.com/office/drawing/2017/decorative" val="1"/>
              </a:ext>
            </a:extLst>
          </p:cNvPr>
          <p:cNvCxnSpPr>
            <a:cxnSpLocks/>
          </p:cNvCxnSpPr>
          <p:nvPr/>
        </p:nvCxnSpPr>
        <p:spPr>
          <a:xfrm>
            <a:off x="3408176" y="2122972"/>
            <a:ext cx="3493285" cy="16064"/>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95" name="Group 94">
            <a:extLst>
              <a:ext uri="{FF2B5EF4-FFF2-40B4-BE49-F238E27FC236}">
                <a16:creationId xmlns:a16="http://schemas.microsoft.com/office/drawing/2014/main" id="{B364AE91-44ED-A777-1AD1-EA4DF4B7B9F9}"/>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96" name="Rectangle 95">
              <a:extLst>
                <a:ext uri="{FF2B5EF4-FFF2-40B4-BE49-F238E27FC236}">
                  <a16:creationId xmlns:a16="http://schemas.microsoft.com/office/drawing/2014/main" id="{1E7D58EE-063F-BFB2-8DA7-FBFED0ED373D}"/>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97" name="Rectangle 96">
              <a:extLst>
                <a:ext uri="{FF2B5EF4-FFF2-40B4-BE49-F238E27FC236}">
                  <a16:creationId xmlns:a16="http://schemas.microsoft.com/office/drawing/2014/main" id="{5D327B0A-C0C9-A386-8BF9-D41232E5E7C1}"/>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t>Case Katalog</a:t>
              </a:r>
            </a:p>
          </p:txBody>
        </p:sp>
      </p:grpSp>
      <p:grpSp>
        <p:nvGrpSpPr>
          <p:cNvPr id="34" name="Group 33" descr="Casen addresserer virkemidlerne risikobaseret styring af afhængigheder">
            <a:extLst>
              <a:ext uri="{FF2B5EF4-FFF2-40B4-BE49-F238E27FC236}">
                <a16:creationId xmlns:a16="http://schemas.microsoft.com/office/drawing/2014/main" id="{43CA1F51-5A87-2AD8-29C4-724499C5383E}"/>
              </a:ext>
            </a:extLst>
          </p:cNvPr>
          <p:cNvGrpSpPr/>
          <p:nvPr/>
        </p:nvGrpSpPr>
        <p:grpSpPr>
          <a:xfrm>
            <a:off x="9605862" y="1811909"/>
            <a:ext cx="2399666" cy="2088724"/>
            <a:chOff x="6170312" y="1801370"/>
            <a:chExt cx="2399666" cy="2088724"/>
          </a:xfrm>
        </p:grpSpPr>
        <p:sp>
          <p:nvSpPr>
            <p:cNvPr id="36" name="Content Placeholder 5">
              <a:extLst>
                <a:ext uri="{FF2B5EF4-FFF2-40B4-BE49-F238E27FC236}">
                  <a16:creationId xmlns:a16="http://schemas.microsoft.com/office/drawing/2014/main" id="{1F18E5EE-D675-D592-734F-5B9586D7981F}"/>
                </a:ext>
              </a:extLst>
            </p:cNvPr>
            <p:cNvSpPr txBox="1">
              <a:spLocks/>
            </p:cNvSpPr>
            <p:nvPr/>
          </p:nvSpPr>
          <p:spPr>
            <a:xfrm>
              <a:off x="6292650" y="1860060"/>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Virkemidler</a:t>
              </a:r>
            </a:p>
          </p:txBody>
        </p:sp>
        <p:sp>
          <p:nvSpPr>
            <p:cNvPr id="55" name="Rectangle: Rounded Corners 54">
              <a:extLst>
                <a:ext uri="{FF2B5EF4-FFF2-40B4-BE49-F238E27FC236}">
                  <a16:creationId xmlns:a16="http://schemas.microsoft.com/office/drawing/2014/main" id="{347931B7-F380-1CBD-7B3F-9735D57B0F1E}"/>
                </a:ext>
              </a:extLst>
            </p:cNvPr>
            <p:cNvSpPr/>
            <p:nvPr/>
          </p:nvSpPr>
          <p:spPr>
            <a:xfrm>
              <a:off x="6170312" y="1801370"/>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solidFill>
                  <a:srgbClr val="A2B3C9"/>
                </a:solidFill>
              </a:endParaRPr>
            </a:p>
          </p:txBody>
        </p:sp>
        <p:cxnSp>
          <p:nvCxnSpPr>
            <p:cNvPr id="60" name="Straight Connector 59">
              <a:extLst>
                <a:ext uri="{FF2B5EF4-FFF2-40B4-BE49-F238E27FC236}">
                  <a16:creationId xmlns:a16="http://schemas.microsoft.com/office/drawing/2014/main" id="{0101D21E-C84C-C559-4F24-68D0F1056D54}"/>
                </a:ext>
              </a:extLst>
            </p:cNvPr>
            <p:cNvCxnSpPr>
              <a:cxnSpLocks/>
            </p:cNvCxnSpPr>
            <p:nvPr/>
          </p:nvCxnSpPr>
          <p:spPr>
            <a:xfrm>
              <a:off x="6281165" y="2112275"/>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1" name="Rektangel: afrundede hjørner 10">
              <a:extLst>
                <a:ext uri="{FF2B5EF4-FFF2-40B4-BE49-F238E27FC236}">
                  <a16:creationId xmlns:a16="http://schemas.microsoft.com/office/drawing/2014/main" id="{A4BB9F32-C1C8-558D-F2D7-560E5DA60F84}"/>
                </a:ext>
              </a:extLst>
            </p:cNvPr>
            <p:cNvSpPr>
              <a:spLocks/>
            </p:cNvSpPr>
            <p:nvPr/>
          </p:nvSpPr>
          <p:spPr>
            <a:xfrm>
              <a:off x="6281355" y="2161059"/>
              <a:ext cx="2190658" cy="252000"/>
            </a:xfrm>
            <a:prstGeom prst="roundRect">
              <a:avLst>
                <a:gd name="adj" fmla="val 5714"/>
              </a:avLst>
            </a:prstGeom>
            <a:solidFill>
              <a:srgbClr val="B7E5E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68" name="TextBox 4">
              <a:extLst>
                <a:ext uri="{FF2B5EF4-FFF2-40B4-BE49-F238E27FC236}">
                  <a16:creationId xmlns:a16="http://schemas.microsoft.com/office/drawing/2014/main" id="{444A6D0F-6FFB-E908-03F9-C6C8A8FF0438}"/>
                </a:ext>
              </a:extLst>
            </p:cNvPr>
            <p:cNvSpPr txBox="1">
              <a:spLocks/>
            </p:cNvSpPr>
            <p:nvPr/>
          </p:nvSpPr>
          <p:spPr>
            <a:xfrm>
              <a:off x="6579387" y="2172005"/>
              <a:ext cx="1955475" cy="230108"/>
            </a:xfrm>
            <a:prstGeom prst="rect">
              <a:avLst/>
            </a:prstGeom>
            <a:noFill/>
          </p:spPr>
          <p:txBody>
            <a:bodyPr wrap="square" lIns="0" rtlCol="0" anchor="ctr">
              <a:noAutofit/>
            </a:bodyPr>
            <a:lstStyle/>
            <a:p>
              <a:r>
                <a:rPr lang="da-DK" sz="700" noProof="0" dirty="0">
                  <a:solidFill>
                    <a:srgbClr val="024D78"/>
                  </a:solidFill>
                </a:rPr>
                <a:t>01 | Strategi og organisation</a:t>
              </a:r>
            </a:p>
          </p:txBody>
        </p:sp>
        <p:sp>
          <p:nvSpPr>
            <p:cNvPr id="69" name="Rektangel: afrundede hjørner 5">
              <a:extLst>
                <a:ext uri="{FF2B5EF4-FFF2-40B4-BE49-F238E27FC236}">
                  <a16:creationId xmlns:a16="http://schemas.microsoft.com/office/drawing/2014/main" id="{E8258D09-6A3F-CA9E-9565-53FD97F4B6EA}"/>
                </a:ext>
              </a:extLst>
            </p:cNvPr>
            <p:cNvSpPr>
              <a:spLocks/>
            </p:cNvSpPr>
            <p:nvPr/>
          </p:nvSpPr>
          <p:spPr>
            <a:xfrm>
              <a:off x="6280700" y="3209658"/>
              <a:ext cx="2190658" cy="252000"/>
            </a:xfrm>
            <a:prstGeom prst="roundRect">
              <a:avLst>
                <a:gd name="adj" fmla="val 5714"/>
              </a:avLst>
            </a:prstGeom>
            <a:solidFill>
              <a:srgbClr val="B7E5EE">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1" name="Rektangel: afrundede hjørner 9">
              <a:extLst>
                <a:ext uri="{FF2B5EF4-FFF2-40B4-BE49-F238E27FC236}">
                  <a16:creationId xmlns:a16="http://schemas.microsoft.com/office/drawing/2014/main" id="{0C793B3B-E86E-56E9-233B-A384BE65BD08}"/>
                </a:ext>
              </a:extLst>
            </p:cNvPr>
            <p:cNvSpPr>
              <a:spLocks/>
            </p:cNvSpPr>
            <p:nvPr/>
          </p:nvSpPr>
          <p:spPr>
            <a:xfrm>
              <a:off x="6281618" y="2861617"/>
              <a:ext cx="2190193" cy="252000"/>
            </a:xfrm>
            <a:prstGeom prst="roundRect">
              <a:avLst>
                <a:gd name="adj" fmla="val 5714"/>
              </a:avLst>
            </a:prstGeom>
            <a:solidFill>
              <a:srgbClr val="B7E5EE">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3" name="Rektangel: afrundede hjørner 39">
              <a:extLst>
                <a:ext uri="{FF2B5EF4-FFF2-40B4-BE49-F238E27FC236}">
                  <a16:creationId xmlns:a16="http://schemas.microsoft.com/office/drawing/2014/main" id="{E40B18D7-FD34-17A0-2D94-BE8FEA9CAAF2}"/>
                </a:ext>
              </a:extLst>
            </p:cNvPr>
            <p:cNvSpPr>
              <a:spLocks/>
            </p:cNvSpPr>
            <p:nvPr/>
          </p:nvSpPr>
          <p:spPr>
            <a:xfrm>
              <a:off x="6280700" y="2490331"/>
              <a:ext cx="2190193" cy="252000"/>
            </a:xfrm>
            <a:prstGeom prst="roundRect">
              <a:avLst>
                <a:gd name="adj" fmla="val 5714"/>
              </a:avLst>
            </a:prstGeom>
            <a:solidFill>
              <a:srgbClr val="B7E5EE">
                <a:alpha val="7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4" name="Rektangel: afrundede hjørner 39">
              <a:extLst>
                <a:ext uri="{FF2B5EF4-FFF2-40B4-BE49-F238E27FC236}">
                  <a16:creationId xmlns:a16="http://schemas.microsoft.com/office/drawing/2014/main" id="{7DA3FE1B-1A7D-E2DD-0705-0B93646566A7}"/>
                </a:ext>
              </a:extLst>
            </p:cNvPr>
            <p:cNvSpPr>
              <a:spLocks/>
            </p:cNvSpPr>
            <p:nvPr/>
          </p:nvSpPr>
          <p:spPr>
            <a:xfrm>
              <a:off x="6281165" y="3562176"/>
              <a:ext cx="2190193" cy="252000"/>
            </a:xfrm>
            <a:prstGeom prst="roundRect">
              <a:avLst>
                <a:gd name="adj" fmla="val 5714"/>
              </a:avLst>
            </a:prstGeom>
            <a:solidFill>
              <a:srgbClr val="B7E5EE">
                <a:alpha val="1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75" name="TextBox 4">
              <a:extLst>
                <a:ext uri="{FF2B5EF4-FFF2-40B4-BE49-F238E27FC236}">
                  <a16:creationId xmlns:a16="http://schemas.microsoft.com/office/drawing/2014/main" id="{7943A786-E361-71C2-6D0D-E6BE2180B703}"/>
                </a:ext>
              </a:extLst>
            </p:cNvPr>
            <p:cNvSpPr txBox="1">
              <a:spLocks/>
            </p:cNvSpPr>
            <p:nvPr/>
          </p:nvSpPr>
          <p:spPr>
            <a:xfrm>
              <a:off x="6578922" y="3220604"/>
              <a:ext cx="1955475" cy="230108"/>
            </a:xfrm>
            <a:prstGeom prst="rect">
              <a:avLst/>
            </a:prstGeom>
            <a:noFill/>
          </p:spPr>
          <p:txBody>
            <a:bodyPr wrap="square" lIns="0" rtlCol="0" anchor="ctr">
              <a:noAutofit/>
            </a:bodyPr>
            <a:lstStyle/>
            <a:p>
              <a:r>
                <a:rPr lang="da-DK" sz="700" noProof="0" dirty="0">
                  <a:solidFill>
                    <a:srgbClr val="024D78"/>
                  </a:solidFill>
                </a:rPr>
                <a:t>04 | Indkøb, krav og leverandørsamarbejde</a:t>
              </a:r>
            </a:p>
          </p:txBody>
        </p:sp>
        <p:sp>
          <p:nvSpPr>
            <p:cNvPr id="76" name="TextBox 4">
              <a:extLst>
                <a:ext uri="{FF2B5EF4-FFF2-40B4-BE49-F238E27FC236}">
                  <a16:creationId xmlns:a16="http://schemas.microsoft.com/office/drawing/2014/main" id="{5CDB8EF2-E50B-2694-6670-EB8741FB2638}"/>
                </a:ext>
              </a:extLst>
            </p:cNvPr>
            <p:cNvSpPr txBox="1">
              <a:spLocks/>
            </p:cNvSpPr>
            <p:nvPr/>
          </p:nvSpPr>
          <p:spPr>
            <a:xfrm>
              <a:off x="6579387" y="2872563"/>
              <a:ext cx="1955475" cy="230108"/>
            </a:xfrm>
            <a:prstGeom prst="rect">
              <a:avLst/>
            </a:prstGeom>
            <a:noFill/>
          </p:spPr>
          <p:txBody>
            <a:bodyPr wrap="square" lIns="0" rtlCol="0" anchor="ctr">
              <a:noAutofit/>
            </a:bodyPr>
            <a:lstStyle/>
            <a:p>
              <a:r>
                <a:rPr lang="da-DK" sz="700" noProof="0" dirty="0">
                  <a:solidFill>
                    <a:srgbClr val="024D78"/>
                  </a:solidFill>
                </a:rPr>
                <a:t>03 | Arkitektur og åbne standarder</a:t>
              </a:r>
            </a:p>
          </p:txBody>
        </p:sp>
        <p:sp>
          <p:nvSpPr>
            <p:cNvPr id="77" name="TextBox 4">
              <a:extLst>
                <a:ext uri="{FF2B5EF4-FFF2-40B4-BE49-F238E27FC236}">
                  <a16:creationId xmlns:a16="http://schemas.microsoft.com/office/drawing/2014/main" id="{0117A7CF-2EBA-BFE5-B7B4-B2BE183ED286}"/>
                </a:ext>
              </a:extLst>
            </p:cNvPr>
            <p:cNvSpPr txBox="1">
              <a:spLocks/>
            </p:cNvSpPr>
            <p:nvPr/>
          </p:nvSpPr>
          <p:spPr>
            <a:xfrm>
              <a:off x="6578469" y="2501277"/>
              <a:ext cx="1955475" cy="230108"/>
            </a:xfrm>
            <a:prstGeom prst="rect">
              <a:avLst/>
            </a:prstGeom>
            <a:noFill/>
          </p:spPr>
          <p:txBody>
            <a:bodyPr wrap="square" lIns="0" rtlCol="0" anchor="ctr">
              <a:noAutofit/>
            </a:bodyPr>
            <a:lstStyle/>
            <a:p>
              <a:r>
                <a:rPr lang="da-DK" sz="700" b="1" noProof="0" dirty="0">
                  <a:solidFill>
                    <a:srgbClr val="024D78"/>
                  </a:solidFill>
                </a:rPr>
                <a:t>02 | Risikobaseret styring af afhængigheder</a:t>
              </a:r>
            </a:p>
          </p:txBody>
        </p:sp>
        <p:sp>
          <p:nvSpPr>
            <p:cNvPr id="98" name="TextBox 4">
              <a:extLst>
                <a:ext uri="{FF2B5EF4-FFF2-40B4-BE49-F238E27FC236}">
                  <a16:creationId xmlns:a16="http://schemas.microsoft.com/office/drawing/2014/main" id="{92776166-9BF4-D86D-B6BB-0EF2A12EB68D}"/>
                </a:ext>
              </a:extLst>
            </p:cNvPr>
            <p:cNvSpPr txBox="1">
              <a:spLocks/>
            </p:cNvSpPr>
            <p:nvPr/>
          </p:nvSpPr>
          <p:spPr>
            <a:xfrm>
              <a:off x="6579387" y="3573122"/>
              <a:ext cx="1955475" cy="230108"/>
            </a:xfrm>
            <a:prstGeom prst="rect">
              <a:avLst/>
            </a:prstGeom>
            <a:noFill/>
          </p:spPr>
          <p:txBody>
            <a:bodyPr wrap="square" lIns="0" rtlCol="0" anchor="ctr">
              <a:noAutofit/>
            </a:bodyPr>
            <a:lstStyle/>
            <a:p>
              <a:r>
                <a:rPr lang="da-DK" sz="700" noProof="0" dirty="0">
                  <a:solidFill>
                    <a:srgbClr val="024D78"/>
                  </a:solidFill>
                </a:rPr>
                <a:t>05 | Alternative løsninger</a:t>
              </a:r>
            </a:p>
          </p:txBody>
        </p:sp>
        <p:sp>
          <p:nvSpPr>
            <p:cNvPr id="99" name="Freeform 7">
              <a:extLst>
                <a:ext uri="{FF2B5EF4-FFF2-40B4-BE49-F238E27FC236}">
                  <a16:creationId xmlns:a16="http://schemas.microsoft.com/office/drawing/2014/main" id="{0B2C7F4C-7D49-6B25-4E5F-A20D6FFA13A3}"/>
                </a:ext>
              </a:extLst>
            </p:cNvPr>
            <p:cNvSpPr>
              <a:spLocks noEditPoints="1"/>
            </p:cNvSpPr>
            <p:nvPr/>
          </p:nvSpPr>
          <p:spPr bwMode="auto">
            <a:xfrm>
              <a:off x="6353426" y="3250371"/>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100" name="Group 99">
              <a:extLst>
                <a:ext uri="{FF2B5EF4-FFF2-40B4-BE49-F238E27FC236}">
                  <a16:creationId xmlns:a16="http://schemas.microsoft.com/office/drawing/2014/main" id="{AD926791-C4AF-4001-AE3F-F2124062C60B}"/>
                </a:ext>
              </a:extLst>
            </p:cNvPr>
            <p:cNvGrpSpPr/>
            <p:nvPr/>
          </p:nvGrpSpPr>
          <p:grpSpPr>
            <a:xfrm>
              <a:off x="6345364" y="2912838"/>
              <a:ext cx="193946" cy="152578"/>
              <a:chOff x="8675444" y="2927353"/>
              <a:chExt cx="573087" cy="450850"/>
            </a:xfrm>
            <a:solidFill>
              <a:srgbClr val="024D78"/>
            </a:solidFill>
          </p:grpSpPr>
          <p:sp>
            <p:nvSpPr>
              <p:cNvPr id="107" name="Freeform 257">
                <a:extLst>
                  <a:ext uri="{FF2B5EF4-FFF2-40B4-BE49-F238E27FC236}">
                    <a16:creationId xmlns:a16="http://schemas.microsoft.com/office/drawing/2014/main" id="{440C73E8-B503-8475-A0B4-CFE8F666275A}"/>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08" name="Freeform 258">
                <a:extLst>
                  <a:ext uri="{FF2B5EF4-FFF2-40B4-BE49-F238E27FC236}">
                    <a16:creationId xmlns:a16="http://schemas.microsoft.com/office/drawing/2014/main" id="{02C4120F-C8AE-B0D2-17AC-B6421C1F53A5}"/>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09" name="Freeform 259">
                <a:extLst>
                  <a:ext uri="{FF2B5EF4-FFF2-40B4-BE49-F238E27FC236}">
                    <a16:creationId xmlns:a16="http://schemas.microsoft.com/office/drawing/2014/main" id="{0139134D-8ACB-4340-EBAE-2C8BFD8C8C78}"/>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101" name="Group 100">
              <a:extLst>
                <a:ext uri="{FF2B5EF4-FFF2-40B4-BE49-F238E27FC236}">
                  <a16:creationId xmlns:a16="http://schemas.microsoft.com/office/drawing/2014/main" id="{D06CCD17-9AB6-19B6-FA12-EEC2B74F2BA1}"/>
                </a:ext>
              </a:extLst>
            </p:cNvPr>
            <p:cNvGrpSpPr/>
            <p:nvPr/>
          </p:nvGrpSpPr>
          <p:grpSpPr>
            <a:xfrm>
              <a:off x="6352025" y="2519193"/>
              <a:ext cx="178788" cy="179199"/>
              <a:chOff x="8695953" y="3768979"/>
              <a:chExt cx="531804" cy="533027"/>
            </a:xfrm>
            <a:solidFill>
              <a:srgbClr val="024D78"/>
            </a:solidFill>
          </p:grpSpPr>
          <p:sp>
            <p:nvSpPr>
              <p:cNvPr id="104" name="Freeform 291">
                <a:extLst>
                  <a:ext uri="{FF2B5EF4-FFF2-40B4-BE49-F238E27FC236}">
                    <a16:creationId xmlns:a16="http://schemas.microsoft.com/office/drawing/2014/main" id="{968EEB9A-BD6F-E764-5082-139CCF1AF338}"/>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05" name="Freeform 292">
                <a:extLst>
                  <a:ext uri="{FF2B5EF4-FFF2-40B4-BE49-F238E27FC236}">
                    <a16:creationId xmlns:a16="http://schemas.microsoft.com/office/drawing/2014/main" id="{07444B63-8F37-4079-0ED1-EE646C699F31}"/>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06" name="Freeform 293">
                <a:extLst>
                  <a:ext uri="{FF2B5EF4-FFF2-40B4-BE49-F238E27FC236}">
                    <a16:creationId xmlns:a16="http://schemas.microsoft.com/office/drawing/2014/main" id="{7B3BA897-6B7F-110C-99FE-4E6B732A6B37}"/>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102" name="Freeform 25">
              <a:extLst>
                <a:ext uri="{FF2B5EF4-FFF2-40B4-BE49-F238E27FC236}">
                  <a16:creationId xmlns:a16="http://schemas.microsoft.com/office/drawing/2014/main" id="{E83BF559-0182-65BE-881B-013F952A27AF}"/>
                </a:ext>
              </a:extLst>
            </p:cNvPr>
            <p:cNvSpPr>
              <a:spLocks noEditPoints="1"/>
            </p:cNvSpPr>
            <p:nvPr/>
          </p:nvSpPr>
          <p:spPr bwMode="auto">
            <a:xfrm>
              <a:off x="6336953" y="3594116"/>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103" name="Freeform 17">
              <a:extLst>
                <a:ext uri="{FF2B5EF4-FFF2-40B4-BE49-F238E27FC236}">
                  <a16:creationId xmlns:a16="http://schemas.microsoft.com/office/drawing/2014/main" id="{85901E48-8639-FCD7-6B6A-476DBF96FD5D}"/>
                </a:ext>
              </a:extLst>
            </p:cNvPr>
            <p:cNvSpPr>
              <a:spLocks noEditPoints="1"/>
            </p:cNvSpPr>
            <p:nvPr/>
          </p:nvSpPr>
          <p:spPr bwMode="auto">
            <a:xfrm>
              <a:off x="6352866" y="2197783"/>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grpSp>
      <p:sp>
        <p:nvSpPr>
          <p:cNvPr id="110" name="Rectangle 109">
            <a:extLst>
              <a:ext uri="{FF2B5EF4-FFF2-40B4-BE49-F238E27FC236}">
                <a16:creationId xmlns:a16="http://schemas.microsoft.com/office/drawing/2014/main" id="{35871C50-32B8-19C7-174D-0B704D765FD2}"/>
              </a:ext>
              <a:ext uri="{C183D7F6-B498-43B3-948B-1728B52AA6E4}">
                <adec:decorative xmlns:adec="http://schemas.microsoft.com/office/drawing/2017/decorative" val="1"/>
              </a:ext>
            </a:extLst>
          </p:cNvPr>
          <p:cNvSpPr>
            <a:spLocks/>
          </p:cNvSpPr>
          <p:nvPr/>
        </p:nvSpPr>
        <p:spPr>
          <a:xfrm>
            <a:off x="9704209" y="2140465"/>
            <a:ext cx="2232800" cy="303255"/>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sp>
        <p:nvSpPr>
          <p:cNvPr id="116" name="Rectangle 115">
            <a:extLst>
              <a:ext uri="{FF2B5EF4-FFF2-40B4-BE49-F238E27FC236}">
                <a16:creationId xmlns:a16="http://schemas.microsoft.com/office/drawing/2014/main" id="{B165C08C-A1C0-96C9-00E9-761E625E8762}"/>
              </a:ext>
              <a:ext uri="{C183D7F6-B498-43B3-948B-1728B52AA6E4}">
                <adec:decorative xmlns:adec="http://schemas.microsoft.com/office/drawing/2017/decorative" val="1"/>
              </a:ext>
            </a:extLst>
          </p:cNvPr>
          <p:cNvSpPr>
            <a:spLocks/>
          </p:cNvSpPr>
          <p:nvPr/>
        </p:nvSpPr>
        <p:spPr>
          <a:xfrm>
            <a:off x="9678929" y="2820967"/>
            <a:ext cx="2258079" cy="1033550"/>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dirty="0"/>
          </a:p>
        </p:txBody>
      </p:sp>
      <p:sp>
        <p:nvSpPr>
          <p:cNvPr id="29" name="Content Placeholder 5">
            <a:extLst>
              <a:ext uri="{FF2B5EF4-FFF2-40B4-BE49-F238E27FC236}">
                <a16:creationId xmlns:a16="http://schemas.microsoft.com/office/drawing/2014/main" id="{E9448061-96E4-8AA5-3CCA-1C87B58FF227}"/>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Nøgleerfaringer og </a:t>
            </a:r>
            <a:r>
              <a:rPr lang="da-DK" sz="1100" noProof="0" dirty="0" err="1">
                <a:solidFill>
                  <a:srgbClr val="36465A"/>
                </a:solidFill>
              </a:rPr>
              <a:t>læringer</a:t>
            </a:r>
            <a:endParaRPr lang="da-DK" sz="1100" noProof="0" dirty="0">
              <a:solidFill>
                <a:srgbClr val="36465A"/>
              </a:solidFill>
            </a:endParaRPr>
          </a:p>
        </p:txBody>
      </p:sp>
      <p:sp>
        <p:nvSpPr>
          <p:cNvPr id="32" name="Content Placeholder 5">
            <a:extLst>
              <a:ext uri="{FF2B5EF4-FFF2-40B4-BE49-F238E27FC236}">
                <a16:creationId xmlns:a16="http://schemas.microsoft.com/office/drawing/2014/main" id="{14C9E3B3-19EC-258C-5BA0-C057A1B0F878}"/>
              </a:ext>
            </a:extLst>
          </p:cNvPr>
          <p:cNvSpPr txBox="1">
            <a:spLocks/>
          </p:cNvSpPr>
          <p:nvPr/>
        </p:nvSpPr>
        <p:spPr>
          <a:xfrm>
            <a:off x="9739804" y="4344269"/>
            <a:ext cx="2229689" cy="183627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ct val="0"/>
              </a:spcAft>
              <a:buFont typeface="Wingdings" panose="05000000000000000000" pitchFamily="2" charset="2"/>
              <a:buChar char="ü"/>
            </a:pPr>
            <a:r>
              <a:rPr lang="da-DK" sz="900" noProof="0" dirty="0">
                <a:solidFill>
                  <a:schemeClr val="tx1"/>
                </a:solidFill>
              </a:rPr>
              <a:t>Komplekse afhængigheder kræver langsigtet og strukturel tænkning</a:t>
            </a:r>
            <a:br>
              <a:rPr lang="da-DK" sz="900" noProof="0" dirty="0">
                <a:solidFill>
                  <a:schemeClr val="tx1"/>
                </a:solidFill>
              </a:rPr>
            </a:br>
            <a:r>
              <a:rPr lang="da-DK" sz="900" b="0" noProof="0" dirty="0">
                <a:solidFill>
                  <a:schemeClr val="tx1"/>
                </a:solidFill>
              </a:rPr>
              <a:t>Der er en række handlemuligheder ift. digital handlefrihed, men det kræver grundig analyse at omlægge kommunens it-portefølje og vil være en bekostelig og langvarig proces</a:t>
            </a:r>
            <a:r>
              <a:rPr lang="da-DK" sz="900" b="0" noProof="0" dirty="0"/>
              <a:t>.</a:t>
            </a:r>
            <a:br>
              <a:rPr lang="da-DK" sz="900" b="0" noProof="0" dirty="0"/>
            </a:br>
            <a:endParaRPr lang="da-DK" sz="900" noProof="0" dirty="0">
              <a:solidFill>
                <a:schemeClr val="tx1"/>
              </a:solidFill>
            </a:endParaRPr>
          </a:p>
          <a:p>
            <a:pPr marL="171450" indent="-171450" defTabSz="914400" eaLnBrk="0" fontAlgn="base" hangingPunct="0">
              <a:spcBef>
                <a:spcPct val="0"/>
              </a:spcBef>
              <a:spcAft>
                <a:spcPct val="0"/>
              </a:spcAft>
              <a:buFont typeface="Wingdings" panose="05000000000000000000" pitchFamily="2" charset="2"/>
              <a:buChar char="ü"/>
            </a:pPr>
            <a:r>
              <a:rPr lang="da-DK" sz="900" noProof="0" dirty="0">
                <a:solidFill>
                  <a:schemeClr val="tx1"/>
                </a:solidFill>
              </a:rPr>
              <a:t>Koordination med øvrige offentlige aktører</a:t>
            </a:r>
            <a:br>
              <a:rPr lang="da-DK" sz="900" noProof="0" dirty="0">
                <a:solidFill>
                  <a:schemeClr val="tx1"/>
                </a:solidFill>
              </a:rPr>
            </a:br>
            <a:r>
              <a:rPr lang="da-DK" sz="900" b="0" noProof="0" dirty="0">
                <a:solidFill>
                  <a:schemeClr val="tx1"/>
                </a:solidFill>
              </a:rPr>
              <a:t>Der vil være behov for at koordinere med andre offentlige aktører for at øge sandsynligheden for at påvirke markedet og opnå bedst mulige priser. </a:t>
            </a:r>
          </a:p>
        </p:txBody>
      </p:sp>
    </p:spTree>
    <p:extLst>
      <p:ext uri="{BB962C8B-B14F-4D97-AF65-F5344CB8AC3E}">
        <p14:creationId xmlns:p14="http://schemas.microsoft.com/office/powerpoint/2010/main" val="1046303097"/>
      </p:ext>
    </p:extLst>
  </p:cSld>
  <p:clrMapOvr>
    <a:masterClrMapping/>
  </p:clrMapOvr>
  <p:transition>
    <p:fade/>
  </p:transition>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2674E61-75A9-401C-C55E-8168675F0591}"/>
            </a:ext>
          </a:extLst>
        </p:cNvPr>
        <p:cNvGrpSpPr/>
        <p:nvPr/>
      </p:nvGrpSpPr>
      <p:grpSpPr>
        <a:xfrm>
          <a:off x="0" y="0"/>
          <a:ext cx="0" cy="0"/>
          <a:chOff x="0" y="0"/>
          <a:chExt cx="0" cy="0"/>
        </a:xfrm>
      </p:grpSpPr>
      <p:sp>
        <p:nvSpPr>
          <p:cNvPr id="6" name="Rectangle: Rounded Corners 5">
            <a:extLst>
              <a:ext uri="{FF2B5EF4-FFF2-40B4-BE49-F238E27FC236}">
                <a16:creationId xmlns:a16="http://schemas.microsoft.com/office/drawing/2014/main" id="{FFD724E7-6E48-5F3E-CF07-A41EA806336D}"/>
              </a:ext>
            </a:extLst>
          </p:cNvPr>
          <p:cNvSpPr/>
          <p:nvPr/>
        </p:nvSpPr>
        <p:spPr>
          <a:xfrm>
            <a:off x="169304" y="11734"/>
            <a:ext cx="9053183"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3 | Analyse af digitale afhængigheder og handlemuligheder i Københavns Kommune</a:t>
            </a:r>
          </a:p>
        </p:txBody>
      </p:sp>
      <p:pic>
        <p:nvPicPr>
          <p:cNvPr id="15" name="Picture 10">
            <a:extLst>
              <a:ext uri="{FF2B5EF4-FFF2-40B4-BE49-F238E27FC236}">
                <a16:creationId xmlns:a16="http://schemas.microsoft.com/office/drawing/2014/main" id="{F61AEAE1-A7B0-D900-819E-13141A6C995A}"/>
              </a:ext>
              <a:ext uri="{C183D7F6-B498-43B3-948B-1728B52AA6E4}">
                <adec:decorative xmlns:adec="http://schemas.microsoft.com/office/drawing/2017/decorative" val="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776002" y="149698"/>
            <a:ext cx="1198030" cy="1235977"/>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EF1C3408-87CF-0D67-FE95-F4523BB52C3D}"/>
              </a:ext>
            </a:extLst>
          </p:cNvPr>
          <p:cNvSpPr>
            <a:spLocks noGrp="1"/>
          </p:cNvSpPr>
          <p:nvPr>
            <p:ph type="title"/>
          </p:nvPr>
        </p:nvSpPr>
        <p:spPr/>
        <p:txBody>
          <a:bodyPr/>
          <a:lstStyle/>
          <a:p>
            <a:r>
              <a:rPr lang="da-DK" sz="2200" noProof="0" dirty="0"/>
              <a:t>Side 2/3 | </a:t>
            </a:r>
            <a:r>
              <a:rPr lang="da-DK" sz="2200" b="1" noProof="0" dirty="0"/>
              <a:t>Formål, baggrund og kontekst</a:t>
            </a:r>
          </a:p>
        </p:txBody>
      </p:sp>
      <p:sp>
        <p:nvSpPr>
          <p:cNvPr id="14" name="Rectangle: Rounded Corners 13">
            <a:extLst>
              <a:ext uri="{FF2B5EF4-FFF2-40B4-BE49-F238E27FC236}">
                <a16:creationId xmlns:a16="http://schemas.microsoft.com/office/drawing/2014/main" id="{9E8D3EF0-72E6-0D84-6D23-86AE144D888C}"/>
              </a:ext>
              <a:ext uri="{C183D7F6-B498-43B3-948B-1728B52AA6E4}">
                <adec:decorative xmlns:adec="http://schemas.microsoft.com/office/drawing/2017/decorative" val="1"/>
              </a:ext>
            </a:extLst>
          </p:cNvPr>
          <p:cNvSpPr/>
          <p:nvPr/>
        </p:nvSpPr>
        <p:spPr>
          <a:xfrm>
            <a:off x="6632802" y="1711413"/>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0" name="Rectangle: Rounded Corners 9">
            <a:extLst>
              <a:ext uri="{FF2B5EF4-FFF2-40B4-BE49-F238E27FC236}">
                <a16:creationId xmlns:a16="http://schemas.microsoft.com/office/drawing/2014/main" id="{47D3820F-3C5D-E1DB-8AC8-CFE93EECE2D2}"/>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Formål og strategi</a:t>
            </a:r>
          </a:p>
        </p:txBody>
      </p:sp>
      <p:sp>
        <p:nvSpPr>
          <p:cNvPr id="3" name="Rectangle 2">
            <a:extLst>
              <a:ext uri="{FF2B5EF4-FFF2-40B4-BE49-F238E27FC236}">
                <a16:creationId xmlns:a16="http://schemas.microsoft.com/office/drawing/2014/main" id="{4683AE32-3F89-B738-265B-E5F7C93AC1B9}"/>
              </a:ext>
            </a:extLst>
          </p:cNvPr>
          <p:cNvSpPr/>
          <p:nvPr/>
        </p:nvSpPr>
        <p:spPr>
          <a:xfrm>
            <a:off x="560498" y="2076662"/>
            <a:ext cx="2969454" cy="42422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rIns="0"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chemeClr val="tx1"/>
                </a:solidFill>
                <a:sym typeface="Wingdings" panose="05000000000000000000" pitchFamily="2" charset="2"/>
              </a:rPr>
              <a:t>Formål</a:t>
            </a:r>
            <a:br>
              <a:rPr lang="da-DK" sz="900" b="1" noProof="0" dirty="0">
                <a:solidFill>
                  <a:schemeClr val="tx1"/>
                </a:solidFill>
                <a:sym typeface="Wingdings" panose="05000000000000000000" pitchFamily="2" charset="2"/>
              </a:rPr>
            </a:br>
            <a:r>
              <a:rPr lang="da-DK" sz="900" noProof="0" dirty="0">
                <a:solidFill>
                  <a:schemeClr val="tx1"/>
                </a:solidFill>
                <a:sym typeface="Wingdings" panose="05000000000000000000" pitchFamily="2" charset="2"/>
              </a:rPr>
              <a:t>Formålet med indsatsen har været at afdække Københavns Kommunes politiske handlerum ift. at reducere kommunens afhængighed af </a:t>
            </a:r>
            <a:r>
              <a:rPr lang="da-DK" sz="900" noProof="0" dirty="0" err="1">
                <a:solidFill>
                  <a:schemeClr val="tx1"/>
                </a:solidFill>
                <a:sym typeface="Wingdings" panose="05000000000000000000" pitchFamily="2" charset="2"/>
              </a:rPr>
              <a:t>tech</a:t>
            </a:r>
            <a:r>
              <a:rPr lang="da-DK" sz="900" noProof="0" dirty="0">
                <a:solidFill>
                  <a:schemeClr val="tx1"/>
                </a:solidFill>
                <a:sym typeface="Wingdings" panose="05000000000000000000" pitchFamily="2" charset="2"/>
              </a:rPr>
              <a:t> giganter. </a:t>
            </a:r>
          </a:p>
          <a:p>
            <a:r>
              <a:rPr lang="da-DK" sz="900" noProof="0" dirty="0">
                <a:solidFill>
                  <a:schemeClr val="tx1"/>
                </a:solidFill>
                <a:sym typeface="Wingdings" panose="05000000000000000000" pitchFamily="2" charset="2"/>
              </a:rPr>
              <a:t> </a:t>
            </a:r>
          </a:p>
          <a:p>
            <a:r>
              <a:rPr lang="da-DK" sz="900" noProof="0" dirty="0">
                <a:solidFill>
                  <a:schemeClr val="tx1"/>
                </a:solidFill>
              </a:rPr>
              <a:t>I den forbindelse er udført en detaljeret analyse af kommunens digitale afhængigheder og sårbarheder </a:t>
            </a:r>
            <a:r>
              <a:rPr lang="da-DK" sz="900" noProof="0" dirty="0">
                <a:solidFill>
                  <a:schemeClr val="tx1"/>
                </a:solidFill>
                <a:sym typeface="Wingdings" panose="05000000000000000000" pitchFamily="2" charset="2"/>
              </a:rPr>
              <a:t>på tværs af den samlede teknologistak og på tværs af leverandører. Som led i analysen er der foretaget vurderinger af mulige indsatsområder og handlinger, som kan øge den digitale handlefrihed. </a:t>
            </a:r>
          </a:p>
          <a:p>
            <a:endParaRPr lang="da-DK" sz="900" noProof="0" dirty="0">
              <a:solidFill>
                <a:schemeClr val="tx1"/>
              </a:solidFill>
              <a:sym typeface="Wingdings" panose="05000000000000000000" pitchFamily="2" charset="2"/>
            </a:endParaRPr>
          </a:p>
          <a:p>
            <a:r>
              <a:rPr lang="da-DK" sz="900" noProof="0" dirty="0">
                <a:solidFill>
                  <a:schemeClr val="tx1"/>
                </a:solidFill>
                <a:sym typeface="Wingdings" panose="05000000000000000000" pitchFamily="2" charset="2"/>
              </a:rPr>
              <a:t>Analysen er gennemført af Københavns Kommune og har et internt fokus. I analyseprocessen er inddraget relevante leverandører samt interessenter i </a:t>
            </a:r>
            <a:r>
              <a:rPr lang="da-DK" sz="900" noProof="0" dirty="0">
                <a:solidFill>
                  <a:schemeClr val="tx1"/>
                </a:solidFill>
              </a:rPr>
              <a:t>staten, KL og andre kommuner. </a:t>
            </a:r>
            <a:endParaRPr lang="da-DK" sz="900" noProof="0" dirty="0">
              <a:solidFill>
                <a:schemeClr val="tx1"/>
              </a:solidFill>
              <a:sym typeface="Wingdings" panose="05000000000000000000" pitchFamily="2" charset="2"/>
            </a:endParaRPr>
          </a:p>
          <a:p>
            <a:endParaRPr lang="da-DK" sz="900" noProof="0" dirty="0">
              <a:solidFill>
                <a:schemeClr val="tx1"/>
              </a:solidFill>
              <a:sym typeface="Wingdings" panose="05000000000000000000" pitchFamily="2" charset="2"/>
            </a:endParaRPr>
          </a:p>
          <a:p>
            <a:r>
              <a:rPr lang="da-DK" sz="900" b="1" noProof="0" dirty="0">
                <a:solidFill>
                  <a:schemeClr val="tx1"/>
                </a:solidFill>
                <a:sym typeface="Wingdings" panose="05000000000000000000" pitchFamily="2" charset="2"/>
              </a:rPr>
              <a:t>Strategisk ophæng</a:t>
            </a:r>
          </a:p>
          <a:p>
            <a:r>
              <a:rPr lang="da-DK" sz="900" noProof="0" dirty="0">
                <a:solidFill>
                  <a:schemeClr val="tx1"/>
                </a:solidFill>
                <a:sym typeface="Wingdings" panose="05000000000000000000" pitchFamily="2" charset="2"/>
              </a:rPr>
              <a:t>Analysen er strategisk forankret i Borgerrepræsentationens beslutning fra d. 27. marts 2025 om at undersøge kommunens afhængighed af </a:t>
            </a:r>
            <a:r>
              <a:rPr lang="da-DK" sz="900" noProof="0" dirty="0" err="1">
                <a:solidFill>
                  <a:schemeClr val="tx1"/>
                </a:solidFill>
                <a:sym typeface="Wingdings" panose="05000000000000000000" pitchFamily="2" charset="2"/>
              </a:rPr>
              <a:t>tech</a:t>
            </a:r>
            <a:r>
              <a:rPr lang="da-DK" sz="900" noProof="0" dirty="0">
                <a:solidFill>
                  <a:schemeClr val="tx1"/>
                </a:solidFill>
                <a:sym typeface="Wingdings" panose="05000000000000000000" pitchFamily="2" charset="2"/>
              </a:rPr>
              <a:t>‑giganter og redegøre for det politiske handlerum i forhold til at styrke digital handlefrihed. </a:t>
            </a:r>
          </a:p>
        </p:txBody>
      </p:sp>
      <p:sp>
        <p:nvSpPr>
          <p:cNvPr id="11" name="Rectangle: Rounded Corners 10">
            <a:extLst>
              <a:ext uri="{FF2B5EF4-FFF2-40B4-BE49-F238E27FC236}">
                <a16:creationId xmlns:a16="http://schemas.microsoft.com/office/drawing/2014/main" id="{7BF0474F-1BE5-941B-7195-62E5989BE7DB}"/>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Baggrund og kontekst</a:t>
            </a:r>
          </a:p>
        </p:txBody>
      </p:sp>
      <p:sp>
        <p:nvSpPr>
          <p:cNvPr id="5" name="Rectangle 4">
            <a:extLst>
              <a:ext uri="{FF2B5EF4-FFF2-40B4-BE49-F238E27FC236}">
                <a16:creationId xmlns:a16="http://schemas.microsoft.com/office/drawing/2014/main" id="{09E7B587-CCAE-DA15-C0EF-3AEFC04F6999}"/>
              </a:ext>
            </a:extLst>
          </p:cNvPr>
          <p:cNvSpPr/>
          <p:nvPr/>
        </p:nvSpPr>
        <p:spPr>
          <a:xfrm>
            <a:off x="3565418" y="2076662"/>
            <a:ext cx="2985319" cy="42422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chemeClr val="tx1"/>
                </a:solidFill>
              </a:rPr>
              <a:t>Baggrund</a:t>
            </a:r>
          </a:p>
          <a:p>
            <a:r>
              <a:rPr lang="da-DK" sz="900" noProof="0" dirty="0">
                <a:solidFill>
                  <a:schemeClr val="tx1"/>
                </a:solidFill>
              </a:rPr>
              <a:t>Medlemsforslaget, der danner baggrund for analysen, er stillet af et bredt flertal i Borgerrepræsentationen (EL, S, K, SF, RV, V og en løsgænger) og bygger videre på regeringens ekspertgruppes rapport fra december 2024, som fremhæver, at den offentlige sektors dybe integration med store internationale teknologileverandører skaber både økonomiske og sikkerhedspolitiske sårbarheder.</a:t>
            </a:r>
          </a:p>
          <a:p>
            <a:endParaRPr lang="da-DK" sz="900" noProof="0" dirty="0">
              <a:solidFill>
                <a:schemeClr val="tx1"/>
              </a:solidFill>
            </a:endParaRPr>
          </a:p>
          <a:p>
            <a:r>
              <a:rPr lang="da-DK" sz="900" b="1" noProof="0" dirty="0">
                <a:solidFill>
                  <a:schemeClr val="tx1"/>
                </a:solidFill>
              </a:rPr>
              <a:t>Kontekst</a:t>
            </a:r>
          </a:p>
          <a:p>
            <a:r>
              <a:rPr lang="da-DK" sz="900" noProof="0" dirty="0">
                <a:solidFill>
                  <a:schemeClr val="tx1"/>
                </a:solidFill>
              </a:rPr>
              <a:t>Analysen skal ses i lyset af:</a:t>
            </a:r>
          </a:p>
          <a:p>
            <a:pPr marL="171450" indent="-171450">
              <a:spcAft>
                <a:spcPts val="350"/>
              </a:spcAft>
              <a:buFont typeface="Arial" panose="020B0604020202020204" pitchFamily="34" charset="0"/>
              <a:buChar char="•"/>
            </a:pPr>
            <a:r>
              <a:rPr lang="da-DK" sz="900" noProof="0" dirty="0">
                <a:solidFill>
                  <a:schemeClr val="tx1"/>
                </a:solidFill>
              </a:rPr>
              <a:t>Kommunens historiske fokus på informations- og sikkerhed, herunder compliance og sikker anvendelse af digitale løsninger og cloud</a:t>
            </a:r>
          </a:p>
          <a:p>
            <a:pPr marL="171450" indent="-171450">
              <a:spcAft>
                <a:spcPts val="350"/>
              </a:spcAft>
              <a:buFont typeface="Arial" panose="020B0604020202020204" pitchFamily="34" charset="0"/>
              <a:buChar char="•"/>
            </a:pPr>
            <a:r>
              <a:rPr lang="da-DK" sz="900" noProof="0" dirty="0">
                <a:solidFill>
                  <a:schemeClr val="tx1"/>
                </a:solidFill>
              </a:rPr>
              <a:t>Regeringens ekspertgruppes rapport om </a:t>
            </a:r>
            <a:r>
              <a:rPr lang="da-DK" sz="900" noProof="0" dirty="0" err="1">
                <a:solidFill>
                  <a:schemeClr val="tx1"/>
                </a:solidFill>
              </a:rPr>
              <a:t>tech</a:t>
            </a:r>
            <a:r>
              <a:rPr lang="da-DK" sz="900" noProof="0" dirty="0">
                <a:solidFill>
                  <a:schemeClr val="tx1"/>
                </a:solidFill>
              </a:rPr>
              <a:t>-giganter og digital infrastruktur (2024)</a:t>
            </a:r>
          </a:p>
          <a:p>
            <a:pPr marL="171450" indent="-171450">
              <a:spcAft>
                <a:spcPts val="350"/>
              </a:spcAft>
              <a:buFont typeface="Arial" panose="020B0604020202020204" pitchFamily="34" charset="0"/>
              <a:buChar char="•"/>
            </a:pPr>
            <a:r>
              <a:rPr lang="da-DK" sz="900" noProof="0" dirty="0">
                <a:solidFill>
                  <a:schemeClr val="tx1"/>
                </a:solidFill>
              </a:rPr>
              <a:t>Stigende opmærksomhed på digital handlefrihed, forstærket af de nye politiske strømninger på internationalt og nationalt plan i starten af 2025</a:t>
            </a:r>
            <a:r>
              <a:rPr lang="da-DK" sz="900" noProof="0" dirty="0">
                <a:solidFill>
                  <a:srgbClr val="2C8027"/>
                </a:solidFill>
              </a:rPr>
              <a:t>.</a:t>
            </a:r>
          </a:p>
          <a:p>
            <a:endParaRPr lang="da-DK" sz="900" noProof="0" dirty="0">
              <a:solidFill>
                <a:schemeClr val="tx1"/>
              </a:solidFill>
              <a:highlight>
                <a:srgbClr val="FFFF00"/>
              </a:highlight>
              <a:sym typeface="Wingdings" panose="05000000000000000000" pitchFamily="2" charset="2"/>
            </a:endParaRPr>
          </a:p>
        </p:txBody>
      </p:sp>
      <p:sp>
        <p:nvSpPr>
          <p:cNvPr id="7" name="Rectangle 6">
            <a:extLst>
              <a:ext uri="{FF2B5EF4-FFF2-40B4-BE49-F238E27FC236}">
                <a16:creationId xmlns:a16="http://schemas.microsoft.com/office/drawing/2014/main" id="{9C438F16-00FC-D245-F6E6-76295600BC22}"/>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dirty="0"/>
          </a:p>
        </p:txBody>
      </p:sp>
      <p:cxnSp>
        <p:nvCxnSpPr>
          <p:cNvPr id="8" name="Straight Connector 7">
            <a:extLst>
              <a:ext uri="{FF2B5EF4-FFF2-40B4-BE49-F238E27FC236}">
                <a16:creationId xmlns:a16="http://schemas.microsoft.com/office/drawing/2014/main" id="{865186DE-8249-9C1F-8A99-DF14B7ABEBDC}"/>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88B1E9C4-7D08-D18A-BA13-F4C43FFB6F2B}"/>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A25B00AB-582D-81AB-854F-2261F3F2254F}"/>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dirty="0"/>
          </a:p>
        </p:txBody>
      </p:sp>
      <p:sp>
        <p:nvSpPr>
          <p:cNvPr id="66" name="Rectangle 65">
            <a:extLst>
              <a:ext uri="{FF2B5EF4-FFF2-40B4-BE49-F238E27FC236}">
                <a16:creationId xmlns:a16="http://schemas.microsoft.com/office/drawing/2014/main" id="{E36B9DC9-844B-FD9E-2243-3F38ABAB9ED5}"/>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dirty="0"/>
          </a:p>
        </p:txBody>
      </p:sp>
      <p:sp>
        <p:nvSpPr>
          <p:cNvPr id="4" name="Freeform 16">
            <a:extLst>
              <a:ext uri="{FF2B5EF4-FFF2-40B4-BE49-F238E27FC236}">
                <a16:creationId xmlns:a16="http://schemas.microsoft.com/office/drawing/2014/main" id="{E14D206A-10EB-01AB-8429-A0DFFADB48C2}"/>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12" name="Freeform 34">
            <a:extLst>
              <a:ext uri="{FF2B5EF4-FFF2-40B4-BE49-F238E27FC236}">
                <a16:creationId xmlns:a16="http://schemas.microsoft.com/office/drawing/2014/main" id="{5E766B54-BAF6-73DE-7BCE-B004CC47B020}"/>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29" name="TextBox 10">
            <a:extLst>
              <a:ext uri="{FF2B5EF4-FFF2-40B4-BE49-F238E27FC236}">
                <a16:creationId xmlns:a16="http://schemas.microsoft.com/office/drawing/2014/main" id="{0CF5D41E-EFDB-C816-6CA7-B73089CBB1EA}"/>
              </a:ext>
            </a:extLst>
          </p:cNvPr>
          <p:cNvSpPr txBox="1">
            <a:spLocks/>
          </p:cNvSpPr>
          <p:nvPr/>
        </p:nvSpPr>
        <p:spPr>
          <a:xfrm>
            <a:off x="6800041" y="1721619"/>
            <a:ext cx="5006751" cy="338554"/>
          </a:xfrm>
          <a:prstGeom prst="rect">
            <a:avLst/>
          </a:prstGeom>
          <a:noFill/>
        </p:spPr>
        <p:txBody>
          <a:bodyPr wrap="square" lIns="0" tIns="0" rIns="0" bIns="0" rtlCol="0" anchor="ctr">
            <a:spAutoFit/>
          </a:bodyPr>
          <a:lstStyle/>
          <a:p>
            <a:pPr rtl="0">
              <a:defRPr/>
            </a:pPr>
            <a:r>
              <a:rPr lang="da-DK" sz="1100" b="1" noProof="0" dirty="0">
                <a:solidFill>
                  <a:srgbClr val="024D78"/>
                </a:solidFill>
              </a:rPr>
              <a:t>Illustration af processen for Københavns Kommunes risikoanalyse (udarbejdet af PA)</a:t>
            </a:r>
            <a:endParaRPr lang="da-DK" sz="1100" noProof="0" dirty="0">
              <a:solidFill>
                <a:srgbClr val="024D78"/>
              </a:solidFill>
            </a:endParaRPr>
          </a:p>
        </p:txBody>
      </p:sp>
      <p:grpSp>
        <p:nvGrpSpPr>
          <p:cNvPr id="41" name="Group 40">
            <a:extLst>
              <a:ext uri="{FF2B5EF4-FFF2-40B4-BE49-F238E27FC236}">
                <a16:creationId xmlns:a16="http://schemas.microsoft.com/office/drawing/2014/main" id="{7C15682E-9657-DA7C-4A7C-F61C37DBFB86}"/>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42" name="Rectangle 41">
              <a:extLst>
                <a:ext uri="{FF2B5EF4-FFF2-40B4-BE49-F238E27FC236}">
                  <a16:creationId xmlns:a16="http://schemas.microsoft.com/office/drawing/2014/main" id="{1ACB9BA2-C740-A764-544E-5B34B50BDFB2}"/>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3" name="Rectangle 42">
              <a:extLst>
                <a:ext uri="{FF2B5EF4-FFF2-40B4-BE49-F238E27FC236}">
                  <a16:creationId xmlns:a16="http://schemas.microsoft.com/office/drawing/2014/main" id="{B1B9B15B-E4C5-498E-63C2-7A358B1BDF9E}"/>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t>Case Katalog</a:t>
              </a:r>
            </a:p>
          </p:txBody>
        </p:sp>
      </p:grpSp>
      <p:sp>
        <p:nvSpPr>
          <p:cNvPr id="53" name="Arrow: Pentagon 52">
            <a:extLst>
              <a:ext uri="{FF2B5EF4-FFF2-40B4-BE49-F238E27FC236}">
                <a16:creationId xmlns:a16="http://schemas.microsoft.com/office/drawing/2014/main" id="{674A50FA-A1B8-6D1B-30EF-2B24DE6EA563}"/>
              </a:ext>
            </a:extLst>
          </p:cNvPr>
          <p:cNvSpPr>
            <a:spLocks/>
          </p:cNvSpPr>
          <p:nvPr/>
        </p:nvSpPr>
        <p:spPr>
          <a:xfrm>
            <a:off x="6926791" y="2182609"/>
            <a:ext cx="1581405" cy="425299"/>
          </a:xfrm>
          <a:prstGeom prst="homePlate">
            <a:avLst>
              <a:gd name="adj" fmla="val 25000"/>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t>1</a:t>
            </a:r>
          </a:p>
        </p:txBody>
      </p:sp>
      <p:sp>
        <p:nvSpPr>
          <p:cNvPr id="56" name="Rectangle 55">
            <a:extLst>
              <a:ext uri="{FF2B5EF4-FFF2-40B4-BE49-F238E27FC236}">
                <a16:creationId xmlns:a16="http://schemas.microsoft.com/office/drawing/2014/main" id="{5595744B-3DA2-71A7-4335-7A428BD2903B}"/>
              </a:ext>
            </a:extLst>
          </p:cNvPr>
          <p:cNvSpPr/>
          <p:nvPr/>
        </p:nvSpPr>
        <p:spPr>
          <a:xfrm>
            <a:off x="6926791" y="2607908"/>
            <a:ext cx="1482886" cy="150329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r>
              <a:rPr lang="da-DK" sz="1000" noProof="0" dirty="0">
                <a:solidFill>
                  <a:schemeClr val="tx1"/>
                </a:solidFill>
              </a:rPr>
              <a:t>Identifikation af de 150 mest kritiske system- og softwareløsninger til analyse ud af samlet portefølje på ca. 1.000 system- og softwareløsninger</a:t>
            </a:r>
          </a:p>
          <a:p>
            <a:endParaRPr lang="da-DK" sz="1000" noProof="0" dirty="0">
              <a:solidFill>
                <a:srgbClr val="024D78"/>
              </a:solidFill>
            </a:endParaRPr>
          </a:p>
          <a:p>
            <a:endParaRPr lang="da-DK" sz="1000" noProof="0" dirty="0">
              <a:solidFill>
                <a:srgbClr val="024D78"/>
              </a:solidFill>
            </a:endParaRPr>
          </a:p>
        </p:txBody>
      </p:sp>
      <p:sp>
        <p:nvSpPr>
          <p:cNvPr id="54" name="Arrow: Chevron 53">
            <a:extLst>
              <a:ext uri="{FF2B5EF4-FFF2-40B4-BE49-F238E27FC236}">
                <a16:creationId xmlns:a16="http://schemas.microsoft.com/office/drawing/2014/main" id="{9666DFE8-CCB7-4D57-EF9F-575C1731D502}"/>
              </a:ext>
            </a:extLst>
          </p:cNvPr>
          <p:cNvSpPr>
            <a:spLocks/>
          </p:cNvSpPr>
          <p:nvPr/>
        </p:nvSpPr>
        <p:spPr>
          <a:xfrm>
            <a:off x="8521125" y="2182609"/>
            <a:ext cx="1581405" cy="425299"/>
          </a:xfrm>
          <a:prstGeom prst="chevron">
            <a:avLst>
              <a:gd name="adj" fmla="val 2500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t>2</a:t>
            </a:r>
          </a:p>
        </p:txBody>
      </p:sp>
      <p:sp>
        <p:nvSpPr>
          <p:cNvPr id="57" name="Rectangle 56">
            <a:extLst>
              <a:ext uri="{FF2B5EF4-FFF2-40B4-BE49-F238E27FC236}">
                <a16:creationId xmlns:a16="http://schemas.microsoft.com/office/drawing/2014/main" id="{7476C8DE-8BE1-8051-8FDF-C8FC8C14FDD1}"/>
              </a:ext>
            </a:extLst>
          </p:cNvPr>
          <p:cNvSpPr/>
          <p:nvPr/>
        </p:nvSpPr>
        <p:spPr>
          <a:xfrm>
            <a:off x="8521125" y="2607908"/>
            <a:ext cx="1482886" cy="150329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r>
              <a:rPr lang="da-DK" sz="1000" noProof="0" dirty="0">
                <a:solidFill>
                  <a:schemeClr val="tx1"/>
                </a:solidFill>
              </a:rPr>
              <a:t>Kortlægning af afhængigheder i 150 mest kritiske system- og softwareløsninger. </a:t>
            </a:r>
          </a:p>
          <a:p>
            <a:endParaRPr lang="da-DK" sz="1000" noProof="0" dirty="0">
              <a:solidFill>
                <a:srgbClr val="024D78"/>
              </a:solidFill>
            </a:endParaRPr>
          </a:p>
        </p:txBody>
      </p:sp>
      <p:sp>
        <p:nvSpPr>
          <p:cNvPr id="55" name="Arrow: Chevron 54">
            <a:extLst>
              <a:ext uri="{FF2B5EF4-FFF2-40B4-BE49-F238E27FC236}">
                <a16:creationId xmlns:a16="http://schemas.microsoft.com/office/drawing/2014/main" id="{4511045C-7464-DDDC-983A-73C0B58B0B3D}"/>
              </a:ext>
            </a:extLst>
          </p:cNvPr>
          <p:cNvSpPr>
            <a:spLocks/>
          </p:cNvSpPr>
          <p:nvPr/>
        </p:nvSpPr>
        <p:spPr>
          <a:xfrm>
            <a:off x="10115321" y="2182609"/>
            <a:ext cx="1581405" cy="425299"/>
          </a:xfrm>
          <a:prstGeom prst="chevron">
            <a:avLst>
              <a:gd name="adj" fmla="val 25000"/>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t>3</a:t>
            </a:r>
          </a:p>
        </p:txBody>
      </p:sp>
      <p:sp>
        <p:nvSpPr>
          <p:cNvPr id="58" name="Rectangle 57">
            <a:extLst>
              <a:ext uri="{FF2B5EF4-FFF2-40B4-BE49-F238E27FC236}">
                <a16:creationId xmlns:a16="http://schemas.microsoft.com/office/drawing/2014/main" id="{432E33A1-DC80-42EF-647C-8F6D7CC8A54E}"/>
              </a:ext>
            </a:extLst>
          </p:cNvPr>
          <p:cNvSpPr/>
          <p:nvPr/>
        </p:nvSpPr>
        <p:spPr>
          <a:xfrm>
            <a:off x="10115321" y="2607908"/>
            <a:ext cx="1482886" cy="150329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r>
              <a:rPr lang="da-DK" sz="1000" noProof="0" dirty="0">
                <a:solidFill>
                  <a:schemeClr val="tx1"/>
                </a:solidFill>
              </a:rPr>
              <a:t>Dybdeanalyse på systemer og infrastruktur-komponenter med de største afhængigheder, herunder dialog med markedet.</a:t>
            </a:r>
          </a:p>
        </p:txBody>
      </p:sp>
      <p:sp>
        <p:nvSpPr>
          <p:cNvPr id="59" name="Arrow: Chevron 58">
            <a:extLst>
              <a:ext uri="{FF2B5EF4-FFF2-40B4-BE49-F238E27FC236}">
                <a16:creationId xmlns:a16="http://schemas.microsoft.com/office/drawing/2014/main" id="{624CE26A-170B-B2BF-A570-BA310D71F0C9}"/>
              </a:ext>
            </a:extLst>
          </p:cNvPr>
          <p:cNvSpPr>
            <a:spLocks/>
          </p:cNvSpPr>
          <p:nvPr/>
        </p:nvSpPr>
        <p:spPr>
          <a:xfrm>
            <a:off x="7739601" y="4178908"/>
            <a:ext cx="1581405" cy="425299"/>
          </a:xfrm>
          <a:prstGeom prst="chevron">
            <a:avLst>
              <a:gd name="adj" fmla="val 25000"/>
            </a:avLst>
          </a:prstGeom>
          <a:solidFill>
            <a:schemeClr val="accent6">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t>4</a:t>
            </a:r>
          </a:p>
        </p:txBody>
      </p:sp>
      <p:sp>
        <p:nvSpPr>
          <p:cNvPr id="61" name="Rectangle 60">
            <a:extLst>
              <a:ext uri="{FF2B5EF4-FFF2-40B4-BE49-F238E27FC236}">
                <a16:creationId xmlns:a16="http://schemas.microsoft.com/office/drawing/2014/main" id="{1D13F5E7-7D8F-885C-F988-021D4209433D}"/>
              </a:ext>
            </a:extLst>
          </p:cNvPr>
          <p:cNvSpPr/>
          <p:nvPr/>
        </p:nvSpPr>
        <p:spPr>
          <a:xfrm>
            <a:off x="7739601" y="4604207"/>
            <a:ext cx="1482886" cy="150329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r>
              <a:rPr lang="da-DK" sz="1000" noProof="0" dirty="0">
                <a:solidFill>
                  <a:schemeClr val="tx1"/>
                </a:solidFill>
              </a:rPr>
              <a:t>Samlet relativ vurdering af afhængigheder og risikoeksponering.</a:t>
            </a:r>
          </a:p>
        </p:txBody>
      </p:sp>
      <p:sp>
        <p:nvSpPr>
          <p:cNvPr id="60" name="Arrow: Chevron 59">
            <a:extLst>
              <a:ext uri="{FF2B5EF4-FFF2-40B4-BE49-F238E27FC236}">
                <a16:creationId xmlns:a16="http://schemas.microsoft.com/office/drawing/2014/main" id="{1F74C9DF-F252-93FC-7512-218F44F3D57B}"/>
              </a:ext>
            </a:extLst>
          </p:cNvPr>
          <p:cNvSpPr>
            <a:spLocks/>
          </p:cNvSpPr>
          <p:nvPr/>
        </p:nvSpPr>
        <p:spPr>
          <a:xfrm>
            <a:off x="9333797" y="4178908"/>
            <a:ext cx="1581405" cy="425299"/>
          </a:xfrm>
          <a:prstGeom prst="chevron">
            <a:avLst>
              <a:gd name="adj" fmla="val 25000"/>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t>5</a:t>
            </a:r>
          </a:p>
        </p:txBody>
      </p:sp>
      <p:sp>
        <p:nvSpPr>
          <p:cNvPr id="62" name="Rectangle 61">
            <a:extLst>
              <a:ext uri="{FF2B5EF4-FFF2-40B4-BE49-F238E27FC236}">
                <a16:creationId xmlns:a16="http://schemas.microsoft.com/office/drawing/2014/main" id="{DDA2AC38-605C-3C60-6C8E-4FA8CA1E93C2}"/>
              </a:ext>
            </a:extLst>
          </p:cNvPr>
          <p:cNvSpPr/>
          <p:nvPr/>
        </p:nvSpPr>
        <p:spPr>
          <a:xfrm>
            <a:off x="9333797" y="4604207"/>
            <a:ext cx="1482886" cy="150329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lstStyle/>
          <a:p>
            <a:r>
              <a:rPr lang="da-DK" sz="1000" noProof="0" dirty="0">
                <a:solidFill>
                  <a:schemeClr val="tx1"/>
                </a:solidFill>
              </a:rPr>
              <a:t>Vurdering af mulige tiltag og handlinger.</a:t>
            </a:r>
          </a:p>
        </p:txBody>
      </p:sp>
    </p:spTree>
    <p:extLst>
      <p:ext uri="{BB962C8B-B14F-4D97-AF65-F5344CB8AC3E}">
        <p14:creationId xmlns:p14="http://schemas.microsoft.com/office/powerpoint/2010/main" val="3426812687"/>
      </p:ext>
    </p:extLst>
  </p:cSld>
  <p:clrMapOvr>
    <a:masterClrMapping/>
  </p:clrMapOvr>
  <p:transition>
    <p:fade/>
  </p:transition>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233DEB-40FE-32C1-3611-1E740DD7E50D}"/>
            </a:ext>
          </a:extLst>
        </p:cNvPr>
        <p:cNvGrpSpPr/>
        <p:nvPr/>
      </p:nvGrpSpPr>
      <p:grpSpPr>
        <a:xfrm>
          <a:off x="0" y="0"/>
          <a:ext cx="0" cy="0"/>
          <a:chOff x="0" y="0"/>
          <a:chExt cx="0" cy="0"/>
        </a:xfrm>
      </p:grpSpPr>
      <p:sp>
        <p:nvSpPr>
          <p:cNvPr id="33" name="Rectangle: Rounded Corners 32">
            <a:extLst>
              <a:ext uri="{FF2B5EF4-FFF2-40B4-BE49-F238E27FC236}">
                <a16:creationId xmlns:a16="http://schemas.microsoft.com/office/drawing/2014/main" id="{83F54EA3-77DF-88A1-C58B-81B2E997A560}"/>
              </a:ext>
            </a:extLst>
          </p:cNvPr>
          <p:cNvSpPr/>
          <p:nvPr/>
        </p:nvSpPr>
        <p:spPr>
          <a:xfrm>
            <a:off x="169304" y="11734"/>
            <a:ext cx="9037517"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3 | Analyse af digitale afhængigheder og handlemuligheder i Københavns Kommune</a:t>
            </a:r>
          </a:p>
        </p:txBody>
      </p:sp>
      <p:pic>
        <p:nvPicPr>
          <p:cNvPr id="8202" name="Picture 10">
            <a:extLst>
              <a:ext uri="{FF2B5EF4-FFF2-40B4-BE49-F238E27FC236}">
                <a16:creationId xmlns:a16="http://schemas.microsoft.com/office/drawing/2014/main" id="{386282FB-DEBD-3F4D-DC6A-A61DD9F365FC}"/>
              </a:ext>
              <a:ext uri="{C183D7F6-B498-43B3-948B-1728B52AA6E4}">
                <adec:decorative xmlns:adec="http://schemas.microsoft.com/office/drawing/2017/decorative" val="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776002" y="149698"/>
            <a:ext cx="1198030" cy="1235977"/>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354CE6F6-005A-0294-54DA-251D2E2F71FB}"/>
              </a:ext>
            </a:extLst>
          </p:cNvPr>
          <p:cNvSpPr>
            <a:spLocks noGrp="1"/>
          </p:cNvSpPr>
          <p:nvPr>
            <p:ph type="title"/>
          </p:nvPr>
        </p:nvSpPr>
        <p:spPr/>
        <p:txBody>
          <a:bodyPr/>
          <a:lstStyle/>
          <a:p>
            <a:r>
              <a:rPr lang="da-DK" sz="2200" noProof="0" dirty="0"/>
              <a:t>Side 3/3 | </a:t>
            </a:r>
            <a:r>
              <a:rPr lang="da-DK" sz="2200" b="1" noProof="0" dirty="0"/>
              <a:t>Teknologisk og organisatorisk transformation</a:t>
            </a:r>
          </a:p>
        </p:txBody>
      </p:sp>
      <p:sp>
        <p:nvSpPr>
          <p:cNvPr id="10" name="Rectangle: Rounded Corners 9">
            <a:extLst>
              <a:ext uri="{FF2B5EF4-FFF2-40B4-BE49-F238E27FC236}">
                <a16:creationId xmlns:a16="http://schemas.microsoft.com/office/drawing/2014/main" id="{068CD08D-85D8-DE11-6D91-3F8CB9782025}"/>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Teknologisk transformation</a:t>
            </a:r>
          </a:p>
        </p:txBody>
      </p:sp>
      <p:sp>
        <p:nvSpPr>
          <p:cNvPr id="3" name="Rectangle 2">
            <a:extLst>
              <a:ext uri="{FF2B5EF4-FFF2-40B4-BE49-F238E27FC236}">
                <a16:creationId xmlns:a16="http://schemas.microsoft.com/office/drawing/2014/main" id="{DD037562-6286-6FD6-190C-EF265B9C94BD}"/>
              </a:ext>
            </a:extLst>
          </p:cNvPr>
          <p:cNvSpPr/>
          <p:nvPr/>
        </p:nvSpPr>
        <p:spPr>
          <a:xfrm>
            <a:off x="560498" y="2069025"/>
            <a:ext cx="3343098" cy="440093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50"/>
              </a:spcAft>
            </a:pPr>
            <a:r>
              <a:rPr lang="da-DK" sz="900" b="1" noProof="0" dirty="0">
                <a:solidFill>
                  <a:srgbClr val="36465A"/>
                </a:solidFill>
              </a:rPr>
              <a:t>Teknologisk målbillede</a:t>
            </a:r>
            <a:br>
              <a:rPr lang="da-DK" sz="900" b="1" noProof="0" dirty="0">
                <a:solidFill>
                  <a:schemeClr val="tx1"/>
                </a:solidFill>
              </a:rPr>
            </a:br>
            <a:r>
              <a:rPr lang="da-DK" sz="900" noProof="0" dirty="0">
                <a:solidFill>
                  <a:schemeClr val="tx1"/>
                </a:solidFill>
              </a:rPr>
              <a:t>Københavns Kommune har endnu ikke defineret et teknologisk målbillede for digital suverænitet. Følgende nøgleindsigter er relevante for kommunens eventuelle videre arbejde med digital suverænitet:</a:t>
            </a:r>
          </a:p>
          <a:p>
            <a:pPr marL="171450" indent="-171450">
              <a:spcAft>
                <a:spcPts val="350"/>
              </a:spcAft>
              <a:buFont typeface="Arial" panose="020B0604020202020204" pitchFamily="34" charset="0"/>
              <a:buChar char="•"/>
            </a:pPr>
            <a:r>
              <a:rPr lang="da-DK" sz="900" b="1" noProof="0" dirty="0">
                <a:solidFill>
                  <a:schemeClr val="tx1"/>
                </a:solidFill>
              </a:rPr>
              <a:t>Leverandørdialogen peger på betydelig omstillingstid ved skifte fra forskellige systemer</a:t>
            </a:r>
            <a:r>
              <a:rPr lang="da-DK" sz="900" noProof="0" dirty="0">
                <a:solidFill>
                  <a:schemeClr val="tx1"/>
                </a:solidFill>
              </a:rPr>
              <a:t>. Nogle løsninger kan flyttes på få måneder, mens andre kræver flere år, særligt når systemerne er tæt bundet til cloud‑</a:t>
            </a:r>
            <a:r>
              <a:rPr lang="da-DK" sz="900" noProof="0" dirty="0" err="1">
                <a:solidFill>
                  <a:schemeClr val="tx1"/>
                </a:solidFill>
              </a:rPr>
              <a:t>native</a:t>
            </a:r>
            <a:r>
              <a:rPr lang="da-DK" sz="900" noProof="0" dirty="0">
                <a:solidFill>
                  <a:schemeClr val="tx1"/>
                </a:solidFill>
              </a:rPr>
              <a:t> teknologier.</a:t>
            </a:r>
          </a:p>
          <a:p>
            <a:pPr marL="171450" indent="-171450">
              <a:spcAft>
                <a:spcPts val="350"/>
              </a:spcAft>
              <a:buFont typeface="Arial" panose="020B0604020202020204" pitchFamily="34" charset="0"/>
              <a:buChar char="•"/>
            </a:pPr>
            <a:r>
              <a:rPr lang="da-DK" sz="900" b="1" noProof="0" dirty="0">
                <a:solidFill>
                  <a:schemeClr val="tx1"/>
                </a:solidFill>
              </a:rPr>
              <a:t>Systemerne hænger sammen, hvilket har betydning for afhængigheder og risikoeksponering</a:t>
            </a:r>
            <a:r>
              <a:rPr lang="da-DK" sz="900" noProof="0" dirty="0">
                <a:solidFill>
                  <a:schemeClr val="tx1"/>
                </a:solidFill>
              </a:rPr>
              <a:t>. Det er vigtigt at forstå, hvordan systemer og data er koblet, for at forstå afhængigheder og risikoeffekter.</a:t>
            </a:r>
          </a:p>
          <a:p>
            <a:pPr marL="171450" indent="-171450">
              <a:spcAft>
                <a:spcPts val="350"/>
              </a:spcAft>
              <a:buFont typeface="Arial" panose="020B0604020202020204" pitchFamily="34" charset="0"/>
              <a:buChar char="•"/>
            </a:pPr>
            <a:r>
              <a:rPr lang="da-DK" sz="900" b="1" noProof="0" dirty="0">
                <a:solidFill>
                  <a:schemeClr val="tx1"/>
                </a:solidFill>
              </a:rPr>
              <a:t>Omkostninger ved stærkere backup</a:t>
            </a:r>
            <a:r>
              <a:rPr lang="da-DK" sz="900" noProof="0" dirty="0">
                <a:solidFill>
                  <a:schemeClr val="tx1"/>
                </a:solidFill>
              </a:rPr>
              <a:t>. Når der anvendes flere løsninger til </a:t>
            </a:r>
            <a:r>
              <a:rPr lang="da-DK" sz="900" noProof="0" dirty="0" err="1">
                <a:solidFill>
                  <a:schemeClr val="tx1"/>
                </a:solidFill>
              </a:rPr>
              <a:t>hosting</a:t>
            </a:r>
            <a:r>
              <a:rPr lang="da-DK" sz="900" noProof="0" dirty="0">
                <a:solidFill>
                  <a:schemeClr val="tx1"/>
                </a:solidFill>
              </a:rPr>
              <a:t> og cloud kan platforme fungere som gensidige backup-løsninger. Redundans vil kræve parallel drift på flere platforme og dermed betydelige investeringer. </a:t>
            </a:r>
          </a:p>
          <a:p>
            <a:pPr>
              <a:spcAft>
                <a:spcPts val="350"/>
              </a:spcAft>
            </a:pPr>
            <a:r>
              <a:rPr lang="da-DK" sz="900" b="1" noProof="0" dirty="0">
                <a:solidFill>
                  <a:srgbClr val="36465A"/>
                </a:solidFill>
              </a:rPr>
              <a:t>Udskiftning af teknologi</a:t>
            </a:r>
            <a:br>
              <a:rPr lang="da-DK" sz="900" b="1" noProof="0" dirty="0">
                <a:solidFill>
                  <a:schemeClr val="tx1"/>
                </a:solidFill>
              </a:rPr>
            </a:br>
            <a:r>
              <a:rPr lang="da-DK" sz="900" noProof="0" dirty="0">
                <a:solidFill>
                  <a:schemeClr val="tx1"/>
                </a:solidFill>
              </a:rPr>
              <a:t>Da initiativet omfatter analyse og kortlægning, er der ikke gennemført konkrete teknologiske udskiftninger.</a:t>
            </a:r>
            <a:endParaRPr lang="da-DK" sz="900" noProof="0" dirty="0">
              <a:solidFill>
                <a:srgbClr val="00172D"/>
              </a:solidFill>
              <a:highlight>
                <a:srgbClr val="FFFF00"/>
              </a:highlight>
            </a:endParaRPr>
          </a:p>
        </p:txBody>
      </p:sp>
      <p:sp>
        <p:nvSpPr>
          <p:cNvPr id="11" name="Rectangle: Rounded Corners 10">
            <a:extLst>
              <a:ext uri="{FF2B5EF4-FFF2-40B4-BE49-F238E27FC236}">
                <a16:creationId xmlns:a16="http://schemas.microsoft.com/office/drawing/2014/main" id="{9AE682D8-4F3A-7011-B521-E343E9B01AD4}"/>
              </a:ext>
            </a:extLst>
          </p:cNvPr>
          <p:cNvSpPr>
            <a:spLocks/>
          </p:cNvSpPr>
          <p:nvPr/>
        </p:nvSpPr>
        <p:spPr>
          <a:xfrm>
            <a:off x="4291756" y="1675906"/>
            <a:ext cx="2228086"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Organisatorisk transformation</a:t>
            </a:r>
          </a:p>
        </p:txBody>
      </p:sp>
      <p:sp>
        <p:nvSpPr>
          <p:cNvPr id="5" name="Rectangle 4">
            <a:extLst>
              <a:ext uri="{FF2B5EF4-FFF2-40B4-BE49-F238E27FC236}">
                <a16:creationId xmlns:a16="http://schemas.microsoft.com/office/drawing/2014/main" id="{0F5485F4-B566-8D2D-C768-3352AAD2AEC8}"/>
              </a:ext>
            </a:extLst>
          </p:cNvPr>
          <p:cNvSpPr/>
          <p:nvPr/>
        </p:nvSpPr>
        <p:spPr>
          <a:xfrm>
            <a:off x="3910326" y="2069025"/>
            <a:ext cx="2498652" cy="424222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sym typeface="Wingdings" panose="05000000000000000000" pitchFamily="2" charset="2"/>
              </a:rPr>
              <a:t>Projektorganisering </a:t>
            </a:r>
          </a:p>
          <a:p>
            <a:pPr>
              <a:spcAft>
                <a:spcPts val="350"/>
              </a:spcAft>
            </a:pPr>
            <a:r>
              <a:rPr lang="da-DK" sz="900" noProof="0" dirty="0">
                <a:solidFill>
                  <a:schemeClr val="tx1"/>
                </a:solidFill>
              </a:rPr>
              <a:t>Analysen har været organiseret som et tværgående samarbejde mellem interne systemansvarlige, leverandører og centrale enheder i Koncern IT og Økonomiforvaltningen. </a:t>
            </a:r>
          </a:p>
          <a:p>
            <a:pPr>
              <a:spcAft>
                <a:spcPts val="350"/>
              </a:spcAft>
            </a:pPr>
            <a:r>
              <a:rPr lang="da-DK" sz="900" noProof="0" dirty="0">
                <a:solidFill>
                  <a:schemeClr val="tx1"/>
                </a:solidFill>
              </a:rPr>
              <a:t>Arbejdet har strakt sig over ca. et halvt år og været præget af indhentning af svar fra både interne og eksterne aktører. Processen kunne have været gennemført hurtigere med en mere dedikeret indsats, men dette ville kræve øget prioritering og frigørelse af medarbejderressourcer i driftsorganisationen.</a:t>
            </a:r>
          </a:p>
          <a:p>
            <a:pPr>
              <a:spcAft>
                <a:spcPts val="350"/>
              </a:spcAft>
            </a:pPr>
            <a:r>
              <a:rPr lang="da-DK" sz="900" b="1" noProof="0" dirty="0">
                <a:solidFill>
                  <a:schemeClr val="tx1"/>
                </a:solidFill>
              </a:rPr>
              <a:t>Forandringsledelse</a:t>
            </a:r>
            <a:br>
              <a:rPr lang="da-DK" sz="900" b="1" noProof="0" dirty="0">
                <a:solidFill>
                  <a:schemeClr val="tx1"/>
                </a:solidFill>
              </a:rPr>
            </a:br>
            <a:r>
              <a:rPr lang="da-DK" sz="900" noProof="0" dirty="0">
                <a:solidFill>
                  <a:schemeClr val="tx1"/>
                </a:solidFill>
                <a:sym typeface="Wingdings" panose="05000000000000000000" pitchFamily="2" charset="2"/>
              </a:rPr>
              <a:t>Der er behov for koordinering på tværs af den offentlige sektor for at undgå individuelle særkrav, der øger kompleksitet og omkostninger.</a:t>
            </a:r>
            <a:endParaRPr lang="da-DK" sz="900" b="1" noProof="0" dirty="0">
              <a:solidFill>
                <a:schemeClr val="tx1"/>
              </a:solidFill>
            </a:endParaRPr>
          </a:p>
        </p:txBody>
      </p:sp>
      <p:sp>
        <p:nvSpPr>
          <p:cNvPr id="7" name="Rectangle 6">
            <a:extLst>
              <a:ext uri="{FF2B5EF4-FFF2-40B4-BE49-F238E27FC236}">
                <a16:creationId xmlns:a16="http://schemas.microsoft.com/office/drawing/2014/main" id="{837CDB1C-7C55-98C3-9216-90B7CEC4446B}"/>
              </a:ext>
              <a:ext uri="{C183D7F6-B498-43B3-948B-1728B52AA6E4}">
                <adec:decorative xmlns:adec="http://schemas.microsoft.com/office/drawing/2017/decorative" val="1"/>
              </a:ext>
            </a:extLst>
          </p:cNvPr>
          <p:cNvSpPr>
            <a:spLocks/>
          </p:cNvSpPr>
          <p:nvPr/>
        </p:nvSpPr>
        <p:spPr>
          <a:xfrm rot="5400000">
            <a:off x="1600250"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dirty="0"/>
          </a:p>
        </p:txBody>
      </p:sp>
      <p:cxnSp>
        <p:nvCxnSpPr>
          <p:cNvPr id="8" name="Straight Connector 7">
            <a:extLst>
              <a:ext uri="{FF2B5EF4-FFF2-40B4-BE49-F238E27FC236}">
                <a16:creationId xmlns:a16="http://schemas.microsoft.com/office/drawing/2014/main" id="{7DA0D2BE-1830-E9D4-A369-F58667E7E261}"/>
              </a:ext>
              <a:ext uri="{C183D7F6-B498-43B3-948B-1728B52AA6E4}">
                <adec:decorative xmlns:adec="http://schemas.microsoft.com/office/drawing/2017/decorative" val="1"/>
              </a:ext>
            </a:extLst>
          </p:cNvPr>
          <p:cNvCxnSpPr>
            <a:cxnSpLocks/>
          </p:cNvCxnSpPr>
          <p:nvPr/>
        </p:nvCxnSpPr>
        <p:spPr>
          <a:xfrm>
            <a:off x="652803" y="2069026"/>
            <a:ext cx="316074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93E60D59-8004-A1D9-176C-F187ACB8B932}"/>
              </a:ext>
              <a:ext uri="{C183D7F6-B498-43B3-948B-1728B52AA6E4}">
                <adec:decorative xmlns:adec="http://schemas.microsoft.com/office/drawing/2017/decorative" val="1"/>
              </a:ext>
            </a:extLst>
          </p:cNvPr>
          <p:cNvCxnSpPr>
            <a:cxnSpLocks/>
          </p:cNvCxnSpPr>
          <p:nvPr/>
        </p:nvCxnSpPr>
        <p:spPr>
          <a:xfrm>
            <a:off x="4004930" y="2069026"/>
            <a:ext cx="241455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6C526353-57C4-2B8E-4221-96A1AC16B8D8}"/>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dirty="0"/>
          </a:p>
        </p:txBody>
      </p:sp>
      <p:sp>
        <p:nvSpPr>
          <p:cNvPr id="66" name="Rectangle 65">
            <a:extLst>
              <a:ext uri="{FF2B5EF4-FFF2-40B4-BE49-F238E27FC236}">
                <a16:creationId xmlns:a16="http://schemas.microsoft.com/office/drawing/2014/main" id="{33767A82-A632-B0FD-208F-CB9B76DD5048}"/>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dirty="0"/>
          </a:p>
        </p:txBody>
      </p:sp>
      <p:sp>
        <p:nvSpPr>
          <p:cNvPr id="6" name="Freeform 29">
            <a:extLst>
              <a:ext uri="{FF2B5EF4-FFF2-40B4-BE49-F238E27FC236}">
                <a16:creationId xmlns:a16="http://schemas.microsoft.com/office/drawing/2014/main" id="{B858B509-31A4-58A5-A799-356B526013A2}"/>
              </a:ext>
              <a:ext uri="{C183D7F6-B498-43B3-948B-1728B52AA6E4}">
                <adec:decorative xmlns:adec="http://schemas.microsoft.com/office/drawing/2017/decorative" val="1"/>
              </a:ext>
            </a:extLst>
          </p:cNvPr>
          <p:cNvSpPr>
            <a:spLocks noEditPoints="1"/>
          </p:cNvSpPr>
          <p:nvPr/>
        </p:nvSpPr>
        <p:spPr bwMode="auto">
          <a:xfrm>
            <a:off x="3996402"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12" name="Freeform 21">
            <a:extLst>
              <a:ext uri="{FF2B5EF4-FFF2-40B4-BE49-F238E27FC236}">
                <a16:creationId xmlns:a16="http://schemas.microsoft.com/office/drawing/2014/main" id="{B981BF46-FB7A-80BD-1415-94F38ECFAB76}"/>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17" name="Rectangle: Rounded Corners 16">
            <a:extLst>
              <a:ext uri="{FF2B5EF4-FFF2-40B4-BE49-F238E27FC236}">
                <a16:creationId xmlns:a16="http://schemas.microsoft.com/office/drawing/2014/main" id="{3438D09A-074D-C5FA-0E51-A2E8C3C668E0}"/>
              </a:ext>
              <a:ext uri="{C183D7F6-B498-43B3-948B-1728B52AA6E4}">
                <adec:decorative xmlns:adec="http://schemas.microsoft.com/office/drawing/2017/decorative" val="1"/>
              </a:ext>
            </a:extLst>
          </p:cNvPr>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pic>
        <p:nvPicPr>
          <p:cNvPr id="129" name="Graphic 9">
            <a:extLst>
              <a:ext uri="{FF2B5EF4-FFF2-40B4-BE49-F238E27FC236}">
                <a16:creationId xmlns:a16="http://schemas.microsoft.com/office/drawing/2014/main" id="{F7305CB9-3149-AE5E-95E4-FEA0A50685AB}"/>
              </a:ext>
              <a:ext uri="{C183D7F6-B498-43B3-948B-1728B52AA6E4}">
                <adec:decorative xmlns:adec="http://schemas.microsoft.com/office/drawing/2017/decorative" val="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480101" y="4094252"/>
            <a:ext cx="431800" cy="349250"/>
          </a:xfrm>
          <a:prstGeom prst="rect">
            <a:avLst/>
          </a:prstGeom>
        </p:spPr>
      </p:pic>
      <p:sp>
        <p:nvSpPr>
          <p:cNvPr id="144" name="Rectangle: Rounded Corners 143">
            <a:extLst>
              <a:ext uri="{FF2B5EF4-FFF2-40B4-BE49-F238E27FC236}">
                <a16:creationId xmlns:a16="http://schemas.microsoft.com/office/drawing/2014/main" id="{418626EC-37B8-EFCC-FECC-52BCF10607D0}"/>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45" name="TextBox 144">
            <a:extLst>
              <a:ext uri="{FF2B5EF4-FFF2-40B4-BE49-F238E27FC236}">
                <a16:creationId xmlns:a16="http://schemas.microsoft.com/office/drawing/2014/main" id="{9B0039FC-05D6-DA98-7588-53D88E90DD25}"/>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Omkostningsdrivere</a:t>
            </a:r>
          </a:p>
        </p:txBody>
      </p:sp>
      <p:sp>
        <p:nvSpPr>
          <p:cNvPr id="213" name="Content Placeholder 5">
            <a:extLst>
              <a:ext uri="{FF2B5EF4-FFF2-40B4-BE49-F238E27FC236}">
                <a16:creationId xmlns:a16="http://schemas.microsoft.com/office/drawing/2014/main" id="{4D0104DC-6DFF-ACF3-1039-6DC44DCBC21A}"/>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dirty="0">
                <a:solidFill>
                  <a:schemeClr val="tx1"/>
                </a:solidFill>
              </a:rPr>
              <a:t>Omkostningsniveauer er udtryk for en relativ vurdering på tværs af cases foretaget af PA</a:t>
            </a:r>
          </a:p>
        </p:txBody>
      </p:sp>
      <p:grpSp>
        <p:nvGrpSpPr>
          <p:cNvPr id="150" name="Group 149" descr="Projektledelse er en lille til mellem midlertidig omkostningsdriver">
            <a:extLst>
              <a:ext uri="{FF2B5EF4-FFF2-40B4-BE49-F238E27FC236}">
                <a16:creationId xmlns:a16="http://schemas.microsoft.com/office/drawing/2014/main" id="{C421C7B1-259C-5C9F-9F1A-428FC683C035}"/>
              </a:ext>
            </a:extLst>
          </p:cNvPr>
          <p:cNvGrpSpPr/>
          <p:nvPr/>
        </p:nvGrpSpPr>
        <p:grpSpPr>
          <a:xfrm>
            <a:off x="7290762" y="2788420"/>
            <a:ext cx="1577742" cy="265864"/>
            <a:chOff x="860772" y="4884291"/>
            <a:chExt cx="1487909" cy="250726"/>
          </a:xfrm>
        </p:grpSpPr>
        <p:grpSp>
          <p:nvGrpSpPr>
            <p:cNvPr id="151" name="Group 150">
              <a:extLst>
                <a:ext uri="{FF2B5EF4-FFF2-40B4-BE49-F238E27FC236}">
                  <a16:creationId xmlns:a16="http://schemas.microsoft.com/office/drawing/2014/main" id="{7347AD2C-B375-9B28-24BE-9D0626989828}"/>
                </a:ext>
              </a:extLst>
            </p:cNvPr>
            <p:cNvGrpSpPr/>
            <p:nvPr/>
          </p:nvGrpSpPr>
          <p:grpSpPr>
            <a:xfrm>
              <a:off x="860772" y="4884291"/>
              <a:ext cx="1487909" cy="212473"/>
              <a:chOff x="5354949" y="3009711"/>
              <a:chExt cx="1645739" cy="202758"/>
            </a:xfrm>
          </p:grpSpPr>
          <p:grpSp>
            <p:nvGrpSpPr>
              <p:cNvPr id="153" name="Group 152">
                <a:extLst>
                  <a:ext uri="{FF2B5EF4-FFF2-40B4-BE49-F238E27FC236}">
                    <a16:creationId xmlns:a16="http://schemas.microsoft.com/office/drawing/2014/main" id="{EA5BDBDB-1597-599D-BC5F-DB9676A138C7}"/>
                  </a:ext>
                </a:extLst>
              </p:cNvPr>
              <p:cNvGrpSpPr/>
              <p:nvPr/>
            </p:nvGrpSpPr>
            <p:grpSpPr>
              <a:xfrm>
                <a:off x="5458296" y="3153610"/>
                <a:ext cx="1445092" cy="45719"/>
                <a:chOff x="5458296" y="3153610"/>
                <a:chExt cx="1445092" cy="45719"/>
              </a:xfrm>
            </p:grpSpPr>
            <p:cxnSp>
              <p:nvCxnSpPr>
                <p:cNvPr id="157" name="Straight Connector 156">
                  <a:extLst>
                    <a:ext uri="{FF2B5EF4-FFF2-40B4-BE49-F238E27FC236}">
                      <a16:creationId xmlns:a16="http://schemas.microsoft.com/office/drawing/2014/main" id="{CAFF76E3-7AC9-1491-929B-B1604C7BD3BD}"/>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58" name="Oval 157">
                  <a:extLst>
                    <a:ext uri="{FF2B5EF4-FFF2-40B4-BE49-F238E27FC236}">
                      <a16:creationId xmlns:a16="http://schemas.microsoft.com/office/drawing/2014/main" id="{E78E80CF-F268-B6CC-F9CA-420C07A58A86}"/>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159" name="Oval 158">
                  <a:extLst>
                    <a:ext uri="{FF2B5EF4-FFF2-40B4-BE49-F238E27FC236}">
                      <a16:creationId xmlns:a16="http://schemas.microsoft.com/office/drawing/2014/main" id="{66965A94-E657-1D36-9C74-9AA482E50E01}"/>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cxnSp>
            <p:nvCxnSpPr>
              <p:cNvPr id="154" name="Straight Connector 153">
                <a:extLst>
                  <a:ext uri="{FF2B5EF4-FFF2-40B4-BE49-F238E27FC236}">
                    <a16:creationId xmlns:a16="http://schemas.microsoft.com/office/drawing/2014/main" id="{D4F9186D-7DFF-017C-260C-381548CF471B}"/>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55" name="TextBox 154">
                <a:extLst>
                  <a:ext uri="{FF2B5EF4-FFF2-40B4-BE49-F238E27FC236}">
                    <a16:creationId xmlns:a16="http://schemas.microsoft.com/office/drawing/2014/main" id="{68B24120-4850-D8A5-98EE-AA84CF2F59E3}"/>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Lille</a:t>
                </a:r>
              </a:p>
            </p:txBody>
          </p:sp>
          <p:sp>
            <p:nvSpPr>
              <p:cNvPr id="156" name="TextBox 155">
                <a:extLst>
                  <a:ext uri="{FF2B5EF4-FFF2-40B4-BE49-F238E27FC236}">
                    <a16:creationId xmlns:a16="http://schemas.microsoft.com/office/drawing/2014/main" id="{85996897-B7F3-38E3-413E-C099F8D1D046}"/>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Stor</a:t>
                </a:r>
              </a:p>
            </p:txBody>
          </p:sp>
        </p:grpSp>
        <p:sp>
          <p:nvSpPr>
            <p:cNvPr id="152" name="Oval 151">
              <a:extLst>
                <a:ext uri="{FF2B5EF4-FFF2-40B4-BE49-F238E27FC236}">
                  <a16:creationId xmlns:a16="http://schemas.microsoft.com/office/drawing/2014/main" id="{3EE9BB05-6FE9-DE7E-44A0-5E64646E3674}"/>
                </a:ext>
              </a:extLst>
            </p:cNvPr>
            <p:cNvSpPr/>
            <p:nvPr/>
          </p:nvSpPr>
          <p:spPr>
            <a:xfrm>
              <a:off x="1287536"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grpSp>
        <p:nvGrpSpPr>
          <p:cNvPr id="163" name="Group 162" descr="Organisatorisk implementering er en lille til mellem midlertidig omkostningsdriver">
            <a:extLst>
              <a:ext uri="{FF2B5EF4-FFF2-40B4-BE49-F238E27FC236}">
                <a16:creationId xmlns:a16="http://schemas.microsoft.com/office/drawing/2014/main" id="{4BBE39BE-1854-7FF2-8061-06070E5B0025}"/>
              </a:ext>
            </a:extLst>
          </p:cNvPr>
          <p:cNvGrpSpPr/>
          <p:nvPr/>
        </p:nvGrpSpPr>
        <p:grpSpPr>
          <a:xfrm>
            <a:off x="7290762" y="3344608"/>
            <a:ext cx="1577742" cy="265864"/>
            <a:chOff x="860772" y="4884291"/>
            <a:chExt cx="1487909" cy="250726"/>
          </a:xfrm>
        </p:grpSpPr>
        <p:grpSp>
          <p:nvGrpSpPr>
            <p:cNvPr id="164" name="Group 163">
              <a:extLst>
                <a:ext uri="{FF2B5EF4-FFF2-40B4-BE49-F238E27FC236}">
                  <a16:creationId xmlns:a16="http://schemas.microsoft.com/office/drawing/2014/main" id="{5108E48C-5ABA-E797-E7BF-766FDE5291F8}"/>
                </a:ext>
              </a:extLst>
            </p:cNvPr>
            <p:cNvGrpSpPr/>
            <p:nvPr/>
          </p:nvGrpSpPr>
          <p:grpSpPr>
            <a:xfrm>
              <a:off x="860772" y="4884291"/>
              <a:ext cx="1487909" cy="212473"/>
              <a:chOff x="5354949" y="3009711"/>
              <a:chExt cx="1645739" cy="202758"/>
            </a:xfrm>
          </p:grpSpPr>
          <p:grpSp>
            <p:nvGrpSpPr>
              <p:cNvPr id="166" name="Group 165">
                <a:extLst>
                  <a:ext uri="{FF2B5EF4-FFF2-40B4-BE49-F238E27FC236}">
                    <a16:creationId xmlns:a16="http://schemas.microsoft.com/office/drawing/2014/main" id="{3BCC3BF9-F10A-871E-EE98-BDFDF7414BF0}"/>
                  </a:ext>
                </a:extLst>
              </p:cNvPr>
              <p:cNvGrpSpPr/>
              <p:nvPr/>
            </p:nvGrpSpPr>
            <p:grpSpPr>
              <a:xfrm>
                <a:off x="5458296" y="3153610"/>
                <a:ext cx="1445092" cy="45719"/>
                <a:chOff x="5458296" y="3153610"/>
                <a:chExt cx="1445092" cy="45719"/>
              </a:xfrm>
            </p:grpSpPr>
            <p:cxnSp>
              <p:nvCxnSpPr>
                <p:cNvPr id="170" name="Straight Connector 169">
                  <a:extLst>
                    <a:ext uri="{FF2B5EF4-FFF2-40B4-BE49-F238E27FC236}">
                      <a16:creationId xmlns:a16="http://schemas.microsoft.com/office/drawing/2014/main" id="{15A4BA1B-30EB-2B56-3850-800D5CEA8708}"/>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71" name="Oval 170">
                  <a:extLst>
                    <a:ext uri="{FF2B5EF4-FFF2-40B4-BE49-F238E27FC236}">
                      <a16:creationId xmlns:a16="http://schemas.microsoft.com/office/drawing/2014/main" id="{2A719616-C84D-1550-AF6D-4C6617935D18}"/>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172" name="Oval 171">
                  <a:extLst>
                    <a:ext uri="{FF2B5EF4-FFF2-40B4-BE49-F238E27FC236}">
                      <a16:creationId xmlns:a16="http://schemas.microsoft.com/office/drawing/2014/main" id="{E4F1CF05-C434-E0E0-7606-72490B73BC59}"/>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cxnSp>
            <p:nvCxnSpPr>
              <p:cNvPr id="167" name="Straight Connector 166">
                <a:extLst>
                  <a:ext uri="{FF2B5EF4-FFF2-40B4-BE49-F238E27FC236}">
                    <a16:creationId xmlns:a16="http://schemas.microsoft.com/office/drawing/2014/main" id="{CAFCA536-0E2C-39A8-3E90-BE4142E9D628}"/>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8" name="TextBox 167">
                <a:extLst>
                  <a:ext uri="{FF2B5EF4-FFF2-40B4-BE49-F238E27FC236}">
                    <a16:creationId xmlns:a16="http://schemas.microsoft.com/office/drawing/2014/main" id="{D48D2EC9-FDCA-9ECC-F4F7-762A20D92606}"/>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Lille</a:t>
                </a:r>
              </a:p>
            </p:txBody>
          </p:sp>
          <p:sp>
            <p:nvSpPr>
              <p:cNvPr id="169" name="TextBox 168">
                <a:extLst>
                  <a:ext uri="{FF2B5EF4-FFF2-40B4-BE49-F238E27FC236}">
                    <a16:creationId xmlns:a16="http://schemas.microsoft.com/office/drawing/2014/main" id="{BC816482-D4C7-84A7-8B10-0EDFA05AFEF2}"/>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Stor</a:t>
                </a:r>
              </a:p>
            </p:txBody>
          </p:sp>
        </p:grpSp>
        <p:sp>
          <p:nvSpPr>
            <p:cNvPr id="165" name="Oval 164">
              <a:extLst>
                <a:ext uri="{FF2B5EF4-FFF2-40B4-BE49-F238E27FC236}">
                  <a16:creationId xmlns:a16="http://schemas.microsoft.com/office/drawing/2014/main" id="{A01C31E7-7B77-F452-E510-A5EBD89AB44E}"/>
                </a:ext>
              </a:extLst>
            </p:cNvPr>
            <p:cNvSpPr/>
            <p:nvPr/>
          </p:nvSpPr>
          <p:spPr>
            <a:xfrm>
              <a:off x="910143"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grpSp>
        <p:nvGrpSpPr>
          <p:cNvPr id="203" name="Group 202" descr="Teknisk implementering er en lille til mellem midlertidig omkostningsdriver">
            <a:extLst>
              <a:ext uri="{FF2B5EF4-FFF2-40B4-BE49-F238E27FC236}">
                <a16:creationId xmlns:a16="http://schemas.microsoft.com/office/drawing/2014/main" id="{A0E28195-F1C2-9FAD-311E-828E8261CE60}"/>
              </a:ext>
            </a:extLst>
          </p:cNvPr>
          <p:cNvGrpSpPr/>
          <p:nvPr/>
        </p:nvGrpSpPr>
        <p:grpSpPr>
          <a:xfrm>
            <a:off x="7290762" y="3922767"/>
            <a:ext cx="1577741" cy="265864"/>
            <a:chOff x="860772" y="4884291"/>
            <a:chExt cx="1487909" cy="250726"/>
          </a:xfrm>
        </p:grpSpPr>
        <p:grpSp>
          <p:nvGrpSpPr>
            <p:cNvPr id="204" name="Group 203">
              <a:extLst>
                <a:ext uri="{FF2B5EF4-FFF2-40B4-BE49-F238E27FC236}">
                  <a16:creationId xmlns:a16="http://schemas.microsoft.com/office/drawing/2014/main" id="{4232A118-01C0-15CC-242A-877244588CCB}"/>
                </a:ext>
              </a:extLst>
            </p:cNvPr>
            <p:cNvGrpSpPr/>
            <p:nvPr/>
          </p:nvGrpSpPr>
          <p:grpSpPr>
            <a:xfrm>
              <a:off x="860772" y="4884291"/>
              <a:ext cx="1487909" cy="212473"/>
              <a:chOff x="5354949" y="3009711"/>
              <a:chExt cx="1645739" cy="202758"/>
            </a:xfrm>
          </p:grpSpPr>
          <p:grpSp>
            <p:nvGrpSpPr>
              <p:cNvPr id="206" name="Group 205">
                <a:extLst>
                  <a:ext uri="{FF2B5EF4-FFF2-40B4-BE49-F238E27FC236}">
                    <a16:creationId xmlns:a16="http://schemas.microsoft.com/office/drawing/2014/main" id="{87076300-AC2D-EDE6-7070-F7699ADCF6BD}"/>
                  </a:ext>
                </a:extLst>
              </p:cNvPr>
              <p:cNvGrpSpPr/>
              <p:nvPr/>
            </p:nvGrpSpPr>
            <p:grpSpPr>
              <a:xfrm>
                <a:off x="5458296" y="3153610"/>
                <a:ext cx="1445092" cy="45719"/>
                <a:chOff x="5458296" y="3153610"/>
                <a:chExt cx="1445092" cy="45719"/>
              </a:xfrm>
            </p:grpSpPr>
            <p:cxnSp>
              <p:nvCxnSpPr>
                <p:cNvPr id="210" name="Straight Connector 209">
                  <a:extLst>
                    <a:ext uri="{FF2B5EF4-FFF2-40B4-BE49-F238E27FC236}">
                      <a16:creationId xmlns:a16="http://schemas.microsoft.com/office/drawing/2014/main" id="{AE8914C6-9D61-5839-E0AF-1A8246C4536E}"/>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11" name="Oval 210">
                  <a:extLst>
                    <a:ext uri="{FF2B5EF4-FFF2-40B4-BE49-F238E27FC236}">
                      <a16:creationId xmlns:a16="http://schemas.microsoft.com/office/drawing/2014/main" id="{978CA25F-3022-06B3-A358-84C04267AC2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212" name="Oval 211">
                  <a:extLst>
                    <a:ext uri="{FF2B5EF4-FFF2-40B4-BE49-F238E27FC236}">
                      <a16:creationId xmlns:a16="http://schemas.microsoft.com/office/drawing/2014/main" id="{C6ECCFA5-D24C-3531-6A00-1D098FEDD1F5}"/>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cxnSp>
            <p:nvCxnSpPr>
              <p:cNvPr id="207" name="Straight Connector 206">
                <a:extLst>
                  <a:ext uri="{FF2B5EF4-FFF2-40B4-BE49-F238E27FC236}">
                    <a16:creationId xmlns:a16="http://schemas.microsoft.com/office/drawing/2014/main" id="{09F1DD7E-D793-6FBB-6394-C003DD796CA0}"/>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08" name="TextBox 207">
                <a:extLst>
                  <a:ext uri="{FF2B5EF4-FFF2-40B4-BE49-F238E27FC236}">
                    <a16:creationId xmlns:a16="http://schemas.microsoft.com/office/drawing/2014/main" id="{101D8C92-01AC-580E-99E2-4FB3D510609D}"/>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Lille</a:t>
                </a:r>
              </a:p>
            </p:txBody>
          </p:sp>
          <p:sp>
            <p:nvSpPr>
              <p:cNvPr id="209" name="TextBox 208">
                <a:extLst>
                  <a:ext uri="{FF2B5EF4-FFF2-40B4-BE49-F238E27FC236}">
                    <a16:creationId xmlns:a16="http://schemas.microsoft.com/office/drawing/2014/main" id="{FD6B7DF1-9F5A-FF28-0B48-9C22B71E8DE5}"/>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Stor</a:t>
                </a:r>
              </a:p>
            </p:txBody>
          </p:sp>
        </p:grpSp>
        <p:sp>
          <p:nvSpPr>
            <p:cNvPr id="205" name="Oval 204">
              <a:extLst>
                <a:ext uri="{FF2B5EF4-FFF2-40B4-BE49-F238E27FC236}">
                  <a16:creationId xmlns:a16="http://schemas.microsoft.com/office/drawing/2014/main" id="{C6D32EB4-36BC-08F5-C474-C3628FA6E70F}"/>
                </a:ext>
              </a:extLst>
            </p:cNvPr>
            <p:cNvSpPr/>
            <p:nvPr/>
          </p:nvSpPr>
          <p:spPr>
            <a:xfrm>
              <a:off x="905219"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grpSp>
        <p:nvGrpSpPr>
          <p:cNvPr id="173" name="Group 172" descr="Teknologi er en lille driftsomkostning">
            <a:extLst>
              <a:ext uri="{FF2B5EF4-FFF2-40B4-BE49-F238E27FC236}">
                <a16:creationId xmlns:a16="http://schemas.microsoft.com/office/drawing/2014/main" id="{3D29FF79-F0F7-10C1-E806-83DD85080B79}"/>
              </a:ext>
            </a:extLst>
          </p:cNvPr>
          <p:cNvGrpSpPr/>
          <p:nvPr/>
        </p:nvGrpSpPr>
        <p:grpSpPr>
          <a:xfrm>
            <a:off x="7290762" y="4818452"/>
            <a:ext cx="1577742" cy="265864"/>
            <a:chOff x="860772" y="4884291"/>
            <a:chExt cx="1487909" cy="250726"/>
          </a:xfrm>
        </p:grpSpPr>
        <p:grpSp>
          <p:nvGrpSpPr>
            <p:cNvPr id="174" name="Group 173">
              <a:extLst>
                <a:ext uri="{FF2B5EF4-FFF2-40B4-BE49-F238E27FC236}">
                  <a16:creationId xmlns:a16="http://schemas.microsoft.com/office/drawing/2014/main" id="{ABF09754-D120-EC85-6D8D-B3310D5D1E8E}"/>
                </a:ext>
              </a:extLst>
            </p:cNvPr>
            <p:cNvGrpSpPr/>
            <p:nvPr/>
          </p:nvGrpSpPr>
          <p:grpSpPr>
            <a:xfrm>
              <a:off x="860772" y="4884291"/>
              <a:ext cx="1487909" cy="212473"/>
              <a:chOff x="5354949" y="3009711"/>
              <a:chExt cx="1645739" cy="202758"/>
            </a:xfrm>
          </p:grpSpPr>
          <p:grpSp>
            <p:nvGrpSpPr>
              <p:cNvPr id="176" name="Group 175">
                <a:extLst>
                  <a:ext uri="{FF2B5EF4-FFF2-40B4-BE49-F238E27FC236}">
                    <a16:creationId xmlns:a16="http://schemas.microsoft.com/office/drawing/2014/main" id="{C79F8EA3-8B10-BD52-0162-7CE8FE7EAC38}"/>
                  </a:ext>
                </a:extLst>
              </p:cNvPr>
              <p:cNvGrpSpPr/>
              <p:nvPr/>
            </p:nvGrpSpPr>
            <p:grpSpPr>
              <a:xfrm>
                <a:off x="5458296" y="3153610"/>
                <a:ext cx="1445092" cy="45719"/>
                <a:chOff x="5458296" y="3153610"/>
                <a:chExt cx="1445092" cy="45719"/>
              </a:xfrm>
            </p:grpSpPr>
            <p:cxnSp>
              <p:nvCxnSpPr>
                <p:cNvPr id="180" name="Straight Connector 179">
                  <a:extLst>
                    <a:ext uri="{FF2B5EF4-FFF2-40B4-BE49-F238E27FC236}">
                      <a16:creationId xmlns:a16="http://schemas.microsoft.com/office/drawing/2014/main" id="{BD62B2C8-E6E1-F13B-0F6C-D138DD2AE0BE}"/>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81" name="Oval 180">
                  <a:extLst>
                    <a:ext uri="{FF2B5EF4-FFF2-40B4-BE49-F238E27FC236}">
                      <a16:creationId xmlns:a16="http://schemas.microsoft.com/office/drawing/2014/main" id="{03EA7AA8-C928-AAC8-89A1-10F9FF65FCC8}"/>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182" name="Oval 181">
                  <a:extLst>
                    <a:ext uri="{FF2B5EF4-FFF2-40B4-BE49-F238E27FC236}">
                      <a16:creationId xmlns:a16="http://schemas.microsoft.com/office/drawing/2014/main" id="{1C4689C7-3FB3-3DE5-29F9-B5E9B9651732}"/>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cxnSp>
            <p:nvCxnSpPr>
              <p:cNvPr id="177" name="Straight Connector 176">
                <a:extLst>
                  <a:ext uri="{FF2B5EF4-FFF2-40B4-BE49-F238E27FC236}">
                    <a16:creationId xmlns:a16="http://schemas.microsoft.com/office/drawing/2014/main" id="{78BDB0EE-2D1B-3101-BE19-619851A1711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8" name="TextBox 177">
                <a:extLst>
                  <a:ext uri="{FF2B5EF4-FFF2-40B4-BE49-F238E27FC236}">
                    <a16:creationId xmlns:a16="http://schemas.microsoft.com/office/drawing/2014/main" id="{4592D7F1-A9B6-48B1-25EF-7A9A1BE365FB}"/>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Lille</a:t>
                </a:r>
              </a:p>
            </p:txBody>
          </p:sp>
          <p:sp>
            <p:nvSpPr>
              <p:cNvPr id="179" name="TextBox 178">
                <a:extLst>
                  <a:ext uri="{FF2B5EF4-FFF2-40B4-BE49-F238E27FC236}">
                    <a16:creationId xmlns:a16="http://schemas.microsoft.com/office/drawing/2014/main" id="{A73B42B7-4F80-FE5A-F108-24836F3C2C7C}"/>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Stor</a:t>
                </a:r>
              </a:p>
            </p:txBody>
          </p:sp>
        </p:grpSp>
        <p:sp>
          <p:nvSpPr>
            <p:cNvPr id="175" name="Oval 174">
              <a:extLst>
                <a:ext uri="{FF2B5EF4-FFF2-40B4-BE49-F238E27FC236}">
                  <a16:creationId xmlns:a16="http://schemas.microsoft.com/office/drawing/2014/main" id="{56D7377A-921A-865E-644B-86669B82267C}"/>
                </a:ext>
              </a:extLst>
            </p:cNvPr>
            <p:cNvSpPr/>
            <p:nvPr/>
          </p:nvSpPr>
          <p:spPr>
            <a:xfrm>
              <a:off x="913124"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grpSp>
        <p:nvGrpSpPr>
          <p:cNvPr id="183" name="Group 182" descr="Nye kompetencer er en lille driftsomkostning">
            <a:extLst>
              <a:ext uri="{FF2B5EF4-FFF2-40B4-BE49-F238E27FC236}">
                <a16:creationId xmlns:a16="http://schemas.microsoft.com/office/drawing/2014/main" id="{5F1594B5-17FD-70F6-1B3B-F8FE531E5BDD}"/>
              </a:ext>
            </a:extLst>
          </p:cNvPr>
          <p:cNvGrpSpPr/>
          <p:nvPr/>
        </p:nvGrpSpPr>
        <p:grpSpPr>
          <a:xfrm>
            <a:off x="7290762" y="5350882"/>
            <a:ext cx="1577742" cy="265864"/>
            <a:chOff x="860772" y="4884291"/>
            <a:chExt cx="1487909" cy="250726"/>
          </a:xfrm>
        </p:grpSpPr>
        <p:grpSp>
          <p:nvGrpSpPr>
            <p:cNvPr id="184" name="Group 183">
              <a:extLst>
                <a:ext uri="{FF2B5EF4-FFF2-40B4-BE49-F238E27FC236}">
                  <a16:creationId xmlns:a16="http://schemas.microsoft.com/office/drawing/2014/main" id="{923B5CE2-11BD-C9E6-B013-E2D227963712}"/>
                </a:ext>
              </a:extLst>
            </p:cNvPr>
            <p:cNvGrpSpPr/>
            <p:nvPr/>
          </p:nvGrpSpPr>
          <p:grpSpPr>
            <a:xfrm>
              <a:off x="860772" y="4884291"/>
              <a:ext cx="1487909" cy="212473"/>
              <a:chOff x="5354949" y="3009711"/>
              <a:chExt cx="1645739" cy="202758"/>
            </a:xfrm>
          </p:grpSpPr>
          <p:grpSp>
            <p:nvGrpSpPr>
              <p:cNvPr id="186" name="Group 185">
                <a:extLst>
                  <a:ext uri="{FF2B5EF4-FFF2-40B4-BE49-F238E27FC236}">
                    <a16:creationId xmlns:a16="http://schemas.microsoft.com/office/drawing/2014/main" id="{39DB7D4C-F755-6B5E-A325-9701510EE91F}"/>
                  </a:ext>
                </a:extLst>
              </p:cNvPr>
              <p:cNvGrpSpPr/>
              <p:nvPr/>
            </p:nvGrpSpPr>
            <p:grpSpPr>
              <a:xfrm>
                <a:off x="5458296" y="3153610"/>
                <a:ext cx="1445092" cy="45719"/>
                <a:chOff x="5458296" y="3153610"/>
                <a:chExt cx="1445092" cy="45719"/>
              </a:xfrm>
            </p:grpSpPr>
            <p:cxnSp>
              <p:nvCxnSpPr>
                <p:cNvPr id="190" name="Straight Connector 189">
                  <a:extLst>
                    <a:ext uri="{FF2B5EF4-FFF2-40B4-BE49-F238E27FC236}">
                      <a16:creationId xmlns:a16="http://schemas.microsoft.com/office/drawing/2014/main" id="{6438D7A1-7B44-D00A-0978-11629F0A7F95}"/>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91" name="Oval 190">
                  <a:extLst>
                    <a:ext uri="{FF2B5EF4-FFF2-40B4-BE49-F238E27FC236}">
                      <a16:creationId xmlns:a16="http://schemas.microsoft.com/office/drawing/2014/main" id="{AD97A2CB-093C-6ABC-216E-1285A7C00727}"/>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192" name="Oval 191">
                  <a:extLst>
                    <a:ext uri="{FF2B5EF4-FFF2-40B4-BE49-F238E27FC236}">
                      <a16:creationId xmlns:a16="http://schemas.microsoft.com/office/drawing/2014/main" id="{7D2DE1E0-6879-08A5-2277-509E87F0F2D1}"/>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cxnSp>
            <p:nvCxnSpPr>
              <p:cNvPr id="187" name="Straight Connector 186">
                <a:extLst>
                  <a:ext uri="{FF2B5EF4-FFF2-40B4-BE49-F238E27FC236}">
                    <a16:creationId xmlns:a16="http://schemas.microsoft.com/office/drawing/2014/main" id="{45ABC151-EFF7-7DCF-0C05-616452605D1A}"/>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88" name="TextBox 187">
                <a:extLst>
                  <a:ext uri="{FF2B5EF4-FFF2-40B4-BE49-F238E27FC236}">
                    <a16:creationId xmlns:a16="http://schemas.microsoft.com/office/drawing/2014/main" id="{B69D7CEF-6A85-9B97-3DA8-E686C435A4B4}"/>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Lille</a:t>
                </a:r>
              </a:p>
            </p:txBody>
          </p:sp>
          <p:sp>
            <p:nvSpPr>
              <p:cNvPr id="189" name="TextBox 188">
                <a:extLst>
                  <a:ext uri="{FF2B5EF4-FFF2-40B4-BE49-F238E27FC236}">
                    <a16:creationId xmlns:a16="http://schemas.microsoft.com/office/drawing/2014/main" id="{57A62F3B-4528-5813-10A9-C1FA3788C2F5}"/>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Stor</a:t>
                </a:r>
              </a:p>
            </p:txBody>
          </p:sp>
        </p:grpSp>
        <p:sp>
          <p:nvSpPr>
            <p:cNvPr id="185" name="Oval 184">
              <a:extLst>
                <a:ext uri="{FF2B5EF4-FFF2-40B4-BE49-F238E27FC236}">
                  <a16:creationId xmlns:a16="http://schemas.microsoft.com/office/drawing/2014/main" id="{5515B6EA-D5B2-2799-A17B-B3A29F502E59}"/>
                </a:ext>
              </a:extLst>
            </p:cNvPr>
            <p:cNvSpPr/>
            <p:nvPr/>
          </p:nvSpPr>
          <p:spPr>
            <a:xfrm>
              <a:off x="915296"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grpSp>
        <p:nvGrpSpPr>
          <p:cNvPr id="193" name="Group 192" descr="Drift og support er en lille driftsomkostning">
            <a:extLst>
              <a:ext uri="{FF2B5EF4-FFF2-40B4-BE49-F238E27FC236}">
                <a16:creationId xmlns:a16="http://schemas.microsoft.com/office/drawing/2014/main" id="{3FB897C1-4082-4986-97F4-0D064EEEC0F8}"/>
              </a:ext>
            </a:extLst>
          </p:cNvPr>
          <p:cNvGrpSpPr/>
          <p:nvPr/>
        </p:nvGrpSpPr>
        <p:grpSpPr>
          <a:xfrm>
            <a:off x="7290762" y="5883313"/>
            <a:ext cx="1577742" cy="265864"/>
            <a:chOff x="860772" y="4884291"/>
            <a:chExt cx="1487909" cy="250726"/>
          </a:xfrm>
        </p:grpSpPr>
        <p:grpSp>
          <p:nvGrpSpPr>
            <p:cNvPr id="194" name="Group 193">
              <a:extLst>
                <a:ext uri="{FF2B5EF4-FFF2-40B4-BE49-F238E27FC236}">
                  <a16:creationId xmlns:a16="http://schemas.microsoft.com/office/drawing/2014/main" id="{A0CAEB67-7CA4-2F84-A472-46BD1AE8443C}"/>
                </a:ext>
              </a:extLst>
            </p:cNvPr>
            <p:cNvGrpSpPr/>
            <p:nvPr/>
          </p:nvGrpSpPr>
          <p:grpSpPr>
            <a:xfrm>
              <a:off x="860772" y="4884291"/>
              <a:ext cx="1487909" cy="212473"/>
              <a:chOff x="5354949" y="3009711"/>
              <a:chExt cx="1645739" cy="202758"/>
            </a:xfrm>
          </p:grpSpPr>
          <p:grpSp>
            <p:nvGrpSpPr>
              <p:cNvPr id="196" name="Group 195">
                <a:extLst>
                  <a:ext uri="{FF2B5EF4-FFF2-40B4-BE49-F238E27FC236}">
                    <a16:creationId xmlns:a16="http://schemas.microsoft.com/office/drawing/2014/main" id="{9FBBF0B4-EE59-1C3E-5EBD-C011FBD42B5A}"/>
                  </a:ext>
                </a:extLst>
              </p:cNvPr>
              <p:cNvGrpSpPr/>
              <p:nvPr/>
            </p:nvGrpSpPr>
            <p:grpSpPr>
              <a:xfrm>
                <a:off x="5458296" y="3153610"/>
                <a:ext cx="1445092" cy="45719"/>
                <a:chOff x="5458296" y="3153610"/>
                <a:chExt cx="1445092" cy="45719"/>
              </a:xfrm>
            </p:grpSpPr>
            <p:cxnSp>
              <p:nvCxnSpPr>
                <p:cNvPr id="200" name="Straight Connector 199">
                  <a:extLst>
                    <a:ext uri="{FF2B5EF4-FFF2-40B4-BE49-F238E27FC236}">
                      <a16:creationId xmlns:a16="http://schemas.microsoft.com/office/drawing/2014/main" id="{A96E89D8-3AC1-F3A7-2C5A-6AE02D77F0C1}"/>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01" name="Oval 200">
                  <a:extLst>
                    <a:ext uri="{FF2B5EF4-FFF2-40B4-BE49-F238E27FC236}">
                      <a16:creationId xmlns:a16="http://schemas.microsoft.com/office/drawing/2014/main" id="{4D53FA19-5DCE-501C-438B-C0258E373B31}"/>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202" name="Oval 201">
                  <a:extLst>
                    <a:ext uri="{FF2B5EF4-FFF2-40B4-BE49-F238E27FC236}">
                      <a16:creationId xmlns:a16="http://schemas.microsoft.com/office/drawing/2014/main" id="{87F68558-4BDF-6197-2372-AEE9A335709D}"/>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cxnSp>
            <p:nvCxnSpPr>
              <p:cNvPr id="197" name="Straight Connector 196">
                <a:extLst>
                  <a:ext uri="{FF2B5EF4-FFF2-40B4-BE49-F238E27FC236}">
                    <a16:creationId xmlns:a16="http://schemas.microsoft.com/office/drawing/2014/main" id="{DB9794AA-C886-4CDB-0FBF-F7D22FD66C01}"/>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98" name="TextBox 197">
                <a:extLst>
                  <a:ext uri="{FF2B5EF4-FFF2-40B4-BE49-F238E27FC236}">
                    <a16:creationId xmlns:a16="http://schemas.microsoft.com/office/drawing/2014/main" id="{A25ED789-C7D6-3581-C73B-BB3C2313BCE4}"/>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Lille</a:t>
                </a:r>
              </a:p>
            </p:txBody>
          </p:sp>
          <p:sp>
            <p:nvSpPr>
              <p:cNvPr id="199" name="TextBox 198">
                <a:extLst>
                  <a:ext uri="{FF2B5EF4-FFF2-40B4-BE49-F238E27FC236}">
                    <a16:creationId xmlns:a16="http://schemas.microsoft.com/office/drawing/2014/main" id="{157B0757-705A-1C0A-9BE2-A4757FCD2FE7}"/>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dirty="0">
                    <a:latin typeface="KBH Tekst" panose="00000500000000000000" pitchFamily="2" charset="0"/>
                  </a:rPr>
                  <a:t>Stor</a:t>
                </a:r>
              </a:p>
            </p:txBody>
          </p:sp>
        </p:grpSp>
        <p:sp>
          <p:nvSpPr>
            <p:cNvPr id="195" name="Oval 194">
              <a:extLst>
                <a:ext uri="{FF2B5EF4-FFF2-40B4-BE49-F238E27FC236}">
                  <a16:creationId xmlns:a16="http://schemas.microsoft.com/office/drawing/2014/main" id="{B4F5B136-9348-BBE0-DCA4-CF137DBC9A14}"/>
                </a:ext>
              </a:extLst>
            </p:cNvPr>
            <p:cNvSpPr/>
            <p:nvPr/>
          </p:nvSpPr>
          <p:spPr>
            <a:xfrm>
              <a:off x="902584"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grpSp>
      <p:sp>
        <p:nvSpPr>
          <p:cNvPr id="146" name="TextBox 145">
            <a:extLst>
              <a:ext uri="{FF2B5EF4-FFF2-40B4-BE49-F238E27FC236}">
                <a16:creationId xmlns:a16="http://schemas.microsoft.com/office/drawing/2014/main" id="{12BC2000-2E16-69D7-E482-9D4CF49FA5CB}"/>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dirty="0"/>
              <a:t>Midlertidige omkostninger</a:t>
            </a:r>
            <a:endParaRPr lang="da-DK" sz="900" noProof="0" dirty="0"/>
          </a:p>
          <a:p>
            <a:pPr>
              <a:lnSpc>
                <a:spcPct val="200000"/>
              </a:lnSpc>
            </a:pPr>
            <a:r>
              <a:rPr lang="da-DK" sz="900" noProof="0" dirty="0"/>
              <a:t>  Projektledelse </a:t>
            </a:r>
          </a:p>
          <a:p>
            <a:pPr>
              <a:lnSpc>
                <a:spcPct val="200000"/>
              </a:lnSpc>
            </a:pPr>
            <a:endParaRPr lang="da-DK" sz="900" noProof="0" dirty="0"/>
          </a:p>
          <a:p>
            <a:pPr>
              <a:lnSpc>
                <a:spcPct val="200000"/>
              </a:lnSpc>
            </a:pPr>
            <a:r>
              <a:rPr lang="da-DK" sz="900" noProof="0" dirty="0"/>
              <a:t>  Organisatorisk implementering</a:t>
            </a:r>
          </a:p>
          <a:p>
            <a:pPr>
              <a:lnSpc>
                <a:spcPct val="200000"/>
              </a:lnSpc>
            </a:pPr>
            <a:r>
              <a:rPr lang="da-DK" sz="900" noProof="0" dirty="0"/>
              <a:t> </a:t>
            </a:r>
          </a:p>
          <a:p>
            <a:pPr>
              <a:lnSpc>
                <a:spcPct val="200000"/>
              </a:lnSpc>
            </a:pPr>
            <a:r>
              <a:rPr lang="da-DK" sz="900" noProof="0" dirty="0"/>
              <a:t>  Teknisk implementering</a:t>
            </a:r>
          </a:p>
          <a:p>
            <a:pPr>
              <a:lnSpc>
                <a:spcPct val="150000"/>
              </a:lnSpc>
            </a:pPr>
            <a:endParaRPr lang="da-DK" sz="900" noProof="0" dirty="0"/>
          </a:p>
          <a:p>
            <a:pPr>
              <a:lnSpc>
                <a:spcPct val="150000"/>
              </a:lnSpc>
            </a:pPr>
            <a:endParaRPr lang="da-DK" sz="900" b="1" noProof="0" dirty="0">
              <a:solidFill>
                <a:srgbClr val="36465A"/>
              </a:solidFill>
            </a:endParaRPr>
          </a:p>
          <a:p>
            <a:pPr>
              <a:lnSpc>
                <a:spcPct val="150000"/>
              </a:lnSpc>
            </a:pPr>
            <a:r>
              <a:rPr lang="da-DK" sz="900" b="1" noProof="0" dirty="0">
                <a:solidFill>
                  <a:srgbClr val="36465A"/>
                </a:solidFill>
              </a:rPr>
              <a:t>Driftsomkostninger</a:t>
            </a:r>
          </a:p>
          <a:p>
            <a:pPr>
              <a:lnSpc>
                <a:spcPct val="200000"/>
              </a:lnSpc>
            </a:pPr>
            <a:r>
              <a:rPr lang="da-DK" sz="900" noProof="0" dirty="0">
                <a:solidFill>
                  <a:schemeClr val="accent4">
                    <a:lumMod val="50000"/>
                  </a:schemeClr>
                </a:solidFill>
              </a:rPr>
              <a:t>  Teknologi</a:t>
            </a:r>
          </a:p>
          <a:p>
            <a:pPr>
              <a:lnSpc>
                <a:spcPct val="200000"/>
              </a:lnSpc>
            </a:pPr>
            <a:endParaRPr lang="da-DK" sz="900" noProof="0" dirty="0">
              <a:solidFill>
                <a:schemeClr val="accent4">
                  <a:lumMod val="50000"/>
                </a:schemeClr>
              </a:solidFill>
            </a:endParaRPr>
          </a:p>
          <a:p>
            <a:pPr>
              <a:lnSpc>
                <a:spcPct val="200000"/>
              </a:lnSpc>
            </a:pPr>
            <a:r>
              <a:rPr lang="da-DK" sz="900" noProof="0" dirty="0">
                <a:solidFill>
                  <a:schemeClr val="accent4">
                    <a:lumMod val="50000"/>
                  </a:schemeClr>
                </a:solidFill>
              </a:rPr>
              <a:t>  Nye kompetencer </a:t>
            </a:r>
          </a:p>
          <a:p>
            <a:pPr>
              <a:lnSpc>
                <a:spcPct val="200000"/>
              </a:lnSpc>
            </a:pPr>
            <a:endParaRPr lang="da-DK" sz="900" noProof="0" dirty="0">
              <a:solidFill>
                <a:schemeClr val="accent4">
                  <a:lumMod val="50000"/>
                </a:schemeClr>
              </a:solidFill>
            </a:endParaRPr>
          </a:p>
          <a:p>
            <a:pPr>
              <a:lnSpc>
                <a:spcPct val="200000"/>
              </a:lnSpc>
            </a:pPr>
            <a:r>
              <a:rPr lang="da-DK" sz="900" noProof="0" dirty="0">
                <a:solidFill>
                  <a:schemeClr val="accent4">
                    <a:lumMod val="50000"/>
                  </a:schemeClr>
                </a:solidFill>
              </a:rPr>
              <a:t>  Drift og support</a:t>
            </a:r>
          </a:p>
        </p:txBody>
      </p:sp>
      <p:grpSp>
        <p:nvGrpSpPr>
          <p:cNvPr id="147" name="Group 146">
            <a:extLst>
              <a:ext uri="{FF2B5EF4-FFF2-40B4-BE49-F238E27FC236}">
                <a16:creationId xmlns:a16="http://schemas.microsoft.com/office/drawing/2014/main" id="{5C2DCF67-585A-D271-77E3-0F6F08E69834}"/>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148" name="Oval 147">
              <a:extLst>
                <a:ext uri="{FF2B5EF4-FFF2-40B4-BE49-F238E27FC236}">
                  <a16:creationId xmlns:a16="http://schemas.microsoft.com/office/drawing/2014/main" id="{5573DD75-2DBF-E10F-0966-EB9B878785EE}"/>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49" name="Freeform 11">
              <a:extLst>
                <a:ext uri="{FF2B5EF4-FFF2-40B4-BE49-F238E27FC236}">
                  <a16:creationId xmlns:a16="http://schemas.microsoft.com/office/drawing/2014/main" id="{AF5B2F76-212B-A60E-8E1A-834DD726206B}"/>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dirty="0"/>
            </a:p>
          </p:txBody>
        </p:sp>
      </p:grpSp>
      <p:grpSp>
        <p:nvGrpSpPr>
          <p:cNvPr id="160" name="Group 159">
            <a:extLst>
              <a:ext uri="{FF2B5EF4-FFF2-40B4-BE49-F238E27FC236}">
                <a16:creationId xmlns:a16="http://schemas.microsoft.com/office/drawing/2014/main" id="{A410D04D-5F7B-C8A0-9E44-1339BCFA8B6A}"/>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161" name="Oval 160">
              <a:extLst>
                <a:ext uri="{FF2B5EF4-FFF2-40B4-BE49-F238E27FC236}">
                  <a16:creationId xmlns:a16="http://schemas.microsoft.com/office/drawing/2014/main" id="{D5FF3477-EE8C-957E-20B5-C8BA7304E24A}"/>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62" name="Freeform 19">
              <a:extLst>
                <a:ext uri="{FF2B5EF4-FFF2-40B4-BE49-F238E27FC236}">
                  <a16:creationId xmlns:a16="http://schemas.microsoft.com/office/drawing/2014/main" id="{B2C6D540-41FA-B2C6-7E03-065F39488D76}"/>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214" name="Group 213">
            <a:extLst>
              <a:ext uri="{FF2B5EF4-FFF2-40B4-BE49-F238E27FC236}">
                <a16:creationId xmlns:a16="http://schemas.microsoft.com/office/drawing/2014/main" id="{1574351B-FC9E-0665-8C4E-6DEF497B0010}"/>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215" name="Rectangle 214">
              <a:extLst>
                <a:ext uri="{FF2B5EF4-FFF2-40B4-BE49-F238E27FC236}">
                  <a16:creationId xmlns:a16="http://schemas.microsoft.com/office/drawing/2014/main" id="{0945E12A-24D0-6DE9-C887-95102E5288F4}"/>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16" name="Rectangle 215">
              <a:extLst>
                <a:ext uri="{FF2B5EF4-FFF2-40B4-BE49-F238E27FC236}">
                  <a16:creationId xmlns:a16="http://schemas.microsoft.com/office/drawing/2014/main" id="{25C9D535-0F52-20D9-674A-B70FE37D89FC}"/>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t>Case Katalog</a:t>
              </a:r>
            </a:p>
          </p:txBody>
        </p:sp>
      </p:grpSp>
      <p:sp>
        <p:nvSpPr>
          <p:cNvPr id="23" name="Freeform 24">
            <a:extLst>
              <a:ext uri="{FF2B5EF4-FFF2-40B4-BE49-F238E27FC236}">
                <a16:creationId xmlns:a16="http://schemas.microsoft.com/office/drawing/2014/main" id="{7163B858-0101-C7A3-E9CD-3AFE99B66E68}"/>
              </a:ext>
              <a:ext uri="{C183D7F6-B498-43B3-948B-1728B52AA6E4}">
                <adec:decorative xmlns:adec="http://schemas.microsoft.com/office/drawing/2017/decorative" val="1"/>
              </a:ext>
            </a:extLst>
          </p:cNvPr>
          <p:cNvSpPr>
            <a:spLocks noEditPoints="1"/>
          </p:cNvSpPr>
          <p:nvPr/>
        </p:nvSpPr>
        <p:spPr bwMode="auto">
          <a:xfrm>
            <a:off x="9635122" y="2136538"/>
            <a:ext cx="477096" cy="318064"/>
          </a:xfrm>
          <a:custGeom>
            <a:avLst/>
            <a:gdLst>
              <a:gd name="T0" fmla="*/ 224 w 240"/>
              <a:gd name="T1" fmla="*/ 42 h 160"/>
              <a:gd name="T2" fmla="*/ 223 w 240"/>
              <a:gd name="T3" fmla="*/ 1 h 160"/>
              <a:gd name="T4" fmla="*/ 156 w 240"/>
              <a:gd name="T5" fmla="*/ 0 h 160"/>
              <a:gd name="T6" fmla="*/ 152 w 240"/>
              <a:gd name="T7" fmla="*/ 4 h 160"/>
              <a:gd name="T8" fmla="*/ 135 w 240"/>
              <a:gd name="T9" fmla="*/ 24 h 160"/>
              <a:gd name="T10" fmla="*/ 105 w 240"/>
              <a:gd name="T11" fmla="*/ 24 h 160"/>
              <a:gd name="T12" fmla="*/ 88 w 240"/>
              <a:gd name="T13" fmla="*/ 4 h 160"/>
              <a:gd name="T14" fmla="*/ 84 w 240"/>
              <a:gd name="T15" fmla="*/ 0 h 160"/>
              <a:gd name="T16" fmla="*/ 17 w 240"/>
              <a:gd name="T17" fmla="*/ 1 h 160"/>
              <a:gd name="T18" fmla="*/ 16 w 240"/>
              <a:gd name="T19" fmla="*/ 42 h 160"/>
              <a:gd name="T20" fmla="*/ 0 w 240"/>
              <a:gd name="T21" fmla="*/ 62 h 160"/>
              <a:gd name="T22" fmla="*/ 100 w 240"/>
              <a:gd name="T23" fmla="*/ 64 h 160"/>
              <a:gd name="T24" fmla="*/ 103 w 240"/>
              <a:gd name="T25" fmla="*/ 57 h 160"/>
              <a:gd name="T26" fmla="*/ 88 w 240"/>
              <a:gd name="T27" fmla="*/ 32 h 160"/>
              <a:gd name="T28" fmla="*/ 116 w 240"/>
              <a:gd name="T29" fmla="*/ 43 h 160"/>
              <a:gd name="T30" fmla="*/ 76 w 240"/>
              <a:gd name="T31" fmla="*/ 72 h 160"/>
              <a:gd name="T32" fmla="*/ 72 w 240"/>
              <a:gd name="T33" fmla="*/ 76 h 160"/>
              <a:gd name="T34" fmla="*/ 49 w 240"/>
              <a:gd name="T35" fmla="*/ 153 h 160"/>
              <a:gd name="T36" fmla="*/ 52 w 240"/>
              <a:gd name="T37" fmla="*/ 160 h 160"/>
              <a:gd name="T38" fmla="*/ 192 w 240"/>
              <a:gd name="T39" fmla="*/ 158 h 160"/>
              <a:gd name="T40" fmla="*/ 168 w 240"/>
              <a:gd name="T41" fmla="*/ 130 h 160"/>
              <a:gd name="T42" fmla="*/ 167 w 240"/>
              <a:gd name="T43" fmla="*/ 73 h 160"/>
              <a:gd name="T44" fmla="*/ 124 w 240"/>
              <a:gd name="T45" fmla="*/ 72 h 160"/>
              <a:gd name="T46" fmla="*/ 135 w 240"/>
              <a:gd name="T47" fmla="*/ 32 h 160"/>
              <a:gd name="T48" fmla="*/ 152 w 240"/>
              <a:gd name="T49" fmla="*/ 42 h 160"/>
              <a:gd name="T50" fmla="*/ 136 w 240"/>
              <a:gd name="T51" fmla="*/ 62 h 160"/>
              <a:gd name="T52" fmla="*/ 236 w 240"/>
              <a:gd name="T53" fmla="*/ 64 h 160"/>
              <a:gd name="T54" fmla="*/ 239 w 240"/>
              <a:gd name="T55" fmla="*/ 57 h 160"/>
              <a:gd name="T56" fmla="*/ 80 w 240"/>
              <a:gd name="T57" fmla="*/ 8 h 160"/>
              <a:gd name="T58" fmla="*/ 24 w 240"/>
              <a:gd name="T59" fmla="*/ 40 h 160"/>
              <a:gd name="T60" fmla="*/ 14 w 240"/>
              <a:gd name="T61" fmla="*/ 56 h 160"/>
              <a:gd name="T62" fmla="*/ 82 w 240"/>
              <a:gd name="T63" fmla="*/ 48 h 160"/>
              <a:gd name="T64" fmla="*/ 14 w 240"/>
              <a:gd name="T65" fmla="*/ 56 h 160"/>
              <a:gd name="T66" fmla="*/ 78 w 240"/>
              <a:gd name="T67" fmla="*/ 136 h 160"/>
              <a:gd name="T68" fmla="*/ 178 w 240"/>
              <a:gd name="T69" fmla="*/ 152 h 160"/>
              <a:gd name="T70" fmla="*/ 160 w 240"/>
              <a:gd name="T71" fmla="*/ 128 h 160"/>
              <a:gd name="T72" fmla="*/ 80 w 240"/>
              <a:gd name="T73" fmla="*/ 80 h 160"/>
              <a:gd name="T74" fmla="*/ 160 w 240"/>
              <a:gd name="T75" fmla="*/ 128 h 160"/>
              <a:gd name="T76" fmla="*/ 112 w 240"/>
              <a:gd name="T77" fmla="*/ 28 h 160"/>
              <a:gd name="T78" fmla="*/ 128 w 240"/>
              <a:gd name="T79" fmla="*/ 28 h 160"/>
              <a:gd name="T80" fmla="*/ 160 w 240"/>
              <a:gd name="T81" fmla="*/ 8 h 160"/>
              <a:gd name="T82" fmla="*/ 216 w 240"/>
              <a:gd name="T83" fmla="*/ 40 h 160"/>
              <a:gd name="T84" fmla="*/ 160 w 240"/>
              <a:gd name="T85" fmla="*/ 8 h 160"/>
              <a:gd name="T86" fmla="*/ 158 w 240"/>
              <a:gd name="T87" fmla="*/ 48 h 160"/>
              <a:gd name="T88" fmla="*/ 226 w 240"/>
              <a:gd name="T89" fmla="*/ 56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40" h="160">
                <a:moveTo>
                  <a:pt x="239" y="57"/>
                </a:moveTo>
                <a:cubicBezTo>
                  <a:pt x="224" y="42"/>
                  <a:pt x="224" y="42"/>
                  <a:pt x="224" y="42"/>
                </a:cubicBezTo>
                <a:cubicBezTo>
                  <a:pt x="224" y="4"/>
                  <a:pt x="224" y="4"/>
                  <a:pt x="224" y="4"/>
                </a:cubicBezTo>
                <a:cubicBezTo>
                  <a:pt x="224" y="3"/>
                  <a:pt x="224" y="2"/>
                  <a:pt x="223" y="1"/>
                </a:cubicBezTo>
                <a:cubicBezTo>
                  <a:pt x="222" y="0"/>
                  <a:pt x="221" y="0"/>
                  <a:pt x="220" y="0"/>
                </a:cubicBezTo>
                <a:cubicBezTo>
                  <a:pt x="156" y="0"/>
                  <a:pt x="156" y="0"/>
                  <a:pt x="156" y="0"/>
                </a:cubicBezTo>
                <a:cubicBezTo>
                  <a:pt x="155" y="0"/>
                  <a:pt x="154" y="0"/>
                  <a:pt x="153" y="1"/>
                </a:cubicBezTo>
                <a:cubicBezTo>
                  <a:pt x="152" y="2"/>
                  <a:pt x="152" y="3"/>
                  <a:pt x="152" y="4"/>
                </a:cubicBezTo>
                <a:cubicBezTo>
                  <a:pt x="152" y="24"/>
                  <a:pt x="152" y="24"/>
                  <a:pt x="152" y="24"/>
                </a:cubicBezTo>
                <a:cubicBezTo>
                  <a:pt x="135" y="24"/>
                  <a:pt x="135" y="24"/>
                  <a:pt x="135" y="24"/>
                </a:cubicBezTo>
                <a:cubicBezTo>
                  <a:pt x="134" y="17"/>
                  <a:pt x="127" y="12"/>
                  <a:pt x="120" y="12"/>
                </a:cubicBezTo>
                <a:cubicBezTo>
                  <a:pt x="113" y="12"/>
                  <a:pt x="106" y="17"/>
                  <a:pt x="105" y="24"/>
                </a:cubicBezTo>
                <a:cubicBezTo>
                  <a:pt x="88" y="24"/>
                  <a:pt x="88" y="24"/>
                  <a:pt x="88" y="24"/>
                </a:cubicBezTo>
                <a:cubicBezTo>
                  <a:pt x="88" y="4"/>
                  <a:pt x="88" y="4"/>
                  <a:pt x="88" y="4"/>
                </a:cubicBezTo>
                <a:cubicBezTo>
                  <a:pt x="88" y="3"/>
                  <a:pt x="88" y="2"/>
                  <a:pt x="87" y="1"/>
                </a:cubicBezTo>
                <a:cubicBezTo>
                  <a:pt x="86" y="0"/>
                  <a:pt x="85" y="0"/>
                  <a:pt x="84" y="0"/>
                </a:cubicBezTo>
                <a:cubicBezTo>
                  <a:pt x="20" y="0"/>
                  <a:pt x="20" y="0"/>
                  <a:pt x="20" y="0"/>
                </a:cubicBezTo>
                <a:cubicBezTo>
                  <a:pt x="19" y="0"/>
                  <a:pt x="18" y="0"/>
                  <a:pt x="17" y="1"/>
                </a:cubicBezTo>
                <a:cubicBezTo>
                  <a:pt x="16" y="2"/>
                  <a:pt x="16" y="3"/>
                  <a:pt x="16" y="4"/>
                </a:cubicBezTo>
                <a:cubicBezTo>
                  <a:pt x="16" y="42"/>
                  <a:pt x="16" y="42"/>
                  <a:pt x="16" y="42"/>
                </a:cubicBezTo>
                <a:cubicBezTo>
                  <a:pt x="1" y="57"/>
                  <a:pt x="1" y="57"/>
                  <a:pt x="1" y="57"/>
                </a:cubicBezTo>
                <a:cubicBezTo>
                  <a:pt x="0" y="58"/>
                  <a:pt x="0" y="60"/>
                  <a:pt x="0" y="62"/>
                </a:cubicBezTo>
                <a:cubicBezTo>
                  <a:pt x="1" y="63"/>
                  <a:pt x="2" y="64"/>
                  <a:pt x="4" y="64"/>
                </a:cubicBezTo>
                <a:cubicBezTo>
                  <a:pt x="100" y="64"/>
                  <a:pt x="100" y="64"/>
                  <a:pt x="100" y="64"/>
                </a:cubicBezTo>
                <a:cubicBezTo>
                  <a:pt x="102" y="64"/>
                  <a:pt x="103" y="63"/>
                  <a:pt x="104" y="62"/>
                </a:cubicBezTo>
                <a:cubicBezTo>
                  <a:pt x="104" y="60"/>
                  <a:pt x="104" y="58"/>
                  <a:pt x="103" y="57"/>
                </a:cubicBezTo>
                <a:cubicBezTo>
                  <a:pt x="88" y="42"/>
                  <a:pt x="88" y="42"/>
                  <a:pt x="88" y="42"/>
                </a:cubicBezTo>
                <a:cubicBezTo>
                  <a:pt x="88" y="32"/>
                  <a:pt x="88" y="32"/>
                  <a:pt x="88" y="32"/>
                </a:cubicBezTo>
                <a:cubicBezTo>
                  <a:pt x="105" y="32"/>
                  <a:pt x="105" y="32"/>
                  <a:pt x="105" y="32"/>
                </a:cubicBezTo>
                <a:cubicBezTo>
                  <a:pt x="106" y="38"/>
                  <a:pt x="110" y="42"/>
                  <a:pt x="116" y="43"/>
                </a:cubicBezTo>
                <a:cubicBezTo>
                  <a:pt x="116" y="72"/>
                  <a:pt x="116" y="72"/>
                  <a:pt x="116" y="72"/>
                </a:cubicBezTo>
                <a:cubicBezTo>
                  <a:pt x="76" y="72"/>
                  <a:pt x="76" y="72"/>
                  <a:pt x="76" y="72"/>
                </a:cubicBezTo>
                <a:cubicBezTo>
                  <a:pt x="75" y="72"/>
                  <a:pt x="74" y="72"/>
                  <a:pt x="73" y="73"/>
                </a:cubicBezTo>
                <a:cubicBezTo>
                  <a:pt x="72" y="74"/>
                  <a:pt x="72" y="75"/>
                  <a:pt x="72" y="76"/>
                </a:cubicBezTo>
                <a:cubicBezTo>
                  <a:pt x="72" y="130"/>
                  <a:pt x="72" y="130"/>
                  <a:pt x="72" y="130"/>
                </a:cubicBezTo>
                <a:cubicBezTo>
                  <a:pt x="49" y="153"/>
                  <a:pt x="49" y="153"/>
                  <a:pt x="49" y="153"/>
                </a:cubicBezTo>
                <a:cubicBezTo>
                  <a:pt x="48" y="154"/>
                  <a:pt x="48" y="156"/>
                  <a:pt x="48" y="158"/>
                </a:cubicBezTo>
                <a:cubicBezTo>
                  <a:pt x="49" y="159"/>
                  <a:pt x="50" y="160"/>
                  <a:pt x="52" y="160"/>
                </a:cubicBezTo>
                <a:cubicBezTo>
                  <a:pt x="188" y="160"/>
                  <a:pt x="188" y="160"/>
                  <a:pt x="188" y="160"/>
                </a:cubicBezTo>
                <a:cubicBezTo>
                  <a:pt x="190" y="160"/>
                  <a:pt x="191" y="159"/>
                  <a:pt x="192" y="158"/>
                </a:cubicBezTo>
                <a:cubicBezTo>
                  <a:pt x="192" y="156"/>
                  <a:pt x="192" y="154"/>
                  <a:pt x="191" y="153"/>
                </a:cubicBezTo>
                <a:cubicBezTo>
                  <a:pt x="168" y="130"/>
                  <a:pt x="168" y="130"/>
                  <a:pt x="168" y="130"/>
                </a:cubicBezTo>
                <a:cubicBezTo>
                  <a:pt x="168" y="76"/>
                  <a:pt x="168" y="76"/>
                  <a:pt x="168" y="76"/>
                </a:cubicBezTo>
                <a:cubicBezTo>
                  <a:pt x="168" y="75"/>
                  <a:pt x="168" y="74"/>
                  <a:pt x="167" y="73"/>
                </a:cubicBezTo>
                <a:cubicBezTo>
                  <a:pt x="166" y="72"/>
                  <a:pt x="165" y="72"/>
                  <a:pt x="164" y="72"/>
                </a:cubicBezTo>
                <a:cubicBezTo>
                  <a:pt x="124" y="72"/>
                  <a:pt x="124" y="72"/>
                  <a:pt x="124" y="72"/>
                </a:cubicBezTo>
                <a:cubicBezTo>
                  <a:pt x="124" y="43"/>
                  <a:pt x="124" y="43"/>
                  <a:pt x="124" y="43"/>
                </a:cubicBezTo>
                <a:cubicBezTo>
                  <a:pt x="130" y="42"/>
                  <a:pt x="134" y="38"/>
                  <a:pt x="135" y="32"/>
                </a:cubicBezTo>
                <a:cubicBezTo>
                  <a:pt x="152" y="32"/>
                  <a:pt x="152" y="32"/>
                  <a:pt x="152" y="32"/>
                </a:cubicBezTo>
                <a:cubicBezTo>
                  <a:pt x="152" y="42"/>
                  <a:pt x="152" y="42"/>
                  <a:pt x="152" y="42"/>
                </a:cubicBezTo>
                <a:cubicBezTo>
                  <a:pt x="137" y="57"/>
                  <a:pt x="137" y="57"/>
                  <a:pt x="137" y="57"/>
                </a:cubicBezTo>
                <a:cubicBezTo>
                  <a:pt x="136" y="58"/>
                  <a:pt x="136" y="60"/>
                  <a:pt x="136" y="62"/>
                </a:cubicBezTo>
                <a:cubicBezTo>
                  <a:pt x="137" y="63"/>
                  <a:pt x="138" y="64"/>
                  <a:pt x="140" y="64"/>
                </a:cubicBezTo>
                <a:cubicBezTo>
                  <a:pt x="236" y="64"/>
                  <a:pt x="236" y="64"/>
                  <a:pt x="236" y="64"/>
                </a:cubicBezTo>
                <a:cubicBezTo>
                  <a:pt x="238" y="64"/>
                  <a:pt x="239" y="63"/>
                  <a:pt x="240" y="62"/>
                </a:cubicBezTo>
                <a:cubicBezTo>
                  <a:pt x="240" y="60"/>
                  <a:pt x="240" y="58"/>
                  <a:pt x="239" y="57"/>
                </a:cubicBezTo>
                <a:close/>
                <a:moveTo>
                  <a:pt x="24" y="8"/>
                </a:moveTo>
                <a:cubicBezTo>
                  <a:pt x="80" y="8"/>
                  <a:pt x="80" y="8"/>
                  <a:pt x="80" y="8"/>
                </a:cubicBezTo>
                <a:cubicBezTo>
                  <a:pt x="80" y="40"/>
                  <a:pt x="80" y="40"/>
                  <a:pt x="80" y="40"/>
                </a:cubicBezTo>
                <a:cubicBezTo>
                  <a:pt x="24" y="40"/>
                  <a:pt x="24" y="40"/>
                  <a:pt x="24" y="40"/>
                </a:cubicBezTo>
                <a:lnTo>
                  <a:pt x="24" y="8"/>
                </a:lnTo>
                <a:close/>
                <a:moveTo>
                  <a:pt x="14" y="56"/>
                </a:moveTo>
                <a:cubicBezTo>
                  <a:pt x="22" y="48"/>
                  <a:pt x="22" y="48"/>
                  <a:pt x="22" y="48"/>
                </a:cubicBezTo>
                <a:cubicBezTo>
                  <a:pt x="82" y="48"/>
                  <a:pt x="82" y="48"/>
                  <a:pt x="82" y="48"/>
                </a:cubicBezTo>
                <a:cubicBezTo>
                  <a:pt x="90" y="56"/>
                  <a:pt x="90" y="56"/>
                  <a:pt x="90" y="56"/>
                </a:cubicBezTo>
                <a:lnTo>
                  <a:pt x="14" y="56"/>
                </a:lnTo>
                <a:close/>
                <a:moveTo>
                  <a:pt x="62" y="152"/>
                </a:moveTo>
                <a:cubicBezTo>
                  <a:pt x="78" y="136"/>
                  <a:pt x="78" y="136"/>
                  <a:pt x="78" y="136"/>
                </a:cubicBezTo>
                <a:cubicBezTo>
                  <a:pt x="162" y="136"/>
                  <a:pt x="162" y="136"/>
                  <a:pt x="162" y="136"/>
                </a:cubicBezTo>
                <a:cubicBezTo>
                  <a:pt x="178" y="152"/>
                  <a:pt x="178" y="152"/>
                  <a:pt x="178" y="152"/>
                </a:cubicBezTo>
                <a:lnTo>
                  <a:pt x="62" y="152"/>
                </a:lnTo>
                <a:close/>
                <a:moveTo>
                  <a:pt x="160" y="128"/>
                </a:moveTo>
                <a:cubicBezTo>
                  <a:pt x="80" y="128"/>
                  <a:pt x="80" y="128"/>
                  <a:pt x="80" y="128"/>
                </a:cubicBezTo>
                <a:cubicBezTo>
                  <a:pt x="80" y="80"/>
                  <a:pt x="80" y="80"/>
                  <a:pt x="80" y="80"/>
                </a:cubicBezTo>
                <a:cubicBezTo>
                  <a:pt x="160" y="80"/>
                  <a:pt x="160" y="80"/>
                  <a:pt x="160" y="80"/>
                </a:cubicBezTo>
                <a:lnTo>
                  <a:pt x="160" y="128"/>
                </a:lnTo>
                <a:close/>
                <a:moveTo>
                  <a:pt x="120" y="36"/>
                </a:moveTo>
                <a:cubicBezTo>
                  <a:pt x="116" y="36"/>
                  <a:pt x="112" y="32"/>
                  <a:pt x="112" y="28"/>
                </a:cubicBezTo>
                <a:cubicBezTo>
                  <a:pt x="112" y="24"/>
                  <a:pt x="116" y="20"/>
                  <a:pt x="120" y="20"/>
                </a:cubicBezTo>
                <a:cubicBezTo>
                  <a:pt x="124" y="20"/>
                  <a:pt x="128" y="24"/>
                  <a:pt x="128" y="28"/>
                </a:cubicBezTo>
                <a:cubicBezTo>
                  <a:pt x="128" y="32"/>
                  <a:pt x="124" y="36"/>
                  <a:pt x="120" y="36"/>
                </a:cubicBezTo>
                <a:close/>
                <a:moveTo>
                  <a:pt x="160" y="8"/>
                </a:moveTo>
                <a:cubicBezTo>
                  <a:pt x="216" y="8"/>
                  <a:pt x="216" y="8"/>
                  <a:pt x="216" y="8"/>
                </a:cubicBezTo>
                <a:cubicBezTo>
                  <a:pt x="216" y="40"/>
                  <a:pt x="216" y="40"/>
                  <a:pt x="216" y="40"/>
                </a:cubicBezTo>
                <a:cubicBezTo>
                  <a:pt x="160" y="40"/>
                  <a:pt x="160" y="40"/>
                  <a:pt x="160" y="40"/>
                </a:cubicBezTo>
                <a:lnTo>
                  <a:pt x="160" y="8"/>
                </a:lnTo>
                <a:close/>
                <a:moveTo>
                  <a:pt x="150" y="56"/>
                </a:moveTo>
                <a:cubicBezTo>
                  <a:pt x="158" y="48"/>
                  <a:pt x="158" y="48"/>
                  <a:pt x="158" y="48"/>
                </a:cubicBezTo>
                <a:cubicBezTo>
                  <a:pt x="218" y="48"/>
                  <a:pt x="218" y="48"/>
                  <a:pt x="218" y="48"/>
                </a:cubicBezTo>
                <a:cubicBezTo>
                  <a:pt x="226" y="56"/>
                  <a:pt x="226" y="56"/>
                  <a:pt x="226" y="56"/>
                </a:cubicBezTo>
                <a:lnTo>
                  <a:pt x="150" y="56"/>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24" name="Freeform 5">
            <a:extLst>
              <a:ext uri="{FF2B5EF4-FFF2-40B4-BE49-F238E27FC236}">
                <a16:creationId xmlns:a16="http://schemas.microsoft.com/office/drawing/2014/main" id="{EF5258FE-FA2F-C3D2-F891-C6FF39E9325A}"/>
              </a:ext>
              <a:ext uri="{C183D7F6-B498-43B3-948B-1728B52AA6E4}">
                <adec:decorative xmlns:adec="http://schemas.microsoft.com/office/drawing/2017/decorative" val="1"/>
              </a:ext>
            </a:extLst>
          </p:cNvPr>
          <p:cNvSpPr>
            <a:spLocks noEditPoints="1"/>
          </p:cNvSpPr>
          <p:nvPr/>
        </p:nvSpPr>
        <p:spPr bwMode="auto">
          <a:xfrm>
            <a:off x="9754755" y="3715943"/>
            <a:ext cx="265019" cy="343810"/>
          </a:xfrm>
          <a:custGeom>
            <a:avLst/>
            <a:gdLst>
              <a:gd name="T0" fmla="*/ 153 w 160"/>
              <a:gd name="T1" fmla="*/ 72 h 208"/>
              <a:gd name="T2" fmla="*/ 152 w 160"/>
              <a:gd name="T3" fmla="*/ 56 h 208"/>
              <a:gd name="T4" fmla="*/ 136 w 160"/>
              <a:gd name="T5" fmla="*/ 55 h 208"/>
              <a:gd name="T6" fmla="*/ 92 w 160"/>
              <a:gd name="T7" fmla="*/ 49 h 208"/>
              <a:gd name="T8" fmla="*/ 96 w 160"/>
              <a:gd name="T9" fmla="*/ 32 h 208"/>
              <a:gd name="T10" fmla="*/ 96 w 160"/>
              <a:gd name="T11" fmla="*/ 0 h 208"/>
              <a:gd name="T12" fmla="*/ 48 w 160"/>
              <a:gd name="T13" fmla="*/ 16 h 208"/>
              <a:gd name="T14" fmla="*/ 68 w 160"/>
              <a:gd name="T15" fmla="*/ 32 h 208"/>
              <a:gd name="T16" fmla="*/ 33 w 160"/>
              <a:gd name="T17" fmla="*/ 64 h 208"/>
              <a:gd name="T18" fmla="*/ 16 w 160"/>
              <a:gd name="T19" fmla="*/ 52 h 208"/>
              <a:gd name="T20" fmla="*/ 4 w 160"/>
              <a:gd name="T21" fmla="*/ 64 h 208"/>
              <a:gd name="T22" fmla="*/ 16 w 160"/>
              <a:gd name="T23" fmla="*/ 81 h 208"/>
              <a:gd name="T24" fmla="*/ 80 w 160"/>
              <a:gd name="T25" fmla="*/ 208 h 208"/>
              <a:gd name="T26" fmla="*/ 144 w 160"/>
              <a:gd name="T27" fmla="*/ 81 h 208"/>
              <a:gd name="T28" fmla="*/ 145 w 160"/>
              <a:gd name="T29" fmla="*/ 59 h 208"/>
              <a:gd name="T30" fmla="*/ 149 w 160"/>
              <a:gd name="T31" fmla="*/ 63 h 208"/>
              <a:gd name="T32" fmla="*/ 139 w 160"/>
              <a:gd name="T33" fmla="*/ 74 h 208"/>
              <a:gd name="T34" fmla="*/ 142 w 160"/>
              <a:gd name="T35" fmla="*/ 60 h 208"/>
              <a:gd name="T36" fmla="*/ 56 w 160"/>
              <a:gd name="T37" fmla="*/ 16 h 208"/>
              <a:gd name="T38" fmla="*/ 96 w 160"/>
              <a:gd name="T39" fmla="*/ 8 h 208"/>
              <a:gd name="T40" fmla="*/ 96 w 160"/>
              <a:gd name="T41" fmla="*/ 24 h 208"/>
              <a:gd name="T42" fmla="*/ 84 w 160"/>
              <a:gd name="T43" fmla="*/ 32 h 208"/>
              <a:gd name="T44" fmla="*/ 80 w 160"/>
              <a:gd name="T45" fmla="*/ 48 h 208"/>
              <a:gd name="T46" fmla="*/ 76 w 160"/>
              <a:gd name="T47" fmla="*/ 32 h 208"/>
              <a:gd name="T48" fmla="*/ 12 w 160"/>
              <a:gd name="T49" fmla="*/ 66 h 208"/>
              <a:gd name="T50" fmla="*/ 12 w 160"/>
              <a:gd name="T51" fmla="*/ 60 h 208"/>
              <a:gd name="T52" fmla="*/ 18 w 160"/>
              <a:gd name="T53" fmla="*/ 60 h 208"/>
              <a:gd name="T54" fmla="*/ 21 w 160"/>
              <a:gd name="T55" fmla="*/ 74 h 208"/>
              <a:gd name="T56" fmla="*/ 80 w 160"/>
              <a:gd name="T57" fmla="*/ 200 h 208"/>
              <a:gd name="T58" fmla="*/ 80 w 160"/>
              <a:gd name="T59" fmla="*/ 56 h 208"/>
              <a:gd name="T60" fmla="*/ 80 w 160"/>
              <a:gd name="T61" fmla="*/ 200 h 208"/>
              <a:gd name="T62" fmla="*/ 123 w 160"/>
              <a:gd name="T63" fmla="*/ 85 h 208"/>
              <a:gd name="T64" fmla="*/ 123 w 160"/>
              <a:gd name="T65" fmla="*/ 85 h 208"/>
              <a:gd name="T66" fmla="*/ 121 w 160"/>
              <a:gd name="T67" fmla="*/ 84 h 208"/>
              <a:gd name="T68" fmla="*/ 120 w 160"/>
              <a:gd name="T69" fmla="*/ 84 h 208"/>
              <a:gd name="T70" fmla="*/ 118 w 160"/>
              <a:gd name="T71" fmla="*/ 84 h 208"/>
              <a:gd name="T72" fmla="*/ 117 w 160"/>
              <a:gd name="T73" fmla="*/ 85 h 208"/>
              <a:gd name="T74" fmla="*/ 80 w 160"/>
              <a:gd name="T75" fmla="*/ 112 h 208"/>
              <a:gd name="T76" fmla="*/ 80 w 160"/>
              <a:gd name="T77" fmla="*/ 144 h 208"/>
              <a:gd name="T78" fmla="*/ 94 w 160"/>
              <a:gd name="T79" fmla="*/ 120 h 208"/>
              <a:gd name="T80" fmla="*/ 132 w 160"/>
              <a:gd name="T81" fmla="*/ 128 h 208"/>
              <a:gd name="T82" fmla="*/ 28 w 160"/>
              <a:gd name="T83" fmla="*/ 128 h 208"/>
              <a:gd name="T84" fmla="*/ 84 w 160"/>
              <a:gd name="T85" fmla="*/ 72 h 208"/>
              <a:gd name="T86" fmla="*/ 20 w 160"/>
              <a:gd name="T87" fmla="*/ 128 h 208"/>
              <a:gd name="T88" fmla="*/ 140 w 160"/>
              <a:gd name="T89" fmla="*/ 128 h 208"/>
              <a:gd name="T90" fmla="*/ 80 w 160"/>
              <a:gd name="T91" fmla="*/ 136 h 208"/>
              <a:gd name="T92" fmla="*/ 80 w 160"/>
              <a:gd name="T93" fmla="*/ 120 h 208"/>
              <a:gd name="T94" fmla="*/ 80 w 160"/>
              <a:gd name="T95" fmla="*/ 1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160" h="208">
                <a:moveTo>
                  <a:pt x="144" y="81"/>
                </a:moveTo>
                <a:cubicBezTo>
                  <a:pt x="153" y="72"/>
                  <a:pt x="153" y="72"/>
                  <a:pt x="153" y="72"/>
                </a:cubicBezTo>
                <a:cubicBezTo>
                  <a:pt x="156" y="69"/>
                  <a:pt x="156" y="67"/>
                  <a:pt x="156" y="64"/>
                </a:cubicBezTo>
                <a:cubicBezTo>
                  <a:pt x="156" y="61"/>
                  <a:pt x="154" y="58"/>
                  <a:pt x="152" y="56"/>
                </a:cubicBezTo>
                <a:cubicBezTo>
                  <a:pt x="150" y="54"/>
                  <a:pt x="147" y="52"/>
                  <a:pt x="144" y="52"/>
                </a:cubicBezTo>
                <a:cubicBezTo>
                  <a:pt x="141" y="52"/>
                  <a:pt x="139" y="52"/>
                  <a:pt x="136" y="55"/>
                </a:cubicBezTo>
                <a:cubicBezTo>
                  <a:pt x="127" y="64"/>
                  <a:pt x="127" y="64"/>
                  <a:pt x="127" y="64"/>
                </a:cubicBezTo>
                <a:cubicBezTo>
                  <a:pt x="117" y="56"/>
                  <a:pt x="105" y="51"/>
                  <a:pt x="92" y="49"/>
                </a:cubicBezTo>
                <a:cubicBezTo>
                  <a:pt x="92" y="32"/>
                  <a:pt x="92" y="32"/>
                  <a:pt x="92" y="32"/>
                </a:cubicBezTo>
                <a:cubicBezTo>
                  <a:pt x="96" y="32"/>
                  <a:pt x="96" y="32"/>
                  <a:pt x="96" y="32"/>
                </a:cubicBezTo>
                <a:cubicBezTo>
                  <a:pt x="105" y="32"/>
                  <a:pt x="112" y="25"/>
                  <a:pt x="112" y="16"/>
                </a:cubicBezTo>
                <a:cubicBezTo>
                  <a:pt x="112" y="7"/>
                  <a:pt x="105" y="0"/>
                  <a:pt x="96" y="0"/>
                </a:cubicBezTo>
                <a:cubicBezTo>
                  <a:pt x="64" y="0"/>
                  <a:pt x="64" y="0"/>
                  <a:pt x="64" y="0"/>
                </a:cubicBezTo>
                <a:cubicBezTo>
                  <a:pt x="55" y="0"/>
                  <a:pt x="48" y="7"/>
                  <a:pt x="48" y="16"/>
                </a:cubicBezTo>
                <a:cubicBezTo>
                  <a:pt x="48" y="25"/>
                  <a:pt x="55" y="32"/>
                  <a:pt x="64" y="32"/>
                </a:cubicBezTo>
                <a:cubicBezTo>
                  <a:pt x="68" y="32"/>
                  <a:pt x="68" y="32"/>
                  <a:pt x="68" y="32"/>
                </a:cubicBezTo>
                <a:cubicBezTo>
                  <a:pt x="68" y="49"/>
                  <a:pt x="68" y="49"/>
                  <a:pt x="68" y="49"/>
                </a:cubicBezTo>
                <a:cubicBezTo>
                  <a:pt x="55" y="51"/>
                  <a:pt x="43" y="56"/>
                  <a:pt x="33" y="64"/>
                </a:cubicBezTo>
                <a:cubicBezTo>
                  <a:pt x="24" y="55"/>
                  <a:pt x="24" y="55"/>
                  <a:pt x="24" y="55"/>
                </a:cubicBezTo>
                <a:cubicBezTo>
                  <a:pt x="21" y="52"/>
                  <a:pt x="19" y="52"/>
                  <a:pt x="16" y="52"/>
                </a:cubicBezTo>
                <a:cubicBezTo>
                  <a:pt x="13" y="52"/>
                  <a:pt x="10" y="54"/>
                  <a:pt x="8" y="56"/>
                </a:cubicBezTo>
                <a:cubicBezTo>
                  <a:pt x="6" y="58"/>
                  <a:pt x="4" y="61"/>
                  <a:pt x="4" y="64"/>
                </a:cubicBezTo>
                <a:cubicBezTo>
                  <a:pt x="4" y="67"/>
                  <a:pt x="4" y="69"/>
                  <a:pt x="7" y="72"/>
                </a:cubicBezTo>
                <a:cubicBezTo>
                  <a:pt x="16" y="81"/>
                  <a:pt x="16" y="81"/>
                  <a:pt x="16" y="81"/>
                </a:cubicBezTo>
                <a:cubicBezTo>
                  <a:pt x="6" y="94"/>
                  <a:pt x="0" y="110"/>
                  <a:pt x="0" y="128"/>
                </a:cubicBezTo>
                <a:cubicBezTo>
                  <a:pt x="0" y="172"/>
                  <a:pt x="36" y="208"/>
                  <a:pt x="80" y="208"/>
                </a:cubicBezTo>
                <a:cubicBezTo>
                  <a:pt x="124" y="208"/>
                  <a:pt x="160" y="172"/>
                  <a:pt x="160" y="128"/>
                </a:cubicBezTo>
                <a:cubicBezTo>
                  <a:pt x="160" y="110"/>
                  <a:pt x="154" y="94"/>
                  <a:pt x="144" y="81"/>
                </a:cubicBezTo>
                <a:close/>
                <a:moveTo>
                  <a:pt x="142" y="60"/>
                </a:moveTo>
                <a:cubicBezTo>
                  <a:pt x="143" y="60"/>
                  <a:pt x="144" y="59"/>
                  <a:pt x="145" y="59"/>
                </a:cubicBezTo>
                <a:cubicBezTo>
                  <a:pt x="146" y="59"/>
                  <a:pt x="147" y="60"/>
                  <a:pt x="148" y="60"/>
                </a:cubicBezTo>
                <a:cubicBezTo>
                  <a:pt x="148" y="61"/>
                  <a:pt x="149" y="62"/>
                  <a:pt x="149" y="63"/>
                </a:cubicBezTo>
                <a:cubicBezTo>
                  <a:pt x="149" y="64"/>
                  <a:pt x="148" y="65"/>
                  <a:pt x="148" y="66"/>
                </a:cubicBezTo>
                <a:cubicBezTo>
                  <a:pt x="139" y="74"/>
                  <a:pt x="139" y="74"/>
                  <a:pt x="139" y="74"/>
                </a:cubicBezTo>
                <a:cubicBezTo>
                  <a:pt x="137" y="72"/>
                  <a:pt x="136" y="71"/>
                  <a:pt x="134" y="69"/>
                </a:cubicBezTo>
                <a:lnTo>
                  <a:pt x="142" y="60"/>
                </a:lnTo>
                <a:close/>
                <a:moveTo>
                  <a:pt x="64" y="24"/>
                </a:moveTo>
                <a:cubicBezTo>
                  <a:pt x="60" y="24"/>
                  <a:pt x="56" y="20"/>
                  <a:pt x="56" y="16"/>
                </a:cubicBezTo>
                <a:cubicBezTo>
                  <a:pt x="56" y="12"/>
                  <a:pt x="60" y="8"/>
                  <a:pt x="64" y="8"/>
                </a:cubicBezTo>
                <a:cubicBezTo>
                  <a:pt x="96" y="8"/>
                  <a:pt x="96" y="8"/>
                  <a:pt x="96" y="8"/>
                </a:cubicBezTo>
                <a:cubicBezTo>
                  <a:pt x="100" y="8"/>
                  <a:pt x="104" y="12"/>
                  <a:pt x="104" y="16"/>
                </a:cubicBezTo>
                <a:cubicBezTo>
                  <a:pt x="104" y="20"/>
                  <a:pt x="100" y="24"/>
                  <a:pt x="96" y="24"/>
                </a:cubicBezTo>
                <a:lnTo>
                  <a:pt x="64" y="24"/>
                </a:lnTo>
                <a:close/>
                <a:moveTo>
                  <a:pt x="84" y="32"/>
                </a:moveTo>
                <a:cubicBezTo>
                  <a:pt x="84" y="48"/>
                  <a:pt x="84" y="48"/>
                  <a:pt x="84" y="48"/>
                </a:cubicBezTo>
                <a:cubicBezTo>
                  <a:pt x="83" y="48"/>
                  <a:pt x="81" y="48"/>
                  <a:pt x="80" y="48"/>
                </a:cubicBezTo>
                <a:cubicBezTo>
                  <a:pt x="79" y="48"/>
                  <a:pt x="77" y="48"/>
                  <a:pt x="76" y="48"/>
                </a:cubicBezTo>
                <a:cubicBezTo>
                  <a:pt x="76" y="32"/>
                  <a:pt x="76" y="32"/>
                  <a:pt x="76" y="32"/>
                </a:cubicBezTo>
                <a:lnTo>
                  <a:pt x="84" y="32"/>
                </a:lnTo>
                <a:close/>
                <a:moveTo>
                  <a:pt x="12" y="66"/>
                </a:moveTo>
                <a:cubicBezTo>
                  <a:pt x="12" y="65"/>
                  <a:pt x="11" y="64"/>
                  <a:pt x="11" y="63"/>
                </a:cubicBezTo>
                <a:cubicBezTo>
                  <a:pt x="11" y="62"/>
                  <a:pt x="12" y="61"/>
                  <a:pt x="12" y="60"/>
                </a:cubicBezTo>
                <a:cubicBezTo>
                  <a:pt x="13" y="60"/>
                  <a:pt x="14" y="59"/>
                  <a:pt x="15" y="59"/>
                </a:cubicBezTo>
                <a:cubicBezTo>
                  <a:pt x="16" y="59"/>
                  <a:pt x="17" y="60"/>
                  <a:pt x="18" y="60"/>
                </a:cubicBezTo>
                <a:cubicBezTo>
                  <a:pt x="26" y="69"/>
                  <a:pt x="26" y="69"/>
                  <a:pt x="26" y="69"/>
                </a:cubicBezTo>
                <a:cubicBezTo>
                  <a:pt x="24" y="71"/>
                  <a:pt x="23" y="72"/>
                  <a:pt x="21" y="74"/>
                </a:cubicBezTo>
                <a:lnTo>
                  <a:pt x="12" y="66"/>
                </a:lnTo>
                <a:close/>
                <a:moveTo>
                  <a:pt x="80" y="200"/>
                </a:moveTo>
                <a:cubicBezTo>
                  <a:pt x="40" y="200"/>
                  <a:pt x="8" y="168"/>
                  <a:pt x="8" y="128"/>
                </a:cubicBezTo>
                <a:cubicBezTo>
                  <a:pt x="8" y="88"/>
                  <a:pt x="40" y="56"/>
                  <a:pt x="80" y="56"/>
                </a:cubicBezTo>
                <a:cubicBezTo>
                  <a:pt x="120" y="56"/>
                  <a:pt x="152" y="88"/>
                  <a:pt x="152" y="128"/>
                </a:cubicBezTo>
                <a:cubicBezTo>
                  <a:pt x="152" y="168"/>
                  <a:pt x="120" y="200"/>
                  <a:pt x="80" y="200"/>
                </a:cubicBezTo>
                <a:close/>
                <a:moveTo>
                  <a:pt x="123" y="85"/>
                </a:moveTo>
                <a:cubicBezTo>
                  <a:pt x="123" y="85"/>
                  <a:pt x="123" y="85"/>
                  <a:pt x="123" y="85"/>
                </a:cubicBezTo>
                <a:cubicBezTo>
                  <a:pt x="123" y="85"/>
                  <a:pt x="123" y="85"/>
                  <a:pt x="123" y="85"/>
                </a:cubicBezTo>
                <a:cubicBezTo>
                  <a:pt x="123" y="85"/>
                  <a:pt x="123" y="85"/>
                  <a:pt x="123" y="85"/>
                </a:cubicBezTo>
                <a:cubicBezTo>
                  <a:pt x="123" y="85"/>
                  <a:pt x="123" y="85"/>
                  <a:pt x="122" y="85"/>
                </a:cubicBezTo>
                <a:cubicBezTo>
                  <a:pt x="122" y="85"/>
                  <a:pt x="122" y="84"/>
                  <a:pt x="121" y="84"/>
                </a:cubicBezTo>
                <a:cubicBezTo>
                  <a:pt x="121" y="84"/>
                  <a:pt x="121" y="84"/>
                  <a:pt x="120" y="84"/>
                </a:cubicBezTo>
                <a:cubicBezTo>
                  <a:pt x="120" y="84"/>
                  <a:pt x="120" y="84"/>
                  <a:pt x="120" y="84"/>
                </a:cubicBezTo>
                <a:cubicBezTo>
                  <a:pt x="120" y="84"/>
                  <a:pt x="119" y="84"/>
                  <a:pt x="119" y="84"/>
                </a:cubicBezTo>
                <a:cubicBezTo>
                  <a:pt x="119" y="84"/>
                  <a:pt x="119" y="84"/>
                  <a:pt x="118" y="84"/>
                </a:cubicBezTo>
                <a:cubicBezTo>
                  <a:pt x="118" y="84"/>
                  <a:pt x="118" y="84"/>
                  <a:pt x="118" y="85"/>
                </a:cubicBezTo>
                <a:cubicBezTo>
                  <a:pt x="118" y="85"/>
                  <a:pt x="117" y="85"/>
                  <a:pt x="117" y="85"/>
                </a:cubicBezTo>
                <a:cubicBezTo>
                  <a:pt x="88" y="114"/>
                  <a:pt x="88" y="114"/>
                  <a:pt x="88" y="114"/>
                </a:cubicBezTo>
                <a:cubicBezTo>
                  <a:pt x="86" y="113"/>
                  <a:pt x="83" y="112"/>
                  <a:pt x="80" y="112"/>
                </a:cubicBezTo>
                <a:cubicBezTo>
                  <a:pt x="71" y="112"/>
                  <a:pt x="64" y="119"/>
                  <a:pt x="64" y="128"/>
                </a:cubicBezTo>
                <a:cubicBezTo>
                  <a:pt x="64" y="137"/>
                  <a:pt x="71" y="144"/>
                  <a:pt x="80" y="144"/>
                </a:cubicBezTo>
                <a:cubicBezTo>
                  <a:pt x="89" y="144"/>
                  <a:pt x="96" y="137"/>
                  <a:pt x="96" y="128"/>
                </a:cubicBezTo>
                <a:cubicBezTo>
                  <a:pt x="96" y="125"/>
                  <a:pt x="95" y="122"/>
                  <a:pt x="94" y="120"/>
                </a:cubicBezTo>
                <a:cubicBezTo>
                  <a:pt x="120" y="94"/>
                  <a:pt x="120" y="94"/>
                  <a:pt x="120" y="94"/>
                </a:cubicBezTo>
                <a:cubicBezTo>
                  <a:pt x="128" y="103"/>
                  <a:pt x="132" y="115"/>
                  <a:pt x="132" y="128"/>
                </a:cubicBezTo>
                <a:cubicBezTo>
                  <a:pt x="132" y="157"/>
                  <a:pt x="109" y="180"/>
                  <a:pt x="80" y="180"/>
                </a:cubicBezTo>
                <a:cubicBezTo>
                  <a:pt x="51" y="180"/>
                  <a:pt x="28" y="157"/>
                  <a:pt x="28" y="128"/>
                </a:cubicBezTo>
                <a:cubicBezTo>
                  <a:pt x="28" y="99"/>
                  <a:pt x="51" y="76"/>
                  <a:pt x="80" y="76"/>
                </a:cubicBezTo>
                <a:cubicBezTo>
                  <a:pt x="82" y="76"/>
                  <a:pt x="84" y="74"/>
                  <a:pt x="84" y="72"/>
                </a:cubicBezTo>
                <a:cubicBezTo>
                  <a:pt x="84" y="70"/>
                  <a:pt x="82" y="68"/>
                  <a:pt x="80" y="68"/>
                </a:cubicBezTo>
                <a:cubicBezTo>
                  <a:pt x="47" y="68"/>
                  <a:pt x="20" y="95"/>
                  <a:pt x="20" y="128"/>
                </a:cubicBezTo>
                <a:cubicBezTo>
                  <a:pt x="20" y="161"/>
                  <a:pt x="47" y="188"/>
                  <a:pt x="80" y="188"/>
                </a:cubicBezTo>
                <a:cubicBezTo>
                  <a:pt x="113" y="188"/>
                  <a:pt x="140" y="161"/>
                  <a:pt x="140" y="128"/>
                </a:cubicBezTo>
                <a:cubicBezTo>
                  <a:pt x="140" y="111"/>
                  <a:pt x="134" y="96"/>
                  <a:pt x="123" y="85"/>
                </a:cubicBezTo>
                <a:close/>
                <a:moveTo>
                  <a:pt x="80" y="136"/>
                </a:moveTo>
                <a:cubicBezTo>
                  <a:pt x="76" y="136"/>
                  <a:pt x="72" y="132"/>
                  <a:pt x="72" y="128"/>
                </a:cubicBezTo>
                <a:cubicBezTo>
                  <a:pt x="72" y="124"/>
                  <a:pt x="76" y="120"/>
                  <a:pt x="80" y="120"/>
                </a:cubicBezTo>
                <a:cubicBezTo>
                  <a:pt x="84" y="120"/>
                  <a:pt x="88" y="124"/>
                  <a:pt x="88" y="128"/>
                </a:cubicBezTo>
                <a:cubicBezTo>
                  <a:pt x="88" y="132"/>
                  <a:pt x="84" y="136"/>
                  <a:pt x="80" y="136"/>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nvGrpSpPr>
          <p:cNvPr id="26" name="Group 25">
            <a:extLst>
              <a:ext uri="{FF2B5EF4-FFF2-40B4-BE49-F238E27FC236}">
                <a16:creationId xmlns:a16="http://schemas.microsoft.com/office/drawing/2014/main" id="{312BAD99-EC2B-4AFE-1F04-045FB16DCE46}"/>
              </a:ext>
              <a:ext uri="{C183D7F6-B498-43B3-948B-1728B52AA6E4}">
                <adec:decorative xmlns:adec="http://schemas.microsoft.com/office/drawing/2017/decorative" val="1"/>
              </a:ext>
            </a:extLst>
          </p:cNvPr>
          <p:cNvGrpSpPr/>
          <p:nvPr/>
        </p:nvGrpSpPr>
        <p:grpSpPr>
          <a:xfrm>
            <a:off x="9678532" y="2977861"/>
            <a:ext cx="399683" cy="314462"/>
            <a:chOff x="8675169" y="2949879"/>
            <a:chExt cx="573371" cy="451117"/>
          </a:xfrm>
        </p:grpSpPr>
        <p:sp>
          <p:nvSpPr>
            <p:cNvPr id="27" name="Freeform 216">
              <a:extLst>
                <a:ext uri="{FF2B5EF4-FFF2-40B4-BE49-F238E27FC236}">
                  <a16:creationId xmlns:a16="http://schemas.microsoft.com/office/drawing/2014/main" id="{B8872ECB-C1AE-97F8-FE15-221FA1E4B091}"/>
                </a:ext>
              </a:extLst>
            </p:cNvPr>
            <p:cNvSpPr>
              <a:spLocks noEditPoints="1"/>
            </p:cNvSpPr>
            <p:nvPr/>
          </p:nvSpPr>
          <p:spPr bwMode="auto">
            <a:xfrm>
              <a:off x="9187413" y="2990222"/>
              <a:ext cx="19561" cy="20783"/>
            </a:xfrm>
            <a:custGeom>
              <a:avLst/>
              <a:gdLst>
                <a:gd name="T0" fmla="*/ 4 w 8"/>
                <a:gd name="T1" fmla="*/ 8 h 8"/>
                <a:gd name="T2" fmla="*/ 8 w 8"/>
                <a:gd name="T3" fmla="*/ 4 h 8"/>
                <a:gd name="T4" fmla="*/ 4 w 8"/>
                <a:gd name="T5" fmla="*/ 0 h 8"/>
                <a:gd name="T6" fmla="*/ 0 w 8"/>
                <a:gd name="T7" fmla="*/ 4 h 8"/>
                <a:gd name="T8" fmla="*/ 4 w 8"/>
                <a:gd name="T9" fmla="*/ 8 h 8"/>
                <a:gd name="T10" fmla="*/ 4 w 8"/>
                <a:gd name="T11" fmla="*/ 4 h 8"/>
                <a:gd name="T12" fmla="*/ 6 w 8"/>
                <a:gd name="T13" fmla="*/ 4 h 8"/>
                <a:gd name="T14" fmla="*/ 4 w 8"/>
                <a:gd name="T15" fmla="*/ 4 h 8"/>
                <a:gd name="T16" fmla="*/ 4 w 8"/>
                <a:gd name="T17" fmla="*/ 4 h 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8" h="8">
                  <a:moveTo>
                    <a:pt x="4" y="8"/>
                  </a:moveTo>
                  <a:cubicBezTo>
                    <a:pt x="6" y="8"/>
                    <a:pt x="8" y="6"/>
                    <a:pt x="8" y="4"/>
                  </a:cubicBezTo>
                  <a:cubicBezTo>
                    <a:pt x="8" y="2"/>
                    <a:pt x="6" y="0"/>
                    <a:pt x="4" y="0"/>
                  </a:cubicBezTo>
                  <a:cubicBezTo>
                    <a:pt x="2" y="0"/>
                    <a:pt x="0" y="2"/>
                    <a:pt x="0" y="4"/>
                  </a:cubicBezTo>
                  <a:cubicBezTo>
                    <a:pt x="0" y="6"/>
                    <a:pt x="2" y="8"/>
                    <a:pt x="4" y="8"/>
                  </a:cubicBezTo>
                  <a:close/>
                  <a:moveTo>
                    <a:pt x="4" y="4"/>
                  </a:moveTo>
                  <a:cubicBezTo>
                    <a:pt x="6" y="4"/>
                    <a:pt x="6" y="4"/>
                    <a:pt x="6" y="4"/>
                  </a:cubicBezTo>
                  <a:cubicBezTo>
                    <a:pt x="4" y="4"/>
                    <a:pt x="4" y="4"/>
                    <a:pt x="4" y="4"/>
                  </a:cubicBezTo>
                  <a:cubicBezTo>
                    <a:pt x="4" y="4"/>
                    <a:pt x="4" y="4"/>
                    <a:pt x="4" y="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28" name="Freeform 217">
              <a:extLst>
                <a:ext uri="{FF2B5EF4-FFF2-40B4-BE49-F238E27FC236}">
                  <a16:creationId xmlns:a16="http://schemas.microsoft.com/office/drawing/2014/main" id="{2A7F7E38-06DF-B56E-533A-0232D71E89FD}"/>
                </a:ext>
              </a:extLst>
            </p:cNvPr>
            <p:cNvSpPr>
              <a:spLocks noEditPoints="1"/>
            </p:cNvSpPr>
            <p:nvPr/>
          </p:nvSpPr>
          <p:spPr bwMode="auto">
            <a:xfrm>
              <a:off x="9145847" y="2990222"/>
              <a:ext cx="20783" cy="20783"/>
            </a:xfrm>
            <a:custGeom>
              <a:avLst/>
              <a:gdLst>
                <a:gd name="T0" fmla="*/ 4 w 8"/>
                <a:gd name="T1" fmla="*/ 8 h 8"/>
                <a:gd name="T2" fmla="*/ 8 w 8"/>
                <a:gd name="T3" fmla="*/ 4 h 8"/>
                <a:gd name="T4" fmla="*/ 4 w 8"/>
                <a:gd name="T5" fmla="*/ 0 h 8"/>
                <a:gd name="T6" fmla="*/ 0 w 8"/>
                <a:gd name="T7" fmla="*/ 4 h 8"/>
                <a:gd name="T8" fmla="*/ 4 w 8"/>
                <a:gd name="T9" fmla="*/ 8 h 8"/>
                <a:gd name="T10" fmla="*/ 4 w 8"/>
                <a:gd name="T11" fmla="*/ 4 h 8"/>
                <a:gd name="T12" fmla="*/ 6 w 8"/>
                <a:gd name="T13" fmla="*/ 4 h 8"/>
                <a:gd name="T14" fmla="*/ 4 w 8"/>
                <a:gd name="T15" fmla="*/ 4 h 8"/>
                <a:gd name="T16" fmla="*/ 4 w 8"/>
                <a:gd name="T17" fmla="*/ 4 h 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8" h="8">
                  <a:moveTo>
                    <a:pt x="4" y="8"/>
                  </a:moveTo>
                  <a:cubicBezTo>
                    <a:pt x="6" y="8"/>
                    <a:pt x="8" y="6"/>
                    <a:pt x="8" y="4"/>
                  </a:cubicBezTo>
                  <a:cubicBezTo>
                    <a:pt x="8" y="2"/>
                    <a:pt x="6" y="0"/>
                    <a:pt x="4" y="0"/>
                  </a:cubicBezTo>
                  <a:cubicBezTo>
                    <a:pt x="2" y="0"/>
                    <a:pt x="0" y="2"/>
                    <a:pt x="0" y="4"/>
                  </a:cubicBezTo>
                  <a:cubicBezTo>
                    <a:pt x="0" y="6"/>
                    <a:pt x="2" y="8"/>
                    <a:pt x="4" y="8"/>
                  </a:cubicBezTo>
                  <a:close/>
                  <a:moveTo>
                    <a:pt x="4" y="4"/>
                  </a:moveTo>
                  <a:cubicBezTo>
                    <a:pt x="6" y="4"/>
                    <a:pt x="6" y="4"/>
                    <a:pt x="6" y="4"/>
                  </a:cubicBezTo>
                  <a:cubicBezTo>
                    <a:pt x="4" y="4"/>
                    <a:pt x="4" y="4"/>
                    <a:pt x="4" y="4"/>
                  </a:cubicBezTo>
                  <a:cubicBezTo>
                    <a:pt x="4" y="4"/>
                    <a:pt x="4" y="4"/>
                    <a:pt x="4" y="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29" name="Freeform 218">
              <a:extLst>
                <a:ext uri="{FF2B5EF4-FFF2-40B4-BE49-F238E27FC236}">
                  <a16:creationId xmlns:a16="http://schemas.microsoft.com/office/drawing/2014/main" id="{69E0F9F0-EBB3-70EA-AFB4-B5433A43BF42}"/>
                </a:ext>
              </a:extLst>
            </p:cNvPr>
            <p:cNvSpPr>
              <a:spLocks noEditPoints="1"/>
            </p:cNvSpPr>
            <p:nvPr/>
          </p:nvSpPr>
          <p:spPr bwMode="auto">
            <a:xfrm>
              <a:off x="9105503" y="2990222"/>
              <a:ext cx="20783" cy="20783"/>
            </a:xfrm>
            <a:custGeom>
              <a:avLst/>
              <a:gdLst>
                <a:gd name="T0" fmla="*/ 4 w 8"/>
                <a:gd name="T1" fmla="*/ 8 h 8"/>
                <a:gd name="T2" fmla="*/ 8 w 8"/>
                <a:gd name="T3" fmla="*/ 4 h 8"/>
                <a:gd name="T4" fmla="*/ 4 w 8"/>
                <a:gd name="T5" fmla="*/ 0 h 8"/>
                <a:gd name="T6" fmla="*/ 0 w 8"/>
                <a:gd name="T7" fmla="*/ 4 h 8"/>
                <a:gd name="T8" fmla="*/ 4 w 8"/>
                <a:gd name="T9" fmla="*/ 8 h 8"/>
                <a:gd name="T10" fmla="*/ 4 w 8"/>
                <a:gd name="T11" fmla="*/ 4 h 8"/>
                <a:gd name="T12" fmla="*/ 6 w 8"/>
                <a:gd name="T13" fmla="*/ 4 h 8"/>
                <a:gd name="T14" fmla="*/ 4 w 8"/>
                <a:gd name="T15" fmla="*/ 4 h 8"/>
                <a:gd name="T16" fmla="*/ 4 w 8"/>
                <a:gd name="T17" fmla="*/ 4 h 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8" h="8">
                  <a:moveTo>
                    <a:pt x="4" y="8"/>
                  </a:moveTo>
                  <a:cubicBezTo>
                    <a:pt x="6" y="8"/>
                    <a:pt x="8" y="6"/>
                    <a:pt x="8" y="4"/>
                  </a:cubicBezTo>
                  <a:cubicBezTo>
                    <a:pt x="8" y="2"/>
                    <a:pt x="6" y="0"/>
                    <a:pt x="4" y="0"/>
                  </a:cubicBezTo>
                  <a:cubicBezTo>
                    <a:pt x="2" y="0"/>
                    <a:pt x="0" y="2"/>
                    <a:pt x="0" y="4"/>
                  </a:cubicBezTo>
                  <a:cubicBezTo>
                    <a:pt x="0" y="6"/>
                    <a:pt x="2" y="8"/>
                    <a:pt x="4" y="8"/>
                  </a:cubicBezTo>
                  <a:close/>
                  <a:moveTo>
                    <a:pt x="4" y="4"/>
                  </a:moveTo>
                  <a:cubicBezTo>
                    <a:pt x="6" y="4"/>
                    <a:pt x="6" y="4"/>
                    <a:pt x="6" y="4"/>
                  </a:cubicBezTo>
                  <a:cubicBezTo>
                    <a:pt x="4" y="4"/>
                    <a:pt x="4" y="4"/>
                    <a:pt x="4" y="4"/>
                  </a:cubicBezTo>
                  <a:cubicBezTo>
                    <a:pt x="4" y="4"/>
                    <a:pt x="4" y="4"/>
                    <a:pt x="4" y="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30" name="Freeform 219">
              <a:extLst>
                <a:ext uri="{FF2B5EF4-FFF2-40B4-BE49-F238E27FC236}">
                  <a16:creationId xmlns:a16="http://schemas.microsoft.com/office/drawing/2014/main" id="{4C52567E-7C88-07A4-A01A-96D91528EFCB}"/>
                </a:ext>
              </a:extLst>
            </p:cNvPr>
            <p:cNvSpPr>
              <a:spLocks noEditPoints="1"/>
            </p:cNvSpPr>
            <p:nvPr/>
          </p:nvSpPr>
          <p:spPr bwMode="auto">
            <a:xfrm>
              <a:off x="8675169" y="2949879"/>
              <a:ext cx="573371" cy="451117"/>
            </a:xfrm>
            <a:custGeom>
              <a:avLst/>
              <a:gdLst>
                <a:gd name="T0" fmla="*/ 208 w 224"/>
                <a:gd name="T1" fmla="*/ 0 h 176"/>
                <a:gd name="T2" fmla="*/ 16 w 224"/>
                <a:gd name="T3" fmla="*/ 0 h 176"/>
                <a:gd name="T4" fmla="*/ 0 w 224"/>
                <a:gd name="T5" fmla="*/ 16 h 176"/>
                <a:gd name="T6" fmla="*/ 0 w 224"/>
                <a:gd name="T7" fmla="*/ 144 h 176"/>
                <a:gd name="T8" fmla="*/ 16 w 224"/>
                <a:gd name="T9" fmla="*/ 160 h 176"/>
                <a:gd name="T10" fmla="*/ 49 w 224"/>
                <a:gd name="T11" fmla="*/ 160 h 176"/>
                <a:gd name="T12" fmla="*/ 50 w 224"/>
                <a:gd name="T13" fmla="*/ 170 h 176"/>
                <a:gd name="T14" fmla="*/ 60 w 224"/>
                <a:gd name="T15" fmla="*/ 176 h 176"/>
                <a:gd name="T16" fmla="*/ 164 w 224"/>
                <a:gd name="T17" fmla="*/ 176 h 176"/>
                <a:gd name="T18" fmla="*/ 174 w 224"/>
                <a:gd name="T19" fmla="*/ 170 h 176"/>
                <a:gd name="T20" fmla="*/ 175 w 224"/>
                <a:gd name="T21" fmla="*/ 160 h 176"/>
                <a:gd name="T22" fmla="*/ 208 w 224"/>
                <a:gd name="T23" fmla="*/ 160 h 176"/>
                <a:gd name="T24" fmla="*/ 224 w 224"/>
                <a:gd name="T25" fmla="*/ 144 h 176"/>
                <a:gd name="T26" fmla="*/ 224 w 224"/>
                <a:gd name="T27" fmla="*/ 16 h 176"/>
                <a:gd name="T28" fmla="*/ 208 w 224"/>
                <a:gd name="T29" fmla="*/ 0 h 176"/>
                <a:gd name="T30" fmla="*/ 16 w 224"/>
                <a:gd name="T31" fmla="*/ 8 h 176"/>
                <a:gd name="T32" fmla="*/ 208 w 224"/>
                <a:gd name="T33" fmla="*/ 8 h 176"/>
                <a:gd name="T34" fmla="*/ 216 w 224"/>
                <a:gd name="T35" fmla="*/ 16 h 176"/>
                <a:gd name="T36" fmla="*/ 216 w 224"/>
                <a:gd name="T37" fmla="*/ 32 h 176"/>
                <a:gd name="T38" fmla="*/ 8 w 224"/>
                <a:gd name="T39" fmla="*/ 32 h 176"/>
                <a:gd name="T40" fmla="*/ 8 w 224"/>
                <a:gd name="T41" fmla="*/ 16 h 176"/>
                <a:gd name="T42" fmla="*/ 16 w 224"/>
                <a:gd name="T43" fmla="*/ 8 h 176"/>
                <a:gd name="T44" fmla="*/ 167 w 224"/>
                <a:gd name="T45" fmla="*/ 166 h 176"/>
                <a:gd name="T46" fmla="*/ 164 w 224"/>
                <a:gd name="T47" fmla="*/ 168 h 176"/>
                <a:gd name="T48" fmla="*/ 60 w 224"/>
                <a:gd name="T49" fmla="*/ 168 h 176"/>
                <a:gd name="T50" fmla="*/ 57 w 224"/>
                <a:gd name="T51" fmla="*/ 166 h 176"/>
                <a:gd name="T52" fmla="*/ 57 w 224"/>
                <a:gd name="T53" fmla="*/ 162 h 176"/>
                <a:gd name="T54" fmla="*/ 109 w 224"/>
                <a:gd name="T55" fmla="*/ 74 h 176"/>
                <a:gd name="T56" fmla="*/ 109 w 224"/>
                <a:gd name="T57" fmla="*/ 74 h 176"/>
                <a:gd name="T58" fmla="*/ 112 w 224"/>
                <a:gd name="T59" fmla="*/ 72 h 176"/>
                <a:gd name="T60" fmla="*/ 115 w 224"/>
                <a:gd name="T61" fmla="*/ 74 h 176"/>
                <a:gd name="T62" fmla="*/ 167 w 224"/>
                <a:gd name="T63" fmla="*/ 162 h 176"/>
                <a:gd name="T64" fmla="*/ 167 w 224"/>
                <a:gd name="T65" fmla="*/ 166 h 176"/>
                <a:gd name="T66" fmla="*/ 208 w 224"/>
                <a:gd name="T67" fmla="*/ 152 h 176"/>
                <a:gd name="T68" fmla="*/ 171 w 224"/>
                <a:gd name="T69" fmla="*/ 152 h 176"/>
                <a:gd name="T70" fmla="*/ 122 w 224"/>
                <a:gd name="T71" fmla="*/ 70 h 176"/>
                <a:gd name="T72" fmla="*/ 112 w 224"/>
                <a:gd name="T73" fmla="*/ 64 h 176"/>
                <a:gd name="T74" fmla="*/ 102 w 224"/>
                <a:gd name="T75" fmla="*/ 70 h 176"/>
                <a:gd name="T76" fmla="*/ 53 w 224"/>
                <a:gd name="T77" fmla="*/ 152 h 176"/>
                <a:gd name="T78" fmla="*/ 16 w 224"/>
                <a:gd name="T79" fmla="*/ 152 h 176"/>
                <a:gd name="T80" fmla="*/ 8 w 224"/>
                <a:gd name="T81" fmla="*/ 144 h 176"/>
                <a:gd name="T82" fmla="*/ 8 w 224"/>
                <a:gd name="T83" fmla="*/ 40 h 176"/>
                <a:gd name="T84" fmla="*/ 216 w 224"/>
                <a:gd name="T85" fmla="*/ 40 h 176"/>
                <a:gd name="T86" fmla="*/ 216 w 224"/>
                <a:gd name="T87" fmla="*/ 144 h 176"/>
                <a:gd name="T88" fmla="*/ 208 w 224"/>
                <a:gd name="T89" fmla="*/ 152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24" h="176">
                  <a:moveTo>
                    <a:pt x="208" y="0"/>
                  </a:moveTo>
                  <a:cubicBezTo>
                    <a:pt x="16" y="0"/>
                    <a:pt x="16" y="0"/>
                    <a:pt x="16" y="0"/>
                  </a:cubicBezTo>
                  <a:cubicBezTo>
                    <a:pt x="7" y="0"/>
                    <a:pt x="0" y="7"/>
                    <a:pt x="0" y="16"/>
                  </a:cubicBezTo>
                  <a:cubicBezTo>
                    <a:pt x="0" y="144"/>
                    <a:pt x="0" y="144"/>
                    <a:pt x="0" y="144"/>
                  </a:cubicBezTo>
                  <a:cubicBezTo>
                    <a:pt x="0" y="153"/>
                    <a:pt x="7" y="160"/>
                    <a:pt x="16" y="160"/>
                  </a:cubicBezTo>
                  <a:cubicBezTo>
                    <a:pt x="49" y="160"/>
                    <a:pt x="49" y="160"/>
                    <a:pt x="49" y="160"/>
                  </a:cubicBezTo>
                  <a:cubicBezTo>
                    <a:pt x="48" y="163"/>
                    <a:pt x="48" y="167"/>
                    <a:pt x="50" y="170"/>
                  </a:cubicBezTo>
                  <a:cubicBezTo>
                    <a:pt x="52" y="174"/>
                    <a:pt x="56" y="176"/>
                    <a:pt x="60" y="176"/>
                  </a:cubicBezTo>
                  <a:cubicBezTo>
                    <a:pt x="164" y="176"/>
                    <a:pt x="164" y="176"/>
                    <a:pt x="164" y="176"/>
                  </a:cubicBezTo>
                  <a:cubicBezTo>
                    <a:pt x="168" y="176"/>
                    <a:pt x="172" y="174"/>
                    <a:pt x="174" y="170"/>
                  </a:cubicBezTo>
                  <a:cubicBezTo>
                    <a:pt x="176" y="167"/>
                    <a:pt x="176" y="163"/>
                    <a:pt x="175" y="160"/>
                  </a:cubicBezTo>
                  <a:cubicBezTo>
                    <a:pt x="208" y="160"/>
                    <a:pt x="208" y="160"/>
                    <a:pt x="208" y="160"/>
                  </a:cubicBezTo>
                  <a:cubicBezTo>
                    <a:pt x="217" y="160"/>
                    <a:pt x="224" y="153"/>
                    <a:pt x="224" y="144"/>
                  </a:cubicBezTo>
                  <a:cubicBezTo>
                    <a:pt x="224" y="16"/>
                    <a:pt x="224" y="16"/>
                    <a:pt x="224" y="16"/>
                  </a:cubicBezTo>
                  <a:cubicBezTo>
                    <a:pt x="224" y="7"/>
                    <a:pt x="217" y="0"/>
                    <a:pt x="208" y="0"/>
                  </a:cubicBezTo>
                  <a:close/>
                  <a:moveTo>
                    <a:pt x="16" y="8"/>
                  </a:moveTo>
                  <a:cubicBezTo>
                    <a:pt x="208" y="8"/>
                    <a:pt x="208" y="8"/>
                    <a:pt x="208" y="8"/>
                  </a:cubicBezTo>
                  <a:cubicBezTo>
                    <a:pt x="212" y="8"/>
                    <a:pt x="216" y="12"/>
                    <a:pt x="216" y="16"/>
                  </a:cubicBezTo>
                  <a:cubicBezTo>
                    <a:pt x="216" y="32"/>
                    <a:pt x="216" y="32"/>
                    <a:pt x="216" y="32"/>
                  </a:cubicBezTo>
                  <a:cubicBezTo>
                    <a:pt x="8" y="32"/>
                    <a:pt x="8" y="32"/>
                    <a:pt x="8" y="32"/>
                  </a:cubicBezTo>
                  <a:cubicBezTo>
                    <a:pt x="8" y="16"/>
                    <a:pt x="8" y="16"/>
                    <a:pt x="8" y="16"/>
                  </a:cubicBezTo>
                  <a:cubicBezTo>
                    <a:pt x="8" y="12"/>
                    <a:pt x="12" y="8"/>
                    <a:pt x="16" y="8"/>
                  </a:cubicBezTo>
                  <a:close/>
                  <a:moveTo>
                    <a:pt x="167" y="166"/>
                  </a:moveTo>
                  <a:cubicBezTo>
                    <a:pt x="167" y="167"/>
                    <a:pt x="166" y="168"/>
                    <a:pt x="164" y="168"/>
                  </a:cubicBezTo>
                  <a:cubicBezTo>
                    <a:pt x="60" y="168"/>
                    <a:pt x="60" y="168"/>
                    <a:pt x="60" y="168"/>
                  </a:cubicBezTo>
                  <a:cubicBezTo>
                    <a:pt x="58" y="168"/>
                    <a:pt x="57" y="167"/>
                    <a:pt x="57" y="166"/>
                  </a:cubicBezTo>
                  <a:cubicBezTo>
                    <a:pt x="56" y="165"/>
                    <a:pt x="56" y="164"/>
                    <a:pt x="57" y="162"/>
                  </a:cubicBezTo>
                  <a:cubicBezTo>
                    <a:pt x="109" y="74"/>
                    <a:pt x="109" y="74"/>
                    <a:pt x="109" y="74"/>
                  </a:cubicBezTo>
                  <a:cubicBezTo>
                    <a:pt x="109" y="74"/>
                    <a:pt x="109" y="74"/>
                    <a:pt x="109" y="74"/>
                  </a:cubicBezTo>
                  <a:cubicBezTo>
                    <a:pt x="110" y="72"/>
                    <a:pt x="111" y="72"/>
                    <a:pt x="112" y="72"/>
                  </a:cubicBezTo>
                  <a:cubicBezTo>
                    <a:pt x="113" y="72"/>
                    <a:pt x="114" y="72"/>
                    <a:pt x="115" y="74"/>
                  </a:cubicBezTo>
                  <a:cubicBezTo>
                    <a:pt x="167" y="162"/>
                    <a:pt x="167" y="162"/>
                    <a:pt x="167" y="162"/>
                  </a:cubicBezTo>
                  <a:cubicBezTo>
                    <a:pt x="168" y="164"/>
                    <a:pt x="168" y="165"/>
                    <a:pt x="167" y="166"/>
                  </a:cubicBezTo>
                  <a:close/>
                  <a:moveTo>
                    <a:pt x="208" y="152"/>
                  </a:moveTo>
                  <a:cubicBezTo>
                    <a:pt x="171" y="152"/>
                    <a:pt x="171" y="152"/>
                    <a:pt x="171" y="152"/>
                  </a:cubicBezTo>
                  <a:cubicBezTo>
                    <a:pt x="122" y="70"/>
                    <a:pt x="122" y="70"/>
                    <a:pt x="122" y="70"/>
                  </a:cubicBezTo>
                  <a:cubicBezTo>
                    <a:pt x="120" y="66"/>
                    <a:pt x="116" y="64"/>
                    <a:pt x="112" y="64"/>
                  </a:cubicBezTo>
                  <a:cubicBezTo>
                    <a:pt x="108" y="64"/>
                    <a:pt x="104" y="66"/>
                    <a:pt x="102" y="70"/>
                  </a:cubicBezTo>
                  <a:cubicBezTo>
                    <a:pt x="53" y="152"/>
                    <a:pt x="53" y="152"/>
                    <a:pt x="53" y="152"/>
                  </a:cubicBezTo>
                  <a:cubicBezTo>
                    <a:pt x="16" y="152"/>
                    <a:pt x="16" y="152"/>
                    <a:pt x="16" y="152"/>
                  </a:cubicBezTo>
                  <a:cubicBezTo>
                    <a:pt x="12" y="152"/>
                    <a:pt x="8" y="148"/>
                    <a:pt x="8" y="144"/>
                  </a:cubicBezTo>
                  <a:cubicBezTo>
                    <a:pt x="8" y="40"/>
                    <a:pt x="8" y="40"/>
                    <a:pt x="8" y="40"/>
                  </a:cubicBezTo>
                  <a:cubicBezTo>
                    <a:pt x="216" y="40"/>
                    <a:pt x="216" y="40"/>
                    <a:pt x="216" y="40"/>
                  </a:cubicBezTo>
                  <a:cubicBezTo>
                    <a:pt x="216" y="144"/>
                    <a:pt x="216" y="144"/>
                    <a:pt x="216" y="144"/>
                  </a:cubicBezTo>
                  <a:cubicBezTo>
                    <a:pt x="216" y="148"/>
                    <a:pt x="212" y="152"/>
                    <a:pt x="208" y="152"/>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31" name="Freeform 220">
              <a:extLst>
                <a:ext uri="{FF2B5EF4-FFF2-40B4-BE49-F238E27FC236}">
                  <a16:creationId xmlns:a16="http://schemas.microsoft.com/office/drawing/2014/main" id="{7C0047AB-081F-AD17-3B91-A0AA4AF5E9F5}"/>
                </a:ext>
              </a:extLst>
            </p:cNvPr>
            <p:cNvSpPr>
              <a:spLocks/>
            </p:cNvSpPr>
            <p:nvPr/>
          </p:nvSpPr>
          <p:spPr bwMode="auto">
            <a:xfrm>
              <a:off x="8941683" y="3317863"/>
              <a:ext cx="40344" cy="41566"/>
            </a:xfrm>
            <a:custGeom>
              <a:avLst/>
              <a:gdLst>
                <a:gd name="T0" fmla="*/ 12 w 16"/>
                <a:gd name="T1" fmla="*/ 0 h 16"/>
                <a:gd name="T2" fmla="*/ 4 w 16"/>
                <a:gd name="T3" fmla="*/ 0 h 16"/>
                <a:gd name="T4" fmla="*/ 0 w 16"/>
                <a:gd name="T5" fmla="*/ 4 h 16"/>
                <a:gd name="T6" fmla="*/ 0 w 16"/>
                <a:gd name="T7" fmla="*/ 12 h 16"/>
                <a:gd name="T8" fmla="*/ 4 w 16"/>
                <a:gd name="T9" fmla="*/ 16 h 16"/>
                <a:gd name="T10" fmla="*/ 12 w 16"/>
                <a:gd name="T11" fmla="*/ 16 h 16"/>
                <a:gd name="T12" fmla="*/ 16 w 16"/>
                <a:gd name="T13" fmla="*/ 12 h 16"/>
                <a:gd name="T14" fmla="*/ 16 w 16"/>
                <a:gd name="T15" fmla="*/ 4 h 16"/>
                <a:gd name="T16" fmla="*/ 12 w 16"/>
                <a:gd name="T17" fmla="*/ 0 h 1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16">
                  <a:moveTo>
                    <a:pt x="12" y="0"/>
                  </a:moveTo>
                  <a:cubicBezTo>
                    <a:pt x="4" y="0"/>
                    <a:pt x="4" y="0"/>
                    <a:pt x="4" y="0"/>
                  </a:cubicBezTo>
                  <a:cubicBezTo>
                    <a:pt x="2" y="0"/>
                    <a:pt x="0" y="2"/>
                    <a:pt x="0" y="4"/>
                  </a:cubicBezTo>
                  <a:cubicBezTo>
                    <a:pt x="0" y="12"/>
                    <a:pt x="0" y="12"/>
                    <a:pt x="0" y="12"/>
                  </a:cubicBezTo>
                  <a:cubicBezTo>
                    <a:pt x="0" y="14"/>
                    <a:pt x="2" y="16"/>
                    <a:pt x="4" y="16"/>
                  </a:cubicBezTo>
                  <a:cubicBezTo>
                    <a:pt x="12" y="16"/>
                    <a:pt x="12" y="16"/>
                    <a:pt x="12" y="16"/>
                  </a:cubicBezTo>
                  <a:cubicBezTo>
                    <a:pt x="14" y="16"/>
                    <a:pt x="16" y="14"/>
                    <a:pt x="16" y="12"/>
                  </a:cubicBezTo>
                  <a:cubicBezTo>
                    <a:pt x="16" y="4"/>
                    <a:pt x="16" y="4"/>
                    <a:pt x="16" y="4"/>
                  </a:cubicBezTo>
                  <a:cubicBezTo>
                    <a:pt x="16" y="2"/>
                    <a:pt x="14" y="0"/>
                    <a:pt x="12" y="0"/>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32" name="Freeform 221">
              <a:extLst>
                <a:ext uri="{FF2B5EF4-FFF2-40B4-BE49-F238E27FC236}">
                  <a16:creationId xmlns:a16="http://schemas.microsoft.com/office/drawing/2014/main" id="{629E73FC-90B4-3BB1-D636-8E3B3887B28E}"/>
                </a:ext>
              </a:extLst>
            </p:cNvPr>
            <p:cNvSpPr>
              <a:spLocks/>
            </p:cNvSpPr>
            <p:nvPr/>
          </p:nvSpPr>
          <p:spPr bwMode="auto">
            <a:xfrm>
              <a:off x="8941683" y="3195609"/>
              <a:ext cx="40344" cy="102693"/>
            </a:xfrm>
            <a:custGeom>
              <a:avLst/>
              <a:gdLst>
                <a:gd name="T0" fmla="*/ 12 w 16"/>
                <a:gd name="T1" fmla="*/ 0 h 40"/>
                <a:gd name="T2" fmla="*/ 4 w 16"/>
                <a:gd name="T3" fmla="*/ 0 h 40"/>
                <a:gd name="T4" fmla="*/ 0 w 16"/>
                <a:gd name="T5" fmla="*/ 4 h 40"/>
                <a:gd name="T6" fmla="*/ 0 w 16"/>
                <a:gd name="T7" fmla="*/ 36 h 40"/>
                <a:gd name="T8" fmla="*/ 4 w 16"/>
                <a:gd name="T9" fmla="*/ 40 h 40"/>
                <a:gd name="T10" fmla="*/ 12 w 16"/>
                <a:gd name="T11" fmla="*/ 40 h 40"/>
                <a:gd name="T12" fmla="*/ 16 w 16"/>
                <a:gd name="T13" fmla="*/ 36 h 40"/>
                <a:gd name="T14" fmla="*/ 16 w 16"/>
                <a:gd name="T15" fmla="*/ 4 h 40"/>
                <a:gd name="T16" fmla="*/ 12 w 16"/>
                <a:gd name="T17"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40">
                  <a:moveTo>
                    <a:pt x="12" y="0"/>
                  </a:moveTo>
                  <a:cubicBezTo>
                    <a:pt x="4" y="0"/>
                    <a:pt x="4" y="0"/>
                    <a:pt x="4" y="0"/>
                  </a:cubicBezTo>
                  <a:cubicBezTo>
                    <a:pt x="2" y="0"/>
                    <a:pt x="0" y="2"/>
                    <a:pt x="0" y="4"/>
                  </a:cubicBezTo>
                  <a:cubicBezTo>
                    <a:pt x="0" y="36"/>
                    <a:pt x="0" y="36"/>
                    <a:pt x="0" y="36"/>
                  </a:cubicBezTo>
                  <a:cubicBezTo>
                    <a:pt x="0" y="38"/>
                    <a:pt x="2" y="40"/>
                    <a:pt x="4" y="40"/>
                  </a:cubicBezTo>
                  <a:cubicBezTo>
                    <a:pt x="12" y="40"/>
                    <a:pt x="12" y="40"/>
                    <a:pt x="12" y="40"/>
                  </a:cubicBezTo>
                  <a:cubicBezTo>
                    <a:pt x="14" y="40"/>
                    <a:pt x="16" y="38"/>
                    <a:pt x="16" y="36"/>
                  </a:cubicBezTo>
                  <a:cubicBezTo>
                    <a:pt x="16" y="4"/>
                    <a:pt x="16" y="4"/>
                    <a:pt x="16" y="4"/>
                  </a:cubicBezTo>
                  <a:cubicBezTo>
                    <a:pt x="16" y="2"/>
                    <a:pt x="14" y="0"/>
                    <a:pt x="12" y="0"/>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21" name="TextBox 20">
            <a:extLst>
              <a:ext uri="{FF2B5EF4-FFF2-40B4-BE49-F238E27FC236}">
                <a16:creationId xmlns:a16="http://schemas.microsoft.com/office/drawing/2014/main" id="{3A55CFAB-E9E5-7D65-B53C-59AF88C77CD3}"/>
              </a:ext>
            </a:extLst>
          </p:cNvPr>
          <p:cNvSpPr txBox="1"/>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Nøgletal</a:t>
            </a:r>
          </a:p>
        </p:txBody>
      </p:sp>
      <p:sp>
        <p:nvSpPr>
          <p:cNvPr id="22" name="TextBox 21">
            <a:extLst>
              <a:ext uri="{FF2B5EF4-FFF2-40B4-BE49-F238E27FC236}">
                <a16:creationId xmlns:a16="http://schemas.microsoft.com/office/drawing/2014/main" id="{D1C511C4-5D91-CFC5-43E2-C06D5F8839A1}"/>
              </a:ext>
            </a:extLst>
          </p:cNvPr>
          <p:cNvSpPr txBox="1"/>
          <p:nvPr/>
        </p:nvSpPr>
        <p:spPr>
          <a:xfrm>
            <a:off x="10330124" y="2033118"/>
            <a:ext cx="1519861" cy="923330"/>
          </a:xfrm>
          <a:prstGeom prst="rect">
            <a:avLst/>
          </a:prstGeom>
          <a:noFill/>
        </p:spPr>
        <p:txBody>
          <a:bodyPr wrap="square">
            <a:spAutoFit/>
          </a:bodyPr>
          <a:lstStyle/>
          <a:p>
            <a:r>
              <a:rPr lang="da-DK" sz="1400" noProof="0" dirty="0">
                <a:solidFill>
                  <a:srgbClr val="EE2F66"/>
                </a:solidFill>
              </a:rPr>
              <a:t>+1.000</a:t>
            </a:r>
            <a:endParaRPr lang="da-DK" sz="1400" noProof="0" dirty="0">
              <a:solidFill>
                <a:srgbClr val="EE2F66"/>
              </a:solidFill>
              <a:highlight>
                <a:srgbClr val="FFFF00"/>
              </a:highlight>
            </a:endParaRPr>
          </a:p>
          <a:p>
            <a:r>
              <a:rPr lang="da-DK" sz="800" noProof="0" dirty="0"/>
              <a:t>systemer og softwareløsninger i </a:t>
            </a:r>
            <a:r>
              <a:rPr lang="da-DK" sz="800" noProof="0" dirty="0" err="1"/>
              <a:t>Københanvs</a:t>
            </a:r>
            <a:r>
              <a:rPr lang="da-DK" sz="800" noProof="0" dirty="0"/>
              <a:t> Kommunes it-landskab. </a:t>
            </a:r>
          </a:p>
          <a:p>
            <a:endParaRPr lang="da-DK" sz="800" noProof="0" dirty="0"/>
          </a:p>
        </p:txBody>
      </p:sp>
      <p:sp>
        <p:nvSpPr>
          <p:cNvPr id="37" name="TextBox 36">
            <a:extLst>
              <a:ext uri="{FF2B5EF4-FFF2-40B4-BE49-F238E27FC236}">
                <a16:creationId xmlns:a16="http://schemas.microsoft.com/office/drawing/2014/main" id="{26F98D60-1073-11ED-3C2B-1854DDF84FF6}"/>
              </a:ext>
            </a:extLst>
          </p:cNvPr>
          <p:cNvSpPr txBox="1"/>
          <p:nvPr/>
        </p:nvSpPr>
        <p:spPr>
          <a:xfrm>
            <a:off x="10330124" y="2892938"/>
            <a:ext cx="1519861" cy="800219"/>
          </a:xfrm>
          <a:prstGeom prst="rect">
            <a:avLst/>
          </a:prstGeom>
          <a:noFill/>
        </p:spPr>
        <p:txBody>
          <a:bodyPr wrap="square">
            <a:spAutoFit/>
          </a:bodyPr>
          <a:lstStyle/>
          <a:p>
            <a:r>
              <a:rPr lang="da-DK" sz="1400" noProof="0" dirty="0">
                <a:solidFill>
                  <a:srgbClr val="EE2F66"/>
                </a:solidFill>
              </a:rPr>
              <a:t>Ca. 150</a:t>
            </a:r>
            <a:endParaRPr lang="da-DK" sz="1400" noProof="0" dirty="0">
              <a:solidFill>
                <a:srgbClr val="2C8027"/>
              </a:solidFill>
            </a:endParaRPr>
          </a:p>
          <a:p>
            <a:r>
              <a:rPr lang="da-DK" sz="800" noProof="0" dirty="0"/>
              <a:t>kritiske systemer (ud af samlet 1.000 systemer) er analyseret.</a:t>
            </a:r>
          </a:p>
          <a:p>
            <a:endParaRPr lang="da-DK" sz="800" noProof="0" dirty="0"/>
          </a:p>
        </p:txBody>
      </p:sp>
      <p:sp>
        <p:nvSpPr>
          <p:cNvPr id="38" name="TextBox 37">
            <a:extLst>
              <a:ext uri="{FF2B5EF4-FFF2-40B4-BE49-F238E27FC236}">
                <a16:creationId xmlns:a16="http://schemas.microsoft.com/office/drawing/2014/main" id="{381F6403-3AFD-96D7-BAEC-93709ABB7877}"/>
              </a:ext>
            </a:extLst>
          </p:cNvPr>
          <p:cNvSpPr txBox="1"/>
          <p:nvPr/>
        </p:nvSpPr>
        <p:spPr>
          <a:xfrm>
            <a:off x="10330124" y="3670590"/>
            <a:ext cx="1519861" cy="553998"/>
          </a:xfrm>
          <a:prstGeom prst="rect">
            <a:avLst/>
          </a:prstGeom>
          <a:noFill/>
        </p:spPr>
        <p:txBody>
          <a:bodyPr wrap="square">
            <a:spAutoFit/>
          </a:bodyPr>
          <a:lstStyle/>
          <a:p>
            <a:r>
              <a:rPr lang="da-DK" sz="1400" noProof="0" dirty="0">
                <a:solidFill>
                  <a:srgbClr val="EE2F66"/>
                </a:solidFill>
              </a:rPr>
              <a:t>6 måneders</a:t>
            </a:r>
            <a:endParaRPr lang="da-DK" sz="1400" noProof="0" dirty="0">
              <a:solidFill>
                <a:srgbClr val="2C8027"/>
              </a:solidFill>
              <a:highlight>
                <a:srgbClr val="FFFF00"/>
              </a:highlight>
            </a:endParaRPr>
          </a:p>
          <a:p>
            <a:r>
              <a:rPr lang="da-DK" sz="800" noProof="0" dirty="0"/>
              <a:t>analyseperiode.</a:t>
            </a:r>
          </a:p>
          <a:p>
            <a:endParaRPr lang="da-DK" sz="800" noProof="0" dirty="0"/>
          </a:p>
        </p:txBody>
      </p:sp>
      <p:sp>
        <p:nvSpPr>
          <p:cNvPr id="13" name="TextBox 12">
            <a:extLst>
              <a:ext uri="{FF2B5EF4-FFF2-40B4-BE49-F238E27FC236}">
                <a16:creationId xmlns:a16="http://schemas.microsoft.com/office/drawing/2014/main" id="{A03ADCA7-A262-5F90-1635-E85AE9AD6948}"/>
              </a:ext>
            </a:extLst>
          </p:cNvPr>
          <p:cNvSpPr txBox="1"/>
          <p:nvPr/>
        </p:nvSpPr>
        <p:spPr>
          <a:xfrm>
            <a:off x="9392515" y="4407188"/>
            <a:ext cx="2623576" cy="1892826"/>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mn-ea"/>
                <a:cs typeface="Times New Roman" panose="02020603050405020304" pitchFamily="18" charset="0"/>
              </a:rPr>
              <a:t>Vi skal på den ene side anerkende de gevinster,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mn-ea"/>
                <a:cs typeface="Times New Roman" panose="02020603050405020304" pitchFamily="18" charset="0"/>
              </a:rPr>
              <a:t>tech</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mn-ea"/>
                <a:cs typeface="Times New Roman" panose="02020603050405020304" pitchFamily="18" charset="0"/>
              </a:rPr>
              <a:t>-giganternes tjenester, produkter og teknologiske landvindinger er med til at give samfundet. Og vi skal på den anden side være opmærksomme på de potentielle sårbarheder, der er forbundet med at være afhængig af </a:t>
            </a:r>
            <a:r>
              <a:rPr kumimoji="0" lang="da-DK" sz="1100" b="0" i="1" u="none" strike="noStrike" kern="1200" cap="none" spc="0" normalizeH="0" baseline="0" noProof="0" dirty="0" err="1">
                <a:ln>
                  <a:noFill/>
                </a:ln>
                <a:solidFill>
                  <a:srgbClr val="64778A"/>
                </a:solidFill>
                <a:effectLst/>
                <a:uLnTx/>
                <a:uFillTx/>
                <a:latin typeface="Arial" panose="020B0604020202020204" pitchFamily="34" charset="0"/>
                <a:ea typeface="+mn-ea"/>
                <a:cs typeface="Times New Roman" panose="02020603050405020304" pitchFamily="18" charset="0"/>
              </a:rPr>
              <a:t>tech</a:t>
            </a: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mn-ea"/>
                <a:cs typeface="Times New Roman" panose="02020603050405020304" pitchFamily="18" charset="0"/>
              </a:rPr>
              <a:t>-giganterne”</a:t>
            </a:r>
            <a:b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mn-ea"/>
                <a:cs typeface="Times New Roman" panose="02020603050405020304" pitchFamily="18" charset="0"/>
              </a:rPr>
            </a:b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Delafrapportering 3 fra regeringens ekspertgruppe om </a:t>
            </a:r>
            <a:r>
              <a:rPr kumimoji="0" lang="da-DK" sz="900" b="1" i="0" u="none" strike="noStrike" kern="1200" cap="none" spc="0" normalizeH="0" baseline="0" noProof="0" dirty="0" err="1">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tech</a:t>
            </a: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giganter</a:t>
            </a:r>
          </a:p>
        </p:txBody>
      </p:sp>
    </p:spTree>
    <p:extLst>
      <p:ext uri="{BB962C8B-B14F-4D97-AF65-F5344CB8AC3E}">
        <p14:creationId xmlns:p14="http://schemas.microsoft.com/office/powerpoint/2010/main" val="901021998"/>
      </p:ext>
    </p:extLst>
  </p:cSld>
  <p:clrMapOvr>
    <a:masterClrMapping/>
  </p:clrMapOvr>
  <p:transition>
    <p:fade/>
  </p:transition>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52DBB95-4C11-EC8D-52AE-831E714C956F}"/>
            </a:ext>
          </a:extLst>
        </p:cNvPr>
        <p:cNvGrpSpPr/>
        <p:nvPr/>
      </p:nvGrpSpPr>
      <p:grpSpPr>
        <a:xfrm>
          <a:off x="0" y="0"/>
          <a:ext cx="0" cy="0"/>
          <a:chOff x="0" y="0"/>
          <a:chExt cx="0" cy="0"/>
        </a:xfrm>
      </p:grpSpPr>
      <p:sp>
        <p:nvSpPr>
          <p:cNvPr id="108" name="Rectangle: Rounded Corners 107">
            <a:extLst>
              <a:ext uri="{FF2B5EF4-FFF2-40B4-BE49-F238E27FC236}">
                <a16:creationId xmlns:a16="http://schemas.microsoft.com/office/drawing/2014/main" id="{F438F210-DF13-EA4C-00E7-A9F7F3234ECF}"/>
              </a:ext>
            </a:extLst>
          </p:cNvPr>
          <p:cNvSpPr/>
          <p:nvPr/>
        </p:nvSpPr>
        <p:spPr>
          <a:xfrm>
            <a:off x="169304" y="11734"/>
            <a:ext cx="5928283"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4 | Risikostyring i den finansielle sektor</a:t>
            </a:r>
          </a:p>
        </p:txBody>
      </p:sp>
      <p:sp>
        <p:nvSpPr>
          <p:cNvPr id="4" name="Rectangle: Rounded Corners 3">
            <a:extLst>
              <a:ext uri="{FF2B5EF4-FFF2-40B4-BE49-F238E27FC236}">
                <a16:creationId xmlns:a16="http://schemas.microsoft.com/office/drawing/2014/main" id="{6FB864E6-E335-6471-33F6-129E7E8AA3E8}"/>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3" name="Rectangle: Rounded Corners 52">
            <a:extLst>
              <a:ext uri="{FF2B5EF4-FFF2-40B4-BE49-F238E27FC236}">
                <a16:creationId xmlns:a16="http://schemas.microsoft.com/office/drawing/2014/main" id="{ED642350-052F-789C-312C-DC5065D91832}"/>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chemeClr val="lt1">
                  <a:alpha val="50000"/>
                </a:schemeClr>
              </a:solidFill>
            </a:endParaRPr>
          </a:p>
        </p:txBody>
      </p:sp>
      <p:sp>
        <p:nvSpPr>
          <p:cNvPr id="2" name="Title 1">
            <a:extLst>
              <a:ext uri="{FF2B5EF4-FFF2-40B4-BE49-F238E27FC236}">
                <a16:creationId xmlns:a16="http://schemas.microsoft.com/office/drawing/2014/main" id="{0305F85F-5550-BD2A-CE06-0EEF91948CA4}"/>
              </a:ext>
            </a:extLst>
          </p:cNvPr>
          <p:cNvSpPr>
            <a:spLocks noGrp="1"/>
          </p:cNvSpPr>
          <p:nvPr>
            <p:ph type="title"/>
          </p:nvPr>
        </p:nvSpPr>
        <p:spPr/>
        <p:txBody>
          <a:bodyPr/>
          <a:lstStyle/>
          <a:p>
            <a:r>
              <a:rPr lang="da-DK" sz="2200" noProof="0" dirty="0"/>
              <a:t>Side 1/3 | </a:t>
            </a:r>
            <a:r>
              <a:rPr lang="da-DK" sz="2200" b="1" noProof="0" dirty="0"/>
              <a:t>Sammenfatning af casen</a:t>
            </a:r>
          </a:p>
        </p:txBody>
      </p:sp>
      <p:sp>
        <p:nvSpPr>
          <p:cNvPr id="9" name="Rectangle: Rounded Corners 8">
            <a:extLst>
              <a:ext uri="{FF2B5EF4-FFF2-40B4-BE49-F238E27FC236}">
                <a16:creationId xmlns:a16="http://schemas.microsoft.com/office/drawing/2014/main" id="{C1E25A85-BCA2-9991-BCE0-5270036D9E11}"/>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3" name="Content Placeholder 5">
            <a:extLst>
              <a:ext uri="{FF2B5EF4-FFF2-40B4-BE49-F238E27FC236}">
                <a16:creationId xmlns:a16="http://schemas.microsoft.com/office/drawing/2014/main" id="{8E2EF442-9DC6-8614-715C-9B4D0BE2342E}"/>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11" name="Rectangle 10">
            <a:extLst>
              <a:ext uri="{FF2B5EF4-FFF2-40B4-BE49-F238E27FC236}">
                <a16:creationId xmlns:a16="http://schemas.microsoft.com/office/drawing/2014/main" id="{3BC0B73B-64EB-BADD-0BD9-B4A53A56B94B}"/>
              </a:ext>
            </a:extLst>
          </p:cNvPr>
          <p:cNvSpPr/>
          <p:nvPr/>
        </p:nvSpPr>
        <p:spPr>
          <a:xfrm>
            <a:off x="552449" y="2139215"/>
            <a:ext cx="2681934" cy="191922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lvl="0">
              <a:spcAft>
                <a:spcPts val="350"/>
              </a:spcAft>
              <a:defRPr/>
            </a:pPr>
            <a:r>
              <a:rPr lang="da-DK" sz="900" noProof="0" dirty="0">
                <a:solidFill>
                  <a:schemeClr val="tx1"/>
                </a:solidFill>
              </a:rPr>
              <a:t>Den danske finansielle sektor er underlagt skærpede krav til digital robusthed, bl.a. som følge af EU’s DORA-regulering. Indsatsen fokuserer på detaljeret kortlægning og vurdering af </a:t>
            </a:r>
            <a:r>
              <a:rPr lang="da-DK" sz="900" i="1" noProof="0" dirty="0" err="1">
                <a:solidFill>
                  <a:schemeClr val="tx1"/>
                </a:solidFill>
              </a:rPr>
              <a:t>critical</a:t>
            </a:r>
            <a:r>
              <a:rPr lang="da-DK" sz="900" i="1" noProof="0" dirty="0">
                <a:solidFill>
                  <a:schemeClr val="tx1"/>
                </a:solidFill>
              </a:rPr>
              <a:t> or </a:t>
            </a:r>
            <a:r>
              <a:rPr lang="da-DK" sz="900" i="1" noProof="0" dirty="0" err="1">
                <a:solidFill>
                  <a:schemeClr val="tx1"/>
                </a:solidFill>
              </a:rPr>
              <a:t>important</a:t>
            </a:r>
            <a:r>
              <a:rPr lang="da-DK" sz="900" i="1" noProof="0" dirty="0">
                <a:solidFill>
                  <a:schemeClr val="tx1"/>
                </a:solidFill>
              </a:rPr>
              <a:t> </a:t>
            </a:r>
            <a:r>
              <a:rPr lang="da-DK" sz="900" i="1" noProof="0" dirty="0" err="1">
                <a:solidFill>
                  <a:schemeClr val="tx1"/>
                </a:solidFill>
              </a:rPr>
              <a:t>functions</a:t>
            </a:r>
            <a:r>
              <a:rPr lang="da-DK" sz="900" i="1" noProof="0" dirty="0">
                <a:solidFill>
                  <a:schemeClr val="tx1"/>
                </a:solidFill>
              </a:rPr>
              <a:t> (</a:t>
            </a:r>
            <a:r>
              <a:rPr lang="da-DK" sz="900" i="1" noProof="0" dirty="0" err="1">
                <a:solidFill>
                  <a:schemeClr val="tx1"/>
                </a:solidFill>
              </a:rPr>
              <a:t>CIF’er</a:t>
            </a:r>
            <a:r>
              <a:rPr lang="da-DK" sz="900" i="1" noProof="0" dirty="0">
                <a:solidFill>
                  <a:schemeClr val="tx1"/>
                </a:solidFill>
              </a:rPr>
              <a:t>) </a:t>
            </a:r>
            <a:r>
              <a:rPr lang="da-DK" sz="900" noProof="0" dirty="0">
                <a:solidFill>
                  <a:schemeClr val="tx1"/>
                </a:solidFill>
              </a:rPr>
              <a:t>i it- og systemlandskabet, hvor afbrydelser kan true finansiel stabilitet. </a:t>
            </a:r>
          </a:p>
          <a:p>
            <a:pPr lvl="0">
              <a:spcAft>
                <a:spcPts val="350"/>
              </a:spcAft>
              <a:defRPr/>
            </a:pPr>
            <a:r>
              <a:rPr lang="da-DK" sz="900" noProof="0" dirty="0">
                <a:solidFill>
                  <a:schemeClr val="tx1"/>
                </a:solidFill>
              </a:rPr>
              <a:t>Arbejdet omfatter både strategiske og operationelle tiltag, herunder detaljeret risiko-</a:t>
            </a:r>
            <a:r>
              <a:rPr lang="da-DK" sz="900" noProof="0" dirty="0" err="1">
                <a:solidFill>
                  <a:schemeClr val="tx1"/>
                </a:solidFill>
              </a:rPr>
              <a:t>mapping</a:t>
            </a:r>
            <a:r>
              <a:rPr lang="da-DK" sz="900" noProof="0" dirty="0">
                <a:solidFill>
                  <a:schemeClr val="tx1"/>
                </a:solidFill>
              </a:rPr>
              <a:t>, </a:t>
            </a:r>
            <a:r>
              <a:rPr lang="da-DK" sz="900" noProof="0" dirty="0" err="1">
                <a:solidFill>
                  <a:schemeClr val="tx1"/>
                </a:solidFill>
              </a:rPr>
              <a:t>governance</a:t>
            </a:r>
            <a:r>
              <a:rPr lang="da-DK" sz="900" noProof="0" dirty="0">
                <a:solidFill>
                  <a:schemeClr val="tx1"/>
                </a:solidFill>
              </a:rPr>
              <a:t>-modeller og styring af afhængigheder til tredjepartsleverandører. Initiativet skal sikre øget </a:t>
            </a:r>
            <a:r>
              <a:rPr lang="da-DK" sz="900" i="1" noProof="0" dirty="0">
                <a:solidFill>
                  <a:schemeClr val="tx1"/>
                </a:solidFill>
              </a:rPr>
              <a:t>stabilitet, sikkerhed og resiliens</a:t>
            </a:r>
            <a:r>
              <a:rPr lang="da-DK" sz="900" noProof="0" dirty="0">
                <a:solidFill>
                  <a:schemeClr val="tx1"/>
                </a:solidFill>
              </a:rPr>
              <a:t>.</a:t>
            </a:r>
            <a:endParaRPr kumimoji="0" lang="da-DK" sz="900" b="0" i="1" u="none" strike="noStrike" kern="1200" cap="none" spc="0" normalizeH="0" baseline="0" noProof="0" dirty="0">
              <a:ln>
                <a:noFill/>
              </a:ln>
              <a:solidFill>
                <a:schemeClr val="tx1"/>
              </a:solidFill>
              <a:effectLst/>
              <a:highlight>
                <a:srgbClr val="FFFF00"/>
              </a:highlight>
              <a:uLnTx/>
              <a:uFillTx/>
              <a:ea typeface="+mn-ea"/>
              <a:cs typeface="+mn-cs"/>
            </a:endParaRPr>
          </a:p>
          <a:p>
            <a:pPr>
              <a:spcAft>
                <a:spcPts val="350"/>
              </a:spcAft>
            </a:pPr>
            <a:endParaRPr lang="da-DK" sz="900" i="1" noProof="0" dirty="0">
              <a:solidFill>
                <a:schemeClr val="tx1"/>
              </a:solidFill>
            </a:endParaRPr>
          </a:p>
        </p:txBody>
      </p:sp>
      <p:grpSp>
        <p:nvGrpSpPr>
          <p:cNvPr id="145" name="Group 144" descr="Oversigt over teknologistakken og hvor casen rammer. Denne case rammer AI og Digitale services, Koncern og fagsystemer, Sikkerhedsløsninger, Datadeling og basis software og cloud services">
            <a:extLst>
              <a:ext uri="{FF2B5EF4-FFF2-40B4-BE49-F238E27FC236}">
                <a16:creationId xmlns:a16="http://schemas.microsoft.com/office/drawing/2014/main" id="{65F98BED-47F8-84A5-BCD5-EA02746D9A50}"/>
              </a:ext>
              <a:ext uri="{C183D7F6-B498-43B3-948B-1728B52AA6E4}">
                <adec:decorative xmlns:adec="http://schemas.microsoft.com/office/drawing/2017/decorative" val="0"/>
              </a:ext>
            </a:extLst>
          </p:cNvPr>
          <p:cNvGrpSpPr/>
          <p:nvPr/>
        </p:nvGrpSpPr>
        <p:grpSpPr>
          <a:xfrm>
            <a:off x="713385" y="4086154"/>
            <a:ext cx="2338961" cy="2232878"/>
            <a:chOff x="713385" y="4086154"/>
            <a:chExt cx="2338961" cy="2232878"/>
          </a:xfrm>
        </p:grpSpPr>
        <p:sp>
          <p:nvSpPr>
            <p:cNvPr id="5" name="Rectangle: Rounded Corners 4">
              <a:extLst>
                <a:ext uri="{FF2B5EF4-FFF2-40B4-BE49-F238E27FC236}">
                  <a16:creationId xmlns:a16="http://schemas.microsoft.com/office/drawing/2014/main" id="{7C6BD2FE-7FE2-9E8B-AD5E-6360F29A8631}"/>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Digitale løsninger</a:t>
              </a:r>
            </a:p>
          </p:txBody>
        </p:sp>
        <p:sp>
          <p:nvSpPr>
            <p:cNvPr id="7" name="Rectangle: Rounded Corners 6">
              <a:extLst>
                <a:ext uri="{FF2B5EF4-FFF2-40B4-BE49-F238E27FC236}">
                  <a16:creationId xmlns:a16="http://schemas.microsoft.com/office/drawing/2014/main" id="{2DBF59C4-5FBA-12A2-6AF6-140108CB820B}"/>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It-infrastruktur</a:t>
              </a:r>
            </a:p>
          </p:txBody>
        </p:sp>
        <p:sp>
          <p:nvSpPr>
            <p:cNvPr id="8" name="Rectangle 36">
              <a:extLst>
                <a:ext uri="{FF2B5EF4-FFF2-40B4-BE49-F238E27FC236}">
                  <a16:creationId xmlns:a16="http://schemas.microsoft.com/office/drawing/2014/main" id="{D981E42A-B6D1-5936-5B8B-9BD45157687D}"/>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AI og digitale services</a:t>
              </a:r>
            </a:p>
          </p:txBody>
        </p:sp>
        <p:sp>
          <p:nvSpPr>
            <p:cNvPr id="10" name="Rectangle 43">
              <a:extLst>
                <a:ext uri="{FF2B5EF4-FFF2-40B4-BE49-F238E27FC236}">
                  <a16:creationId xmlns:a16="http://schemas.microsoft.com/office/drawing/2014/main" id="{85C8E188-6300-B0FF-48DA-F70AC857E3D0}"/>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a:solidFill>
                    <a:schemeClr val="bg1"/>
                  </a:solidFill>
                </a:rPr>
                <a:t>Teknologistak</a:t>
              </a:r>
            </a:p>
          </p:txBody>
        </p:sp>
        <p:sp>
          <p:nvSpPr>
            <p:cNvPr id="15" name="Rectangle 36">
              <a:extLst>
                <a:ext uri="{FF2B5EF4-FFF2-40B4-BE49-F238E27FC236}">
                  <a16:creationId xmlns:a16="http://schemas.microsoft.com/office/drawing/2014/main" id="{C37047B5-9638-4472-CFEA-8BFB522A6A87}"/>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Koncern- og fagsystemer</a:t>
              </a:r>
            </a:p>
          </p:txBody>
        </p:sp>
        <p:sp>
          <p:nvSpPr>
            <p:cNvPr id="16" name="Rectangle 36">
              <a:extLst>
                <a:ext uri="{FF2B5EF4-FFF2-40B4-BE49-F238E27FC236}">
                  <a16:creationId xmlns:a16="http://schemas.microsoft.com/office/drawing/2014/main" id="{3B1BB575-1F2D-3623-16CC-D65E48E932A8}"/>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igital arbejdsplads</a:t>
              </a:r>
            </a:p>
          </p:txBody>
        </p:sp>
        <p:sp>
          <p:nvSpPr>
            <p:cNvPr id="17" name="Rectangle 36">
              <a:extLst>
                <a:ext uri="{FF2B5EF4-FFF2-40B4-BE49-F238E27FC236}">
                  <a16:creationId xmlns:a16="http://schemas.microsoft.com/office/drawing/2014/main" id="{C333EECD-E0B1-544E-6B38-2F741726AAAD}"/>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ikkerhedsløsninger</a:t>
              </a:r>
            </a:p>
          </p:txBody>
        </p:sp>
        <p:sp>
          <p:nvSpPr>
            <p:cNvPr id="18" name="Rectangle 36">
              <a:extLst>
                <a:ext uri="{FF2B5EF4-FFF2-40B4-BE49-F238E27FC236}">
                  <a16:creationId xmlns:a16="http://schemas.microsoft.com/office/drawing/2014/main" id="{8116569D-8B40-E2C8-C977-166B9BE58E9D}"/>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deling og basis-software</a:t>
              </a:r>
            </a:p>
          </p:txBody>
        </p:sp>
        <p:sp>
          <p:nvSpPr>
            <p:cNvPr id="19" name="Rectangle 36">
              <a:extLst>
                <a:ext uri="{FF2B5EF4-FFF2-40B4-BE49-F238E27FC236}">
                  <a16:creationId xmlns:a16="http://schemas.microsoft.com/office/drawing/2014/main" id="{64092B1C-0025-CF8F-B289-CE8DADAF5C17}"/>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Cloud services</a:t>
              </a:r>
            </a:p>
          </p:txBody>
        </p:sp>
        <p:sp>
          <p:nvSpPr>
            <p:cNvPr id="20" name="Rectangle 36">
              <a:extLst>
                <a:ext uri="{FF2B5EF4-FFF2-40B4-BE49-F238E27FC236}">
                  <a16:creationId xmlns:a16="http://schemas.microsoft.com/office/drawing/2014/main" id="{486556DF-5B02-05B8-D9D5-85BB108A394F}"/>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evices og slutbrugerudstyr</a:t>
              </a:r>
            </a:p>
          </p:txBody>
        </p:sp>
        <p:sp>
          <p:nvSpPr>
            <p:cNvPr id="21" name="Rectangle 36">
              <a:extLst>
                <a:ext uri="{FF2B5EF4-FFF2-40B4-BE49-F238E27FC236}">
                  <a16:creationId xmlns:a16="http://schemas.microsoft.com/office/drawing/2014/main" id="{F17FF60C-32B3-DF8E-B253-03653384671D}"/>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centerinfrastruktur</a:t>
              </a:r>
            </a:p>
          </p:txBody>
        </p:sp>
        <p:sp>
          <p:nvSpPr>
            <p:cNvPr id="24" name="Rectangle 36">
              <a:extLst>
                <a:ext uri="{FF2B5EF4-FFF2-40B4-BE49-F238E27FC236}">
                  <a16:creationId xmlns:a16="http://schemas.microsoft.com/office/drawing/2014/main" id="{3795096A-EE8B-822B-274E-00FD40E8A9EE}"/>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Netværksinfrastruktur</a:t>
              </a:r>
            </a:p>
          </p:txBody>
        </p:sp>
      </p:grpSp>
      <p:sp>
        <p:nvSpPr>
          <p:cNvPr id="3" name="Content Placeholder 5">
            <a:extLst>
              <a:ext uri="{FF2B5EF4-FFF2-40B4-BE49-F238E27FC236}">
                <a16:creationId xmlns:a16="http://schemas.microsoft.com/office/drawing/2014/main" id="{ABCE37B7-931E-7522-45AE-B7ABACFEC562}"/>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Karakteristika, gevinster og barrierer</a:t>
            </a:r>
          </a:p>
        </p:txBody>
      </p:sp>
      <p:grpSp>
        <p:nvGrpSpPr>
          <p:cNvPr id="71" name="Group 70" descr="Casen er i driftsfasen">
            <a:extLst>
              <a:ext uri="{FF2B5EF4-FFF2-40B4-BE49-F238E27FC236}">
                <a16:creationId xmlns:a16="http://schemas.microsoft.com/office/drawing/2014/main" id="{545E69C9-1916-F559-E4BA-ECC1A3ACE502}"/>
              </a:ext>
              <a:ext uri="{C183D7F6-B498-43B3-948B-1728B52AA6E4}">
                <adec:decorative xmlns:adec="http://schemas.microsoft.com/office/drawing/2017/decorative" val="0"/>
              </a:ext>
            </a:extLst>
          </p:cNvPr>
          <p:cNvGrpSpPr/>
          <p:nvPr/>
        </p:nvGrpSpPr>
        <p:grpSpPr>
          <a:xfrm>
            <a:off x="6937091" y="1945363"/>
            <a:ext cx="2371002" cy="233209"/>
            <a:chOff x="579065" y="3721174"/>
            <a:chExt cx="2371002" cy="233209"/>
          </a:xfrm>
        </p:grpSpPr>
        <p:cxnSp>
          <p:nvCxnSpPr>
            <p:cNvPr id="62" name="Straight Connector 61">
              <a:extLst>
                <a:ext uri="{FF2B5EF4-FFF2-40B4-BE49-F238E27FC236}">
                  <a16:creationId xmlns:a16="http://schemas.microsoft.com/office/drawing/2014/main" id="{DAA9CAD2-F054-0A2B-4F78-436FCCE938F7}"/>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C041E18E-50AC-145F-4E9B-B0BB8567C9DA}"/>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55" name="TextBox 54">
              <a:extLst>
                <a:ext uri="{FF2B5EF4-FFF2-40B4-BE49-F238E27FC236}">
                  <a16:creationId xmlns:a16="http://schemas.microsoft.com/office/drawing/2014/main" id="{D4649902-CF8C-4E1E-6E19-B109C5D86EF9}"/>
                </a:ext>
              </a:extLst>
            </p:cNvPr>
            <p:cNvSpPr txBox="1"/>
            <p:nvPr/>
          </p:nvSpPr>
          <p:spPr>
            <a:xfrm>
              <a:off x="579065" y="3723935"/>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dé</a:t>
              </a:r>
            </a:p>
          </p:txBody>
        </p:sp>
        <p:sp>
          <p:nvSpPr>
            <p:cNvPr id="56" name="TextBox 55">
              <a:extLst>
                <a:ext uri="{FF2B5EF4-FFF2-40B4-BE49-F238E27FC236}">
                  <a16:creationId xmlns:a16="http://schemas.microsoft.com/office/drawing/2014/main" id="{C53D7A02-A4C7-C65A-60A1-CCA29B899D7A}"/>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Projekt</a:t>
              </a:r>
            </a:p>
          </p:txBody>
        </p:sp>
        <p:sp>
          <p:nvSpPr>
            <p:cNvPr id="65" name="TextBox 64">
              <a:extLst>
                <a:ext uri="{FF2B5EF4-FFF2-40B4-BE49-F238E27FC236}">
                  <a16:creationId xmlns:a16="http://schemas.microsoft.com/office/drawing/2014/main" id="{FA5CE7AE-44A7-41F8-5A6C-15EB68123779}"/>
                </a:ext>
              </a:extLst>
            </p:cNvPr>
            <p:cNvSpPr txBox="1"/>
            <p:nvPr/>
          </p:nvSpPr>
          <p:spPr>
            <a:xfrm>
              <a:off x="1681056" y="3722668"/>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mplementering</a:t>
              </a:r>
            </a:p>
          </p:txBody>
        </p:sp>
        <p:sp>
          <p:nvSpPr>
            <p:cNvPr id="66" name="TextBox 65">
              <a:extLst>
                <a:ext uri="{FF2B5EF4-FFF2-40B4-BE49-F238E27FC236}">
                  <a16:creationId xmlns:a16="http://schemas.microsoft.com/office/drawing/2014/main" id="{B1A191B7-C025-8FA5-5FF6-87671A02772F}"/>
                </a:ext>
              </a:extLst>
            </p:cNvPr>
            <p:cNvSpPr txBox="1"/>
            <p:nvPr/>
          </p:nvSpPr>
          <p:spPr>
            <a:xfrm>
              <a:off x="2299837" y="3723935"/>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Drift</a:t>
              </a:r>
            </a:p>
          </p:txBody>
        </p:sp>
        <p:cxnSp>
          <p:nvCxnSpPr>
            <p:cNvPr id="68" name="Straight Connector 67">
              <a:extLst>
                <a:ext uri="{FF2B5EF4-FFF2-40B4-BE49-F238E27FC236}">
                  <a16:creationId xmlns:a16="http://schemas.microsoft.com/office/drawing/2014/main" id="{89D13D8E-3D21-D29E-1D81-625956E8921F}"/>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DB23E1D9-AE10-B023-8C03-8D7D25906E91}"/>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09678523-55C7-EDED-4212-9368C46DDF5C}"/>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14" name="Rectangle 13">
            <a:extLst>
              <a:ext uri="{FF2B5EF4-FFF2-40B4-BE49-F238E27FC236}">
                <a16:creationId xmlns:a16="http://schemas.microsoft.com/office/drawing/2014/main" id="{EEDE4ADB-D9E4-72C2-D69F-B617BC275336}"/>
              </a:ext>
            </a:extLst>
          </p:cNvPr>
          <p:cNvSpPr/>
          <p:nvPr/>
        </p:nvSpPr>
        <p:spPr>
          <a:xfrm>
            <a:off x="3408013" y="2139036"/>
            <a:ext cx="584007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900" b="1" noProof="0">
                <a:solidFill>
                  <a:srgbClr val="36465A"/>
                </a:solidFill>
              </a:rPr>
              <a:t>Generelle karakteristika</a:t>
            </a:r>
          </a:p>
          <a:p>
            <a:pPr marL="171450" indent="-171450">
              <a:buFont typeface="Wingdings" panose="05000000000000000000" pitchFamily="2" charset="2"/>
              <a:buChar char="Ø"/>
            </a:pPr>
            <a:r>
              <a:rPr lang="da-DK" sz="900" b="1" noProof="0">
                <a:solidFill>
                  <a:schemeClr val="tx1"/>
                </a:solidFill>
              </a:rPr>
              <a:t>Status på projekt: </a:t>
            </a:r>
            <a:r>
              <a:rPr lang="da-DK" sz="900" noProof="0">
                <a:solidFill>
                  <a:schemeClr val="tx1"/>
                </a:solidFill>
                <a:sym typeface="Wingdings" panose="05000000000000000000" pitchFamily="2" charset="2"/>
              </a:rPr>
              <a:t>Den finansielle sektor har gennem mange år arbejdet struktureret med risikostyring, kortlægning af </a:t>
            </a:r>
            <a:r>
              <a:rPr lang="da-DK" sz="900" noProof="0" err="1">
                <a:solidFill>
                  <a:schemeClr val="tx1"/>
                </a:solidFill>
                <a:sym typeface="Wingdings" panose="05000000000000000000" pitchFamily="2" charset="2"/>
              </a:rPr>
              <a:t>CIF’er</a:t>
            </a:r>
            <a:r>
              <a:rPr lang="da-DK" sz="900" noProof="0">
                <a:solidFill>
                  <a:schemeClr val="tx1"/>
                </a:solidFill>
                <a:sym typeface="Wingdings" panose="05000000000000000000" pitchFamily="2" charset="2"/>
              </a:rPr>
              <a:t> og etablering af </a:t>
            </a:r>
            <a:r>
              <a:rPr lang="da-DK" sz="900" noProof="0" err="1">
                <a:solidFill>
                  <a:schemeClr val="tx1"/>
                </a:solidFill>
                <a:sym typeface="Wingdings" panose="05000000000000000000" pitchFamily="2" charset="2"/>
              </a:rPr>
              <a:t>governance</a:t>
            </a:r>
            <a:r>
              <a:rPr lang="da-DK" sz="900" noProof="0">
                <a:solidFill>
                  <a:schemeClr val="tx1"/>
                </a:solidFill>
                <a:sym typeface="Wingdings" panose="05000000000000000000" pitchFamily="2" charset="2"/>
              </a:rPr>
              <a:t>-modeller i overensstemmelse med relevante regulativer som f</a:t>
            </a:r>
            <a:r>
              <a:rPr lang="da-DK" sz="900" noProof="0" dirty="0">
                <a:solidFill>
                  <a:schemeClr val="tx1"/>
                </a:solidFill>
                <a:sym typeface="Wingdings" panose="05000000000000000000" pitchFamily="2" charset="2"/>
              </a:rPr>
              <a:t>x</a:t>
            </a:r>
            <a:r>
              <a:rPr lang="da-DK" sz="900" noProof="0">
                <a:solidFill>
                  <a:schemeClr val="tx1"/>
                </a:solidFill>
                <a:sym typeface="Wingdings" panose="05000000000000000000" pitchFamily="2" charset="2"/>
              </a:rPr>
              <a:t> </a:t>
            </a:r>
            <a:r>
              <a:rPr lang="da-DK" sz="900" noProof="0" err="1">
                <a:solidFill>
                  <a:schemeClr val="tx1"/>
                </a:solidFill>
                <a:sym typeface="Wingdings" panose="05000000000000000000" pitchFamily="2" charset="2"/>
              </a:rPr>
              <a:t>MiFID</a:t>
            </a:r>
            <a:r>
              <a:rPr lang="da-DK" sz="900" noProof="0">
                <a:solidFill>
                  <a:schemeClr val="tx1"/>
                </a:solidFill>
                <a:sym typeface="Wingdings" panose="05000000000000000000" pitchFamily="2" charset="2"/>
              </a:rPr>
              <a:t>, NIS2 og CRA m.fl. Den </a:t>
            </a:r>
            <a:r>
              <a:rPr lang="da-DK" sz="900" noProof="0">
                <a:solidFill>
                  <a:schemeClr val="tx1"/>
                </a:solidFill>
              </a:rPr>
              <a:t>17. januar 2025 trådte Digital Operational </a:t>
            </a:r>
            <a:r>
              <a:rPr lang="da-DK" sz="900" noProof="0" err="1">
                <a:solidFill>
                  <a:schemeClr val="tx1"/>
                </a:solidFill>
              </a:rPr>
              <a:t>Resilience</a:t>
            </a:r>
            <a:r>
              <a:rPr lang="da-DK" sz="900" noProof="0">
                <a:solidFill>
                  <a:schemeClr val="tx1"/>
                </a:solidFill>
              </a:rPr>
              <a:t> </a:t>
            </a:r>
            <a:r>
              <a:rPr lang="da-DK" sz="900" noProof="0" err="1">
                <a:solidFill>
                  <a:schemeClr val="tx1"/>
                </a:solidFill>
              </a:rPr>
              <a:t>Act</a:t>
            </a:r>
            <a:r>
              <a:rPr lang="da-DK" sz="900" noProof="0">
                <a:solidFill>
                  <a:schemeClr val="tx1"/>
                </a:solidFill>
              </a:rPr>
              <a:t> (DORA) i kraft. DORA er en EU-forordning, som skærper kravene til finansielle institutioner om håndtering af </a:t>
            </a:r>
            <a:r>
              <a:rPr lang="da-DK" sz="900" noProof="0" err="1">
                <a:solidFill>
                  <a:schemeClr val="tx1"/>
                </a:solidFill>
              </a:rPr>
              <a:t>cyber</a:t>
            </a:r>
            <a:r>
              <a:rPr lang="da-DK" sz="900" noProof="0">
                <a:solidFill>
                  <a:schemeClr val="tx1"/>
                </a:solidFill>
              </a:rPr>
              <a:t>- og IKT-risici. </a:t>
            </a:r>
          </a:p>
          <a:p>
            <a:pPr marL="171450" indent="-171450">
              <a:buFont typeface="Wingdings" panose="05000000000000000000" pitchFamily="2" charset="2"/>
              <a:buChar char="Ø"/>
            </a:pPr>
            <a:r>
              <a:rPr lang="da-DK" sz="900" b="1" noProof="0">
                <a:solidFill>
                  <a:schemeClr val="tx1"/>
                </a:solidFill>
              </a:rPr>
              <a:t>Antal myndigheder/organisationer: </a:t>
            </a:r>
            <a:r>
              <a:rPr lang="da-DK" sz="900" noProof="0">
                <a:solidFill>
                  <a:schemeClr val="tx1"/>
                </a:solidFill>
              </a:rPr>
              <a:t>Omfatter primært finansielle virksomheder under Finanstilsynets tilsyn samt relevante tredjepartsleverandører. I Danmark er der ca. 60 pengeinstitutter med ca. 40.000 medarbejdere samt 68 forsikringsinstitutioner med 19.000 ansatte.*</a:t>
            </a:r>
            <a:endParaRPr lang="da-DK" sz="900" b="1" noProof="0">
              <a:solidFill>
                <a:schemeClr val="tx1"/>
              </a:solidFill>
            </a:endParaRPr>
          </a:p>
          <a:p>
            <a:pPr marL="171450" indent="-171450">
              <a:spcAft>
                <a:spcPts val="300"/>
              </a:spcAft>
              <a:buFont typeface="Wingdings" panose="05000000000000000000" pitchFamily="2" charset="2"/>
              <a:buChar char="Ø"/>
            </a:pPr>
            <a:r>
              <a:rPr lang="da-DK" sz="900" b="1" noProof="0">
                <a:solidFill>
                  <a:schemeClr val="tx1"/>
                </a:solidFill>
              </a:rPr>
              <a:t>Geografisk omfang: </a:t>
            </a:r>
            <a:r>
              <a:rPr lang="da-DK" sz="900" noProof="0">
                <a:solidFill>
                  <a:schemeClr val="tx1"/>
                </a:solidFill>
              </a:rPr>
              <a:t>Danmark, med tilpasning til EU’s reguleringsrammer.</a:t>
            </a:r>
          </a:p>
          <a:p>
            <a:pPr marL="171450" indent="-171450">
              <a:spcAft>
                <a:spcPts val="300"/>
              </a:spcAft>
              <a:buFont typeface="Wingdings" panose="05000000000000000000" pitchFamily="2" charset="2"/>
              <a:buChar char="Ø"/>
            </a:pPr>
            <a:r>
              <a:rPr lang="da-DK" sz="900" b="1" noProof="0">
                <a:solidFill>
                  <a:schemeClr val="tx1"/>
                </a:solidFill>
              </a:rPr>
              <a:t>Antal brugere omfattet: </a:t>
            </a:r>
            <a:r>
              <a:rPr lang="da-DK" sz="900" noProof="0">
                <a:solidFill>
                  <a:schemeClr val="tx1"/>
                </a:solidFill>
              </a:rPr>
              <a:t>+60.000* medarbejdere i banker, realkreditinstitutter og forsikringsselskaber samt indirekte slutkunder via kritiske systemer.</a:t>
            </a:r>
          </a:p>
          <a:p>
            <a:pPr marL="171450" indent="-171450">
              <a:spcAft>
                <a:spcPts val="300"/>
              </a:spcAft>
              <a:buFont typeface="Wingdings" panose="05000000000000000000" pitchFamily="2" charset="2"/>
              <a:buChar char="Ø"/>
            </a:pPr>
            <a:r>
              <a:rPr lang="da-DK" sz="900" b="1" noProof="0">
                <a:solidFill>
                  <a:schemeClr val="tx1"/>
                </a:solidFill>
              </a:rPr>
              <a:t>Antal systemer berørt: </a:t>
            </a:r>
            <a:r>
              <a:rPr lang="da-DK" sz="900" noProof="0">
                <a:solidFill>
                  <a:schemeClr val="tx1"/>
                </a:solidFill>
              </a:rPr>
              <a:t>Alle systemer klassificeret som CIF, herunder betalingsinfrastruktur, data-/cloud-platforme og regulatoriske rapporteringssystemer.</a:t>
            </a:r>
            <a:endParaRPr lang="da-DK" sz="900" b="1" noProof="0">
              <a:solidFill>
                <a:schemeClr val="tx1"/>
              </a:solidFill>
            </a:endParaRPr>
          </a:p>
        </p:txBody>
      </p:sp>
      <p:sp>
        <p:nvSpPr>
          <p:cNvPr id="49" name="Isosceles Triangle 48">
            <a:extLst>
              <a:ext uri="{FF2B5EF4-FFF2-40B4-BE49-F238E27FC236}">
                <a16:creationId xmlns:a16="http://schemas.microsoft.com/office/drawing/2014/main" id="{07512C20-E47B-050B-43A3-DB5F9C823603}"/>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6" name="Straight Connector 5">
            <a:extLst>
              <a:ext uri="{FF2B5EF4-FFF2-40B4-BE49-F238E27FC236}">
                <a16:creationId xmlns:a16="http://schemas.microsoft.com/office/drawing/2014/main" id="{DE05462E-B7C8-4CDF-468B-B46912809B34}"/>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DB8CD856-3F49-FC4D-1959-B83F40B77A24}"/>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Gevinster </a:t>
            </a:r>
          </a:p>
        </p:txBody>
      </p:sp>
      <p:sp>
        <p:nvSpPr>
          <p:cNvPr id="59" name="Content Placeholder 5">
            <a:extLst>
              <a:ext uri="{FF2B5EF4-FFF2-40B4-BE49-F238E27FC236}">
                <a16:creationId xmlns:a16="http://schemas.microsoft.com/office/drawing/2014/main" id="{B209D16A-9613-EF6A-BFFF-16DA0DC24C6A}"/>
              </a:ext>
            </a:extLst>
          </p:cNvPr>
          <p:cNvSpPr txBox="1">
            <a:spLocks/>
          </p:cNvSpPr>
          <p:nvPr/>
        </p:nvSpPr>
        <p:spPr>
          <a:xfrm>
            <a:off x="3484615" y="4578217"/>
            <a:ext cx="2845305"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Ins="72000"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a:solidFill>
                  <a:schemeClr val="tx1"/>
                </a:solidFill>
              </a:rPr>
              <a:t>Styrket digital robusthed og øget modstandsdygtighed:</a:t>
            </a:r>
            <a:r>
              <a:rPr lang="da-DK" sz="900" b="0" noProof="0">
                <a:solidFill>
                  <a:schemeClr val="tx1"/>
                </a:solidFill>
              </a:rPr>
              <a:t> Især mod </a:t>
            </a:r>
            <a:r>
              <a:rPr lang="da-DK" sz="900" b="0" noProof="0" err="1">
                <a:solidFill>
                  <a:schemeClr val="tx1"/>
                </a:solidFill>
              </a:rPr>
              <a:t>cyberangreb</a:t>
            </a:r>
            <a:r>
              <a:rPr lang="da-DK" sz="900" b="0" noProof="0">
                <a:solidFill>
                  <a:schemeClr val="tx1"/>
                </a:solidFill>
              </a:rPr>
              <a:t> og systemnedbrud gennem systematisk risiko-</a:t>
            </a:r>
            <a:r>
              <a:rPr lang="da-DK" sz="900" b="0" noProof="0" err="1">
                <a:solidFill>
                  <a:schemeClr val="tx1"/>
                </a:solidFill>
              </a:rPr>
              <a:t>mapping</a:t>
            </a:r>
            <a:r>
              <a:rPr lang="da-DK" sz="900" b="0" noProof="0">
                <a:solidFill>
                  <a:schemeClr val="tx1"/>
                </a:solidFill>
              </a:rPr>
              <a:t> og resilienstest.</a:t>
            </a:r>
          </a:p>
          <a:p>
            <a:pPr marL="171450" indent="-171450">
              <a:buFont typeface="Wingdings" panose="05000000000000000000" pitchFamily="2" charset="2"/>
              <a:buChar char="Ø"/>
            </a:pPr>
            <a:r>
              <a:rPr lang="da-DK" sz="900" noProof="0">
                <a:solidFill>
                  <a:schemeClr val="tx1"/>
                </a:solidFill>
              </a:rPr>
              <a:t>Regulatorisk compliance: </a:t>
            </a:r>
            <a:r>
              <a:rPr lang="da-DK" sz="900" b="0" noProof="0">
                <a:solidFill>
                  <a:schemeClr val="tx1"/>
                </a:solidFill>
              </a:rPr>
              <a:t>Med</a:t>
            </a:r>
            <a:r>
              <a:rPr lang="da-DK" sz="900" noProof="0">
                <a:solidFill>
                  <a:schemeClr val="tx1"/>
                </a:solidFill>
              </a:rPr>
              <a:t> </a:t>
            </a:r>
            <a:r>
              <a:rPr lang="da-DK" sz="900" b="0" noProof="0">
                <a:solidFill>
                  <a:schemeClr val="tx1"/>
                </a:solidFill>
              </a:rPr>
              <a:t>reduceret sanktionsrisiko som afledt effekt.</a:t>
            </a:r>
          </a:p>
          <a:p>
            <a:pPr marL="171450" indent="-171450">
              <a:buFont typeface="Wingdings" panose="05000000000000000000" pitchFamily="2" charset="2"/>
              <a:buChar char="Ø"/>
            </a:pPr>
            <a:r>
              <a:rPr lang="da-DK" sz="900" noProof="0" dirty="0" err="1">
                <a:solidFill>
                  <a:schemeClr val="tx1"/>
                </a:solidFill>
              </a:rPr>
              <a:t>Cost</a:t>
            </a:r>
            <a:r>
              <a:rPr lang="da-DK" sz="900" noProof="0" dirty="0">
                <a:solidFill>
                  <a:schemeClr val="tx1"/>
                </a:solidFill>
              </a:rPr>
              <a:t> </a:t>
            </a:r>
            <a:r>
              <a:rPr lang="da-DK" sz="900" noProof="0" dirty="0" err="1">
                <a:solidFill>
                  <a:schemeClr val="tx1"/>
                </a:solidFill>
              </a:rPr>
              <a:t>avoidance</a:t>
            </a:r>
            <a:r>
              <a:rPr lang="da-DK" sz="900" noProof="0">
                <a:solidFill>
                  <a:schemeClr val="tx1"/>
                </a:solidFill>
              </a:rPr>
              <a:t>:</a:t>
            </a:r>
            <a:r>
              <a:rPr lang="da-DK" sz="900" b="0" noProof="0">
                <a:solidFill>
                  <a:schemeClr val="tx1"/>
                </a:solidFill>
              </a:rPr>
              <a:t> </a:t>
            </a:r>
            <a:r>
              <a:rPr lang="da-DK" sz="900" b="0" noProof="0" dirty="0">
                <a:solidFill>
                  <a:schemeClr val="tx1"/>
                </a:solidFill>
              </a:rPr>
              <a:t>Fx v</a:t>
            </a:r>
            <a:r>
              <a:rPr lang="da-DK" sz="900" b="0" noProof="0">
                <a:solidFill>
                  <a:schemeClr val="tx1"/>
                </a:solidFill>
              </a:rPr>
              <a:t>ed driftsafbrydelser gennem risikostyring og beredskabsplaner, der mindsker sandsynligheden for kritiske nedbrud.</a:t>
            </a:r>
            <a:endParaRPr lang="da-DK" b="0" noProof="0">
              <a:solidFill>
                <a:schemeClr val="tx1"/>
              </a:solidFill>
            </a:endParaRPr>
          </a:p>
        </p:txBody>
      </p:sp>
      <p:sp>
        <p:nvSpPr>
          <p:cNvPr id="23" name="Content Placeholder 5">
            <a:extLst>
              <a:ext uri="{FF2B5EF4-FFF2-40B4-BE49-F238E27FC236}">
                <a16:creationId xmlns:a16="http://schemas.microsoft.com/office/drawing/2014/main" id="{10FFFF95-619F-DB52-D340-943A12F3C8EF}"/>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a:solidFill>
                  <a:srgbClr val="36465A"/>
                </a:solidFill>
              </a:rPr>
              <a:t>Barrierer</a:t>
            </a:r>
          </a:p>
        </p:txBody>
      </p:sp>
      <p:sp>
        <p:nvSpPr>
          <p:cNvPr id="60" name="Content Placeholder 5">
            <a:extLst>
              <a:ext uri="{FF2B5EF4-FFF2-40B4-BE49-F238E27FC236}">
                <a16:creationId xmlns:a16="http://schemas.microsoft.com/office/drawing/2014/main" id="{1A0FDC3F-CB97-ABC9-A37E-8CDB95703096}"/>
              </a:ext>
            </a:extLst>
          </p:cNvPr>
          <p:cNvSpPr txBox="1">
            <a:spLocks/>
          </p:cNvSpPr>
          <p:nvPr/>
        </p:nvSpPr>
        <p:spPr>
          <a:xfrm>
            <a:off x="6393768" y="4578217"/>
            <a:ext cx="2837019" cy="163562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lvl="0" indent="-171450" defTabSz="914400" eaLnBrk="0" fontAlgn="base" hangingPunct="0">
              <a:spcBef>
                <a:spcPct val="0"/>
              </a:spcBef>
              <a:spcAft>
                <a:spcPts val="300"/>
              </a:spcAft>
              <a:buFont typeface="Wingdings" panose="05000000000000000000" pitchFamily="2" charset="2"/>
              <a:buChar char="Ø"/>
            </a:pPr>
            <a:r>
              <a:rPr lang="da-DK" sz="900" noProof="0">
                <a:solidFill>
                  <a:schemeClr val="tx1"/>
                </a:solidFill>
              </a:rPr>
              <a:t>Kompleksitet i regulering</a:t>
            </a:r>
            <a:r>
              <a:rPr lang="da-DK" sz="900" b="0" noProof="0">
                <a:solidFill>
                  <a:schemeClr val="tx1"/>
                </a:solidFill>
              </a:rPr>
              <a:t>: DORA indeholder detaljerede krav, hvilket kræver omfattende organisatorisk tilpasning.</a:t>
            </a:r>
          </a:p>
          <a:p>
            <a:pPr marL="171450" lvl="0" indent="-171450" defTabSz="914400" eaLnBrk="0" fontAlgn="base" hangingPunct="0">
              <a:spcBef>
                <a:spcPct val="0"/>
              </a:spcBef>
              <a:spcAft>
                <a:spcPts val="300"/>
              </a:spcAft>
              <a:buFont typeface="Wingdings" panose="05000000000000000000" pitchFamily="2" charset="2"/>
              <a:buChar char="Ø"/>
            </a:pPr>
            <a:r>
              <a:rPr lang="da-DK" sz="900" noProof="0">
                <a:solidFill>
                  <a:schemeClr val="tx1"/>
                </a:solidFill>
              </a:rPr>
              <a:t>Ressourcekrav</a:t>
            </a:r>
            <a:r>
              <a:rPr lang="da-DK" sz="900" b="0" noProof="0">
                <a:solidFill>
                  <a:schemeClr val="tx1"/>
                </a:solidFill>
              </a:rPr>
              <a:t>: Implementering af nye processer, systemer og testprogrammer kræver betydelige investeringer af tid, kompetencer og budget.</a:t>
            </a:r>
          </a:p>
          <a:p>
            <a:pPr marL="171450" lvl="0" indent="-171450" defTabSz="914400" eaLnBrk="0" fontAlgn="base" hangingPunct="0">
              <a:spcBef>
                <a:spcPct val="0"/>
              </a:spcBef>
              <a:spcAft>
                <a:spcPts val="300"/>
              </a:spcAft>
              <a:buFont typeface="Wingdings" panose="05000000000000000000" pitchFamily="2" charset="2"/>
              <a:buChar char="Ø"/>
            </a:pPr>
            <a:r>
              <a:rPr lang="da-DK" sz="900" noProof="0">
                <a:solidFill>
                  <a:schemeClr val="tx1"/>
                </a:solidFill>
              </a:rPr>
              <a:t>Identifikation og klassificering af </a:t>
            </a:r>
            <a:r>
              <a:rPr lang="da-DK" sz="900" noProof="0" err="1">
                <a:solidFill>
                  <a:schemeClr val="tx1"/>
                </a:solidFill>
              </a:rPr>
              <a:t>CIF’er</a:t>
            </a:r>
            <a:r>
              <a:rPr lang="da-DK" sz="900" b="0" noProof="0">
                <a:solidFill>
                  <a:schemeClr val="tx1"/>
                </a:solidFill>
              </a:rPr>
              <a:t>: At definere</a:t>
            </a:r>
            <a:r>
              <a:rPr lang="da-DK" sz="900" b="0" noProof="0" dirty="0">
                <a:solidFill>
                  <a:schemeClr val="tx1"/>
                </a:solidFill>
              </a:rPr>
              <a:t>,</a:t>
            </a:r>
            <a:r>
              <a:rPr lang="da-DK" sz="900" b="0" noProof="0">
                <a:solidFill>
                  <a:schemeClr val="tx1"/>
                </a:solidFill>
              </a:rPr>
              <a:t> hvilke funktioner der er kritiske eller vigtige, kræver dyb forretningsanalyse og risikovurdering.</a:t>
            </a:r>
          </a:p>
          <a:p>
            <a:pPr marL="171450" lvl="0" indent="-171450" defTabSz="914400" eaLnBrk="0" fontAlgn="base" hangingPunct="0">
              <a:spcBef>
                <a:spcPct val="0"/>
              </a:spcBef>
              <a:spcAft>
                <a:spcPts val="300"/>
              </a:spcAft>
              <a:buFont typeface="Wingdings" panose="05000000000000000000" pitchFamily="2" charset="2"/>
              <a:buChar char="Ø"/>
            </a:pPr>
            <a:r>
              <a:rPr lang="da-DK" sz="900" noProof="0">
                <a:solidFill>
                  <a:schemeClr val="tx1"/>
                </a:solidFill>
              </a:rPr>
              <a:t>Legacy-systemer</a:t>
            </a:r>
            <a:r>
              <a:rPr lang="da-DK" sz="900" b="0" noProof="0">
                <a:solidFill>
                  <a:schemeClr val="tx1"/>
                </a:solidFill>
              </a:rPr>
              <a:t>: Ældre systemer kan være svære at tilpasse til </a:t>
            </a:r>
            <a:r>
              <a:rPr lang="da-DK" sz="900" b="0" noProof="0" err="1">
                <a:solidFill>
                  <a:schemeClr val="tx1"/>
                </a:solidFill>
              </a:rPr>
              <a:t>DORAs</a:t>
            </a:r>
            <a:r>
              <a:rPr lang="da-DK" sz="900" b="0" noProof="0">
                <a:solidFill>
                  <a:schemeClr val="tx1"/>
                </a:solidFill>
              </a:rPr>
              <a:t> krav.</a:t>
            </a:r>
          </a:p>
        </p:txBody>
      </p:sp>
      <p:cxnSp>
        <p:nvCxnSpPr>
          <p:cNvPr id="25" name="Straight Connector 24">
            <a:extLst>
              <a:ext uri="{FF2B5EF4-FFF2-40B4-BE49-F238E27FC236}">
                <a16:creationId xmlns:a16="http://schemas.microsoft.com/office/drawing/2014/main" id="{88F7F939-6FAA-CF23-8CDB-D96250574DD2}"/>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786DC47A-F11B-641C-BC60-28A0AF4EE7D9}"/>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cxnSp>
        <p:nvCxnSpPr>
          <p:cNvPr id="57" name="Straight Connector 56">
            <a:extLst>
              <a:ext uri="{FF2B5EF4-FFF2-40B4-BE49-F238E27FC236}">
                <a16:creationId xmlns:a16="http://schemas.microsoft.com/office/drawing/2014/main" id="{BF923000-16E1-F6C5-4DE0-927B537A3C51}"/>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DD2343DE-101B-EF1A-2D8E-36718D4D8D79}"/>
              </a:ext>
              <a:ext uri="{C183D7F6-B498-43B3-948B-1728B52AA6E4}">
                <adec:decorative xmlns:adec="http://schemas.microsoft.com/office/drawing/2017/decorative" val="1"/>
              </a:ext>
            </a:extLst>
          </p:cNvPr>
          <p:cNvCxnSpPr>
            <a:cxnSpLocks/>
          </p:cNvCxnSpPr>
          <p:nvPr/>
        </p:nvCxnSpPr>
        <p:spPr>
          <a:xfrm>
            <a:off x="6585098"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88DFCE21-0B0C-EFAC-D248-FBF9992B3774}"/>
              </a:ext>
              <a:ext uri="{C183D7F6-B498-43B3-948B-1728B52AA6E4}">
                <adec:decorative xmlns:adec="http://schemas.microsoft.com/office/drawing/2017/decorative" val="1"/>
              </a:ext>
            </a:extLst>
          </p:cNvPr>
          <p:cNvCxnSpPr>
            <a:cxnSpLocks/>
          </p:cNvCxnSpPr>
          <p:nvPr/>
        </p:nvCxnSpPr>
        <p:spPr>
          <a:xfrm>
            <a:off x="3408176" y="2122972"/>
            <a:ext cx="3493285" cy="16064"/>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8" name="Rectangle 27">
            <a:extLst>
              <a:ext uri="{FF2B5EF4-FFF2-40B4-BE49-F238E27FC236}">
                <a16:creationId xmlns:a16="http://schemas.microsoft.com/office/drawing/2014/main" id="{D74C84DC-C857-93D0-D1FD-B20B4F864600}"/>
              </a:ext>
              <a:ext uri="{C183D7F6-B498-43B3-948B-1728B52AA6E4}">
                <adec:decorative xmlns:adec="http://schemas.microsoft.com/office/drawing/2017/decorative" val="1"/>
              </a:ext>
            </a:extLst>
          </p:cNvPr>
          <p:cNvSpPr>
            <a:spLocks/>
          </p:cNvSpPr>
          <p:nvPr/>
        </p:nvSpPr>
        <p:spPr>
          <a:xfrm>
            <a:off x="1055849" y="5894728"/>
            <a:ext cx="2097860" cy="45209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15" name="Rectangle 114">
            <a:extLst>
              <a:ext uri="{FF2B5EF4-FFF2-40B4-BE49-F238E27FC236}">
                <a16:creationId xmlns:a16="http://schemas.microsoft.com/office/drawing/2014/main" id="{1AB75E2D-1FF2-E2DD-2161-E4A5F59165DD}"/>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endParaRPr lang="da-DK" sz="900" b="1" noProof="0">
              <a:solidFill>
                <a:schemeClr val="tx1"/>
              </a:solidFill>
            </a:endParaRPr>
          </a:p>
        </p:txBody>
      </p:sp>
      <p:cxnSp>
        <p:nvCxnSpPr>
          <p:cNvPr id="30" name="Straight Connector 29">
            <a:extLst>
              <a:ext uri="{FF2B5EF4-FFF2-40B4-BE49-F238E27FC236}">
                <a16:creationId xmlns:a16="http://schemas.microsoft.com/office/drawing/2014/main" id="{96A5378C-656C-2B57-87F8-01081B601A69}"/>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2AEB1836-150C-60E0-8AF2-6FE345032BB8}"/>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74" name="Oval 73">
            <a:extLst>
              <a:ext uri="{FF2B5EF4-FFF2-40B4-BE49-F238E27FC236}">
                <a16:creationId xmlns:a16="http://schemas.microsoft.com/office/drawing/2014/main" id="{BF7FD369-FE32-0B21-0568-45D5247227BD}"/>
              </a:ext>
              <a:ext uri="{C183D7F6-B498-43B3-948B-1728B52AA6E4}">
                <adec:decorative xmlns:adec="http://schemas.microsoft.com/office/drawing/2017/decorative" val="1"/>
              </a:ext>
            </a:extLst>
          </p:cNvPr>
          <p:cNvSpPr/>
          <p:nvPr/>
        </p:nvSpPr>
        <p:spPr>
          <a:xfrm>
            <a:off x="8919199"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nvGrpSpPr>
          <p:cNvPr id="146" name="Group 145">
            <a:extLst>
              <a:ext uri="{FF2B5EF4-FFF2-40B4-BE49-F238E27FC236}">
                <a16:creationId xmlns:a16="http://schemas.microsoft.com/office/drawing/2014/main" id="{89DF8001-503C-6E67-4E72-DFFED8FBDC80}"/>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47" name="Rectangle 146">
              <a:extLst>
                <a:ext uri="{FF2B5EF4-FFF2-40B4-BE49-F238E27FC236}">
                  <a16:creationId xmlns:a16="http://schemas.microsoft.com/office/drawing/2014/main" id="{7922C386-FD6B-A33B-4EBB-179FDF1F084B}"/>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8" name="Rectangle 147">
              <a:extLst>
                <a:ext uri="{FF2B5EF4-FFF2-40B4-BE49-F238E27FC236}">
                  <a16:creationId xmlns:a16="http://schemas.microsoft.com/office/drawing/2014/main" id="{A8F8EC22-8FEA-DFAA-3830-E1D22CDBBDC9}"/>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35" name="Rectangle 34">
            <a:extLst>
              <a:ext uri="{FF2B5EF4-FFF2-40B4-BE49-F238E27FC236}">
                <a16:creationId xmlns:a16="http://schemas.microsoft.com/office/drawing/2014/main" id="{65785F2C-FC42-76D0-EBE5-B6551CBAE621}"/>
              </a:ext>
              <a:ext uri="{C183D7F6-B498-43B3-948B-1728B52AA6E4}">
                <adec:decorative xmlns:adec="http://schemas.microsoft.com/office/drawing/2017/decorative" val="1"/>
              </a:ext>
            </a:extLst>
          </p:cNvPr>
          <p:cNvSpPr>
            <a:spLocks/>
          </p:cNvSpPr>
          <p:nvPr/>
        </p:nvSpPr>
        <p:spPr>
          <a:xfrm>
            <a:off x="1040828" y="4724769"/>
            <a:ext cx="2047448" cy="23182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grpSp>
        <p:nvGrpSpPr>
          <p:cNvPr id="27" name="Group 26" descr="Casen addresserer virkemidlerne risikobaseret styring af af hængigheder">
            <a:extLst>
              <a:ext uri="{FF2B5EF4-FFF2-40B4-BE49-F238E27FC236}">
                <a16:creationId xmlns:a16="http://schemas.microsoft.com/office/drawing/2014/main" id="{33F7B058-AF90-F095-8A7C-24420CD54DD4}"/>
              </a:ext>
            </a:extLst>
          </p:cNvPr>
          <p:cNvGrpSpPr/>
          <p:nvPr/>
        </p:nvGrpSpPr>
        <p:grpSpPr>
          <a:xfrm>
            <a:off x="9603525" y="1810298"/>
            <a:ext cx="2399666" cy="2088724"/>
            <a:chOff x="6170312" y="1801370"/>
            <a:chExt cx="2399666" cy="2088724"/>
          </a:xfrm>
        </p:grpSpPr>
        <p:sp>
          <p:nvSpPr>
            <p:cNvPr id="34" name="Content Placeholder 5">
              <a:extLst>
                <a:ext uri="{FF2B5EF4-FFF2-40B4-BE49-F238E27FC236}">
                  <a16:creationId xmlns:a16="http://schemas.microsoft.com/office/drawing/2014/main" id="{A06C64FF-7925-87E6-E4AB-81664EB5B7A7}"/>
                </a:ext>
              </a:extLst>
            </p:cNvPr>
            <p:cNvSpPr txBox="1">
              <a:spLocks/>
            </p:cNvSpPr>
            <p:nvPr/>
          </p:nvSpPr>
          <p:spPr>
            <a:xfrm>
              <a:off x="6292650" y="1860060"/>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Virkemidler</a:t>
              </a:r>
            </a:p>
          </p:txBody>
        </p:sp>
        <p:sp>
          <p:nvSpPr>
            <p:cNvPr id="36" name="Rectangle: Rounded Corners 35">
              <a:extLst>
                <a:ext uri="{FF2B5EF4-FFF2-40B4-BE49-F238E27FC236}">
                  <a16:creationId xmlns:a16="http://schemas.microsoft.com/office/drawing/2014/main" id="{F48BBFB5-161A-F625-EF6A-9A4A39207871}"/>
                </a:ext>
              </a:extLst>
            </p:cNvPr>
            <p:cNvSpPr/>
            <p:nvPr/>
          </p:nvSpPr>
          <p:spPr>
            <a:xfrm>
              <a:off x="6170312" y="1801370"/>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solidFill>
                  <a:srgbClr val="A2B3C9"/>
                </a:solidFill>
              </a:endParaRPr>
            </a:p>
          </p:txBody>
        </p:sp>
        <p:cxnSp>
          <p:nvCxnSpPr>
            <p:cNvPr id="37" name="Straight Connector 36">
              <a:extLst>
                <a:ext uri="{FF2B5EF4-FFF2-40B4-BE49-F238E27FC236}">
                  <a16:creationId xmlns:a16="http://schemas.microsoft.com/office/drawing/2014/main" id="{A806CC2B-8C41-B289-765D-42CAEAF3EE47}"/>
                </a:ext>
              </a:extLst>
            </p:cNvPr>
            <p:cNvCxnSpPr>
              <a:cxnSpLocks/>
            </p:cNvCxnSpPr>
            <p:nvPr/>
          </p:nvCxnSpPr>
          <p:spPr>
            <a:xfrm>
              <a:off x="6281165" y="2112275"/>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 name="Rektangel: afrundede hjørner 10">
              <a:extLst>
                <a:ext uri="{FF2B5EF4-FFF2-40B4-BE49-F238E27FC236}">
                  <a16:creationId xmlns:a16="http://schemas.microsoft.com/office/drawing/2014/main" id="{553C8E92-40A1-E1CB-17CE-ECCAA4B7B0C5}"/>
                </a:ext>
              </a:extLst>
            </p:cNvPr>
            <p:cNvSpPr>
              <a:spLocks/>
            </p:cNvSpPr>
            <p:nvPr/>
          </p:nvSpPr>
          <p:spPr>
            <a:xfrm>
              <a:off x="6281355" y="2161059"/>
              <a:ext cx="2190658" cy="252000"/>
            </a:xfrm>
            <a:prstGeom prst="roundRect">
              <a:avLst>
                <a:gd name="adj" fmla="val 5714"/>
              </a:avLst>
            </a:prstGeom>
            <a:solidFill>
              <a:srgbClr val="B7E5E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0" name="TextBox 4">
              <a:extLst>
                <a:ext uri="{FF2B5EF4-FFF2-40B4-BE49-F238E27FC236}">
                  <a16:creationId xmlns:a16="http://schemas.microsoft.com/office/drawing/2014/main" id="{3141EE0A-2A01-2093-E2D9-7A6FBCC6C113}"/>
                </a:ext>
              </a:extLst>
            </p:cNvPr>
            <p:cNvSpPr txBox="1">
              <a:spLocks/>
            </p:cNvSpPr>
            <p:nvPr/>
          </p:nvSpPr>
          <p:spPr>
            <a:xfrm>
              <a:off x="6579387" y="2172005"/>
              <a:ext cx="1955475" cy="230108"/>
            </a:xfrm>
            <a:prstGeom prst="rect">
              <a:avLst/>
            </a:prstGeom>
            <a:noFill/>
          </p:spPr>
          <p:txBody>
            <a:bodyPr wrap="square" lIns="0" rtlCol="0" anchor="ctr">
              <a:noAutofit/>
            </a:bodyPr>
            <a:lstStyle/>
            <a:p>
              <a:r>
                <a:rPr lang="da-DK" sz="700" noProof="0" dirty="0">
                  <a:solidFill>
                    <a:srgbClr val="024D78"/>
                  </a:solidFill>
                </a:rPr>
                <a:t>01 | Strategi og organisation</a:t>
              </a:r>
            </a:p>
          </p:txBody>
        </p:sp>
        <p:sp>
          <p:nvSpPr>
            <p:cNvPr id="41" name="Rektangel: afrundede hjørner 5">
              <a:extLst>
                <a:ext uri="{FF2B5EF4-FFF2-40B4-BE49-F238E27FC236}">
                  <a16:creationId xmlns:a16="http://schemas.microsoft.com/office/drawing/2014/main" id="{9B989DCE-B0A6-2E04-1DBB-16185F49341D}"/>
                </a:ext>
              </a:extLst>
            </p:cNvPr>
            <p:cNvSpPr>
              <a:spLocks/>
            </p:cNvSpPr>
            <p:nvPr/>
          </p:nvSpPr>
          <p:spPr>
            <a:xfrm>
              <a:off x="6280700" y="3209658"/>
              <a:ext cx="2190658" cy="252000"/>
            </a:xfrm>
            <a:prstGeom prst="roundRect">
              <a:avLst>
                <a:gd name="adj" fmla="val 5714"/>
              </a:avLst>
            </a:prstGeom>
            <a:solidFill>
              <a:srgbClr val="B7E5EE">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2" name="Rektangel: afrundede hjørner 9">
              <a:extLst>
                <a:ext uri="{FF2B5EF4-FFF2-40B4-BE49-F238E27FC236}">
                  <a16:creationId xmlns:a16="http://schemas.microsoft.com/office/drawing/2014/main" id="{29A6C29F-5E2C-2725-F247-50E279E0E2C2}"/>
                </a:ext>
              </a:extLst>
            </p:cNvPr>
            <p:cNvSpPr>
              <a:spLocks/>
            </p:cNvSpPr>
            <p:nvPr/>
          </p:nvSpPr>
          <p:spPr>
            <a:xfrm>
              <a:off x="6281618" y="2861617"/>
              <a:ext cx="2190193" cy="252000"/>
            </a:xfrm>
            <a:prstGeom prst="roundRect">
              <a:avLst>
                <a:gd name="adj" fmla="val 5714"/>
              </a:avLst>
            </a:prstGeom>
            <a:solidFill>
              <a:srgbClr val="B7E5EE">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3" name="Rektangel: afrundede hjørner 39">
              <a:extLst>
                <a:ext uri="{FF2B5EF4-FFF2-40B4-BE49-F238E27FC236}">
                  <a16:creationId xmlns:a16="http://schemas.microsoft.com/office/drawing/2014/main" id="{C928FC87-4343-63CB-C409-A6B30D9DBA08}"/>
                </a:ext>
              </a:extLst>
            </p:cNvPr>
            <p:cNvSpPr>
              <a:spLocks/>
            </p:cNvSpPr>
            <p:nvPr/>
          </p:nvSpPr>
          <p:spPr>
            <a:xfrm>
              <a:off x="6280700" y="2490331"/>
              <a:ext cx="2190193" cy="252000"/>
            </a:xfrm>
            <a:prstGeom prst="roundRect">
              <a:avLst>
                <a:gd name="adj" fmla="val 5714"/>
              </a:avLst>
            </a:prstGeom>
            <a:solidFill>
              <a:srgbClr val="B7E5EE">
                <a:alpha val="7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4" name="Rektangel: afrundede hjørner 39">
              <a:extLst>
                <a:ext uri="{FF2B5EF4-FFF2-40B4-BE49-F238E27FC236}">
                  <a16:creationId xmlns:a16="http://schemas.microsoft.com/office/drawing/2014/main" id="{AD156673-85B1-8AC8-16E1-2731AA86DEF7}"/>
                </a:ext>
              </a:extLst>
            </p:cNvPr>
            <p:cNvSpPr>
              <a:spLocks/>
            </p:cNvSpPr>
            <p:nvPr/>
          </p:nvSpPr>
          <p:spPr>
            <a:xfrm>
              <a:off x="6281165" y="3562176"/>
              <a:ext cx="2190193" cy="252000"/>
            </a:xfrm>
            <a:prstGeom prst="roundRect">
              <a:avLst>
                <a:gd name="adj" fmla="val 5714"/>
              </a:avLst>
            </a:prstGeom>
            <a:solidFill>
              <a:srgbClr val="B7E5EE">
                <a:alpha val="1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46" name="TextBox 4">
              <a:extLst>
                <a:ext uri="{FF2B5EF4-FFF2-40B4-BE49-F238E27FC236}">
                  <a16:creationId xmlns:a16="http://schemas.microsoft.com/office/drawing/2014/main" id="{CBAD6422-0716-B2D0-CFA8-8EA7508B5AAC}"/>
                </a:ext>
              </a:extLst>
            </p:cNvPr>
            <p:cNvSpPr txBox="1">
              <a:spLocks/>
            </p:cNvSpPr>
            <p:nvPr/>
          </p:nvSpPr>
          <p:spPr>
            <a:xfrm>
              <a:off x="6578922" y="3220604"/>
              <a:ext cx="1955475" cy="230108"/>
            </a:xfrm>
            <a:prstGeom prst="rect">
              <a:avLst/>
            </a:prstGeom>
            <a:noFill/>
          </p:spPr>
          <p:txBody>
            <a:bodyPr wrap="square" lIns="0" rtlCol="0" anchor="ctr">
              <a:noAutofit/>
            </a:bodyPr>
            <a:lstStyle/>
            <a:p>
              <a:r>
                <a:rPr lang="da-DK" sz="700" noProof="0" dirty="0">
                  <a:solidFill>
                    <a:srgbClr val="024D78"/>
                  </a:solidFill>
                </a:rPr>
                <a:t>04 | Indkøb, krav og leverandørsamarbejde</a:t>
              </a:r>
            </a:p>
          </p:txBody>
        </p:sp>
        <p:sp>
          <p:nvSpPr>
            <p:cNvPr id="47" name="TextBox 4">
              <a:extLst>
                <a:ext uri="{FF2B5EF4-FFF2-40B4-BE49-F238E27FC236}">
                  <a16:creationId xmlns:a16="http://schemas.microsoft.com/office/drawing/2014/main" id="{D1AAAD41-8CD2-350E-ADE6-35FB305BED8A}"/>
                </a:ext>
              </a:extLst>
            </p:cNvPr>
            <p:cNvSpPr txBox="1">
              <a:spLocks/>
            </p:cNvSpPr>
            <p:nvPr/>
          </p:nvSpPr>
          <p:spPr>
            <a:xfrm>
              <a:off x="6579387" y="2872563"/>
              <a:ext cx="1955475" cy="230108"/>
            </a:xfrm>
            <a:prstGeom prst="rect">
              <a:avLst/>
            </a:prstGeom>
            <a:noFill/>
          </p:spPr>
          <p:txBody>
            <a:bodyPr wrap="square" lIns="0" rtlCol="0" anchor="ctr">
              <a:noAutofit/>
            </a:bodyPr>
            <a:lstStyle/>
            <a:p>
              <a:r>
                <a:rPr lang="da-DK" sz="700" noProof="0" dirty="0">
                  <a:solidFill>
                    <a:srgbClr val="024D78"/>
                  </a:solidFill>
                </a:rPr>
                <a:t>03 | Arkitektur og åbne standarder</a:t>
              </a:r>
            </a:p>
          </p:txBody>
        </p:sp>
        <p:sp>
          <p:nvSpPr>
            <p:cNvPr id="48" name="TextBox 4">
              <a:extLst>
                <a:ext uri="{FF2B5EF4-FFF2-40B4-BE49-F238E27FC236}">
                  <a16:creationId xmlns:a16="http://schemas.microsoft.com/office/drawing/2014/main" id="{FB0429E7-8E7F-42CB-6C76-2A9819607A87}"/>
                </a:ext>
              </a:extLst>
            </p:cNvPr>
            <p:cNvSpPr txBox="1">
              <a:spLocks/>
            </p:cNvSpPr>
            <p:nvPr/>
          </p:nvSpPr>
          <p:spPr>
            <a:xfrm>
              <a:off x="6578469" y="2501277"/>
              <a:ext cx="1955475" cy="230108"/>
            </a:xfrm>
            <a:prstGeom prst="rect">
              <a:avLst/>
            </a:prstGeom>
            <a:noFill/>
          </p:spPr>
          <p:txBody>
            <a:bodyPr wrap="square" lIns="0" rtlCol="0" anchor="ctr">
              <a:noAutofit/>
            </a:bodyPr>
            <a:lstStyle/>
            <a:p>
              <a:r>
                <a:rPr lang="da-DK" sz="700" b="1" noProof="0" dirty="0">
                  <a:solidFill>
                    <a:srgbClr val="024D78"/>
                  </a:solidFill>
                </a:rPr>
                <a:t>02 | Risikobaseret styring af afhængigheder</a:t>
              </a:r>
            </a:p>
          </p:txBody>
        </p:sp>
        <p:sp>
          <p:nvSpPr>
            <p:cNvPr id="50" name="TextBox 4">
              <a:extLst>
                <a:ext uri="{FF2B5EF4-FFF2-40B4-BE49-F238E27FC236}">
                  <a16:creationId xmlns:a16="http://schemas.microsoft.com/office/drawing/2014/main" id="{E61769CF-DC4C-0861-9F69-8F049AB9C968}"/>
                </a:ext>
              </a:extLst>
            </p:cNvPr>
            <p:cNvSpPr txBox="1">
              <a:spLocks/>
            </p:cNvSpPr>
            <p:nvPr/>
          </p:nvSpPr>
          <p:spPr>
            <a:xfrm>
              <a:off x="6579387" y="3573122"/>
              <a:ext cx="1955475" cy="230108"/>
            </a:xfrm>
            <a:prstGeom prst="rect">
              <a:avLst/>
            </a:prstGeom>
            <a:noFill/>
          </p:spPr>
          <p:txBody>
            <a:bodyPr wrap="square" lIns="0" rtlCol="0" anchor="ctr">
              <a:noAutofit/>
            </a:bodyPr>
            <a:lstStyle/>
            <a:p>
              <a:r>
                <a:rPr lang="da-DK" sz="700" noProof="0" dirty="0">
                  <a:solidFill>
                    <a:srgbClr val="024D78"/>
                  </a:solidFill>
                </a:rPr>
                <a:t>05 | Alternative løsninger</a:t>
              </a:r>
            </a:p>
          </p:txBody>
        </p:sp>
        <p:sp>
          <p:nvSpPr>
            <p:cNvPr id="51" name="Freeform 7">
              <a:extLst>
                <a:ext uri="{FF2B5EF4-FFF2-40B4-BE49-F238E27FC236}">
                  <a16:creationId xmlns:a16="http://schemas.microsoft.com/office/drawing/2014/main" id="{C2ED7706-95E1-EE57-9128-5EDFAE75882D}"/>
                </a:ext>
              </a:extLst>
            </p:cNvPr>
            <p:cNvSpPr>
              <a:spLocks noEditPoints="1"/>
            </p:cNvSpPr>
            <p:nvPr/>
          </p:nvSpPr>
          <p:spPr bwMode="auto">
            <a:xfrm>
              <a:off x="6353426" y="3250371"/>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54" name="Group 53">
              <a:extLst>
                <a:ext uri="{FF2B5EF4-FFF2-40B4-BE49-F238E27FC236}">
                  <a16:creationId xmlns:a16="http://schemas.microsoft.com/office/drawing/2014/main" id="{570B8320-C009-09D3-3681-5534EE735628}"/>
                </a:ext>
              </a:extLst>
            </p:cNvPr>
            <p:cNvGrpSpPr/>
            <p:nvPr/>
          </p:nvGrpSpPr>
          <p:grpSpPr>
            <a:xfrm>
              <a:off x="6345364" y="2912838"/>
              <a:ext cx="193946" cy="152578"/>
              <a:chOff x="8675444" y="2927353"/>
              <a:chExt cx="573087" cy="450850"/>
            </a:xfrm>
            <a:solidFill>
              <a:srgbClr val="024D78"/>
            </a:solidFill>
          </p:grpSpPr>
          <p:sp>
            <p:nvSpPr>
              <p:cNvPr id="76" name="Freeform 257">
                <a:extLst>
                  <a:ext uri="{FF2B5EF4-FFF2-40B4-BE49-F238E27FC236}">
                    <a16:creationId xmlns:a16="http://schemas.microsoft.com/office/drawing/2014/main" id="{811A8526-9E11-BC3B-F2A9-C8D7CAF3F805}"/>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7" name="Freeform 258">
                <a:extLst>
                  <a:ext uri="{FF2B5EF4-FFF2-40B4-BE49-F238E27FC236}">
                    <a16:creationId xmlns:a16="http://schemas.microsoft.com/office/drawing/2014/main" id="{9F500722-06CA-68F3-0E58-2A0C67C98023}"/>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8" name="Freeform 259">
                <a:extLst>
                  <a:ext uri="{FF2B5EF4-FFF2-40B4-BE49-F238E27FC236}">
                    <a16:creationId xmlns:a16="http://schemas.microsoft.com/office/drawing/2014/main" id="{9952AE90-2530-D643-131D-93DD5E351180}"/>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63" name="Group 62">
              <a:extLst>
                <a:ext uri="{FF2B5EF4-FFF2-40B4-BE49-F238E27FC236}">
                  <a16:creationId xmlns:a16="http://schemas.microsoft.com/office/drawing/2014/main" id="{B935214F-87AE-8605-4621-440F6FA1DE9B}"/>
                </a:ext>
              </a:extLst>
            </p:cNvPr>
            <p:cNvGrpSpPr/>
            <p:nvPr/>
          </p:nvGrpSpPr>
          <p:grpSpPr>
            <a:xfrm>
              <a:off x="6352025" y="2519193"/>
              <a:ext cx="178788" cy="179199"/>
              <a:chOff x="8695953" y="3768979"/>
              <a:chExt cx="531804" cy="533027"/>
            </a:xfrm>
            <a:solidFill>
              <a:srgbClr val="024D78"/>
            </a:solidFill>
          </p:grpSpPr>
          <p:sp>
            <p:nvSpPr>
              <p:cNvPr id="72" name="Freeform 291">
                <a:extLst>
                  <a:ext uri="{FF2B5EF4-FFF2-40B4-BE49-F238E27FC236}">
                    <a16:creationId xmlns:a16="http://schemas.microsoft.com/office/drawing/2014/main" id="{05490B24-BAF1-2C1D-6776-5AD6B4F171DF}"/>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3" name="Freeform 292">
                <a:extLst>
                  <a:ext uri="{FF2B5EF4-FFF2-40B4-BE49-F238E27FC236}">
                    <a16:creationId xmlns:a16="http://schemas.microsoft.com/office/drawing/2014/main" id="{71BC50D9-5E6A-0161-5C07-F8E787A54DC4}"/>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75" name="Freeform 293">
                <a:extLst>
                  <a:ext uri="{FF2B5EF4-FFF2-40B4-BE49-F238E27FC236}">
                    <a16:creationId xmlns:a16="http://schemas.microsoft.com/office/drawing/2014/main" id="{B21EA96F-3833-E6D1-61F6-B8ABC64FC063}"/>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64" name="Freeform 25">
              <a:extLst>
                <a:ext uri="{FF2B5EF4-FFF2-40B4-BE49-F238E27FC236}">
                  <a16:creationId xmlns:a16="http://schemas.microsoft.com/office/drawing/2014/main" id="{E86C3D0F-2472-4068-BF88-7156CA263170}"/>
                </a:ext>
              </a:extLst>
            </p:cNvPr>
            <p:cNvSpPr>
              <a:spLocks noEditPoints="1"/>
            </p:cNvSpPr>
            <p:nvPr/>
          </p:nvSpPr>
          <p:spPr bwMode="auto">
            <a:xfrm>
              <a:off x="6336953" y="3594116"/>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67" name="Freeform 17">
              <a:extLst>
                <a:ext uri="{FF2B5EF4-FFF2-40B4-BE49-F238E27FC236}">
                  <a16:creationId xmlns:a16="http://schemas.microsoft.com/office/drawing/2014/main" id="{EC453CD9-41F1-E1BF-CD07-6AEE21718962}"/>
                </a:ext>
              </a:extLst>
            </p:cNvPr>
            <p:cNvSpPr>
              <a:spLocks noEditPoints="1"/>
            </p:cNvSpPr>
            <p:nvPr/>
          </p:nvSpPr>
          <p:spPr bwMode="auto">
            <a:xfrm>
              <a:off x="6352866" y="2197783"/>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grpSp>
      <p:sp>
        <p:nvSpPr>
          <p:cNvPr id="29" name="Content Placeholder 5">
            <a:extLst>
              <a:ext uri="{FF2B5EF4-FFF2-40B4-BE49-F238E27FC236}">
                <a16:creationId xmlns:a16="http://schemas.microsoft.com/office/drawing/2014/main" id="{7859B1B2-605D-8926-E4F7-714E433D6EBC}"/>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Nøgleerfaringer og </a:t>
            </a:r>
            <a:r>
              <a:rPr lang="da-DK" sz="1100" noProof="0" err="1">
                <a:solidFill>
                  <a:srgbClr val="36465A"/>
                </a:solidFill>
              </a:rPr>
              <a:t>læringer</a:t>
            </a:r>
            <a:endParaRPr lang="da-DK" sz="1100" noProof="0">
              <a:solidFill>
                <a:srgbClr val="36465A"/>
              </a:solidFill>
            </a:endParaRPr>
          </a:p>
        </p:txBody>
      </p:sp>
      <p:sp>
        <p:nvSpPr>
          <p:cNvPr id="32" name="Content Placeholder 5">
            <a:extLst>
              <a:ext uri="{FF2B5EF4-FFF2-40B4-BE49-F238E27FC236}">
                <a16:creationId xmlns:a16="http://schemas.microsoft.com/office/drawing/2014/main" id="{02B05EE5-8885-BCC0-A5D7-54885633D5F9}"/>
              </a:ext>
            </a:extLst>
          </p:cNvPr>
          <p:cNvSpPr txBox="1">
            <a:spLocks/>
          </p:cNvSpPr>
          <p:nvPr/>
        </p:nvSpPr>
        <p:spPr>
          <a:xfrm>
            <a:off x="9739805" y="4322108"/>
            <a:ext cx="2129562" cy="202682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ct val="0"/>
              </a:spcAft>
              <a:buFont typeface="Wingdings" panose="05000000000000000000" pitchFamily="2" charset="2"/>
              <a:buChar char="ü"/>
            </a:pPr>
            <a:r>
              <a:rPr lang="da-DK" sz="900" noProof="0" dirty="0" err="1">
                <a:solidFill>
                  <a:schemeClr val="tx1"/>
                </a:solidFill>
              </a:rPr>
              <a:t>Governance</a:t>
            </a:r>
            <a:r>
              <a:rPr lang="da-DK" sz="900" noProof="0">
                <a:solidFill>
                  <a:schemeClr val="tx1"/>
                </a:solidFill>
              </a:rPr>
              <a:t> og risiko-</a:t>
            </a:r>
            <a:r>
              <a:rPr lang="da-DK" sz="900" noProof="0" dirty="0" err="1">
                <a:solidFill>
                  <a:schemeClr val="tx1"/>
                </a:solidFill>
              </a:rPr>
              <a:t>mapping</a:t>
            </a:r>
            <a:r>
              <a:rPr lang="da-DK" sz="900" noProof="0">
                <a:solidFill>
                  <a:schemeClr val="tx1"/>
                </a:solidFill>
              </a:rPr>
              <a:t> som fundament for robusthed</a:t>
            </a:r>
            <a:br>
              <a:rPr lang="da-DK" sz="900" b="0" noProof="0">
                <a:solidFill>
                  <a:schemeClr val="tx1"/>
                </a:solidFill>
              </a:rPr>
            </a:br>
            <a:r>
              <a:rPr lang="da-DK" sz="900" b="0" noProof="0">
                <a:solidFill>
                  <a:schemeClr val="tx1"/>
                </a:solidFill>
              </a:rPr>
              <a:t>En struktureret tilgang til at identificere og klassificere kritiske funktioner er afgørende for robusthed.</a:t>
            </a:r>
          </a:p>
          <a:p>
            <a:pPr marL="171450" indent="-171450" defTabSz="914400" eaLnBrk="0" fontAlgn="base" hangingPunct="0">
              <a:spcBef>
                <a:spcPct val="0"/>
              </a:spcBef>
              <a:spcAft>
                <a:spcPct val="0"/>
              </a:spcAft>
              <a:buFont typeface="Wingdings" panose="05000000000000000000" pitchFamily="2" charset="2"/>
              <a:buChar char="ü"/>
            </a:pPr>
            <a:endParaRPr lang="da-DK" sz="900" b="0" noProof="0">
              <a:solidFill>
                <a:schemeClr val="tx1"/>
              </a:solidFill>
            </a:endParaRPr>
          </a:p>
          <a:p>
            <a:pPr marL="171450" indent="-171450" defTabSz="914400" eaLnBrk="0" fontAlgn="base" hangingPunct="0">
              <a:spcBef>
                <a:spcPct val="0"/>
              </a:spcBef>
              <a:spcAft>
                <a:spcPct val="0"/>
              </a:spcAft>
              <a:buFont typeface="Wingdings" panose="05000000000000000000" pitchFamily="2" charset="2"/>
              <a:buChar char="ü"/>
            </a:pPr>
            <a:r>
              <a:rPr lang="da-DK" sz="900" noProof="0">
                <a:solidFill>
                  <a:schemeClr val="tx1"/>
                </a:solidFill>
              </a:rPr>
              <a:t>Modenhed og compliance er en løbende proces</a:t>
            </a:r>
            <a:br>
              <a:rPr lang="da-DK" sz="900" b="0" noProof="0">
                <a:solidFill>
                  <a:schemeClr val="tx1"/>
                </a:solidFill>
              </a:rPr>
            </a:br>
            <a:r>
              <a:rPr lang="da-DK" sz="900" b="0" noProof="0">
                <a:solidFill>
                  <a:schemeClr val="tx1"/>
                </a:solidFill>
              </a:rPr>
              <a:t>Organisationer skal opbygge en kultur for kontinuerlig forbedring, hvor </a:t>
            </a:r>
            <a:r>
              <a:rPr lang="da-DK" sz="900" b="0" noProof="0" dirty="0" err="1">
                <a:solidFill>
                  <a:schemeClr val="tx1"/>
                </a:solidFill>
              </a:rPr>
              <a:t>governance</a:t>
            </a:r>
            <a:r>
              <a:rPr lang="da-DK" sz="900" b="0" noProof="0">
                <a:solidFill>
                  <a:schemeClr val="tx1"/>
                </a:solidFill>
              </a:rPr>
              <a:t>, risiko-</a:t>
            </a:r>
            <a:r>
              <a:rPr lang="da-DK" sz="900" b="0" noProof="0" dirty="0" err="1">
                <a:solidFill>
                  <a:schemeClr val="tx1"/>
                </a:solidFill>
              </a:rPr>
              <a:t>mapping</a:t>
            </a:r>
            <a:r>
              <a:rPr lang="da-DK" sz="900" b="0" noProof="0">
                <a:solidFill>
                  <a:schemeClr val="tx1"/>
                </a:solidFill>
              </a:rPr>
              <a:t> og beredskabsplaner løbende opdateres i takt med ændringer i trusselsbilledet og regulatoriske krav.</a:t>
            </a:r>
          </a:p>
          <a:p>
            <a:pPr marL="171450" lvl="0" indent="-171450" defTabSz="914400" eaLnBrk="0" fontAlgn="base" hangingPunct="0">
              <a:spcBef>
                <a:spcPct val="0"/>
              </a:spcBef>
              <a:spcAft>
                <a:spcPct val="0"/>
              </a:spcAft>
              <a:buFont typeface="Wingdings" panose="05000000000000000000" pitchFamily="2" charset="2"/>
              <a:buChar char="ü"/>
            </a:pPr>
            <a:endParaRPr lang="da-DK" sz="900" b="0" noProof="0">
              <a:solidFill>
                <a:srgbClr val="36465A"/>
              </a:solidFill>
            </a:endParaRPr>
          </a:p>
          <a:p>
            <a:pPr marL="171450" lvl="0" indent="-171450" defTabSz="914400" eaLnBrk="0" fontAlgn="base" hangingPunct="0">
              <a:spcBef>
                <a:spcPct val="0"/>
              </a:spcBef>
              <a:spcAft>
                <a:spcPct val="0"/>
              </a:spcAft>
              <a:buFont typeface="Wingdings" panose="05000000000000000000" pitchFamily="2" charset="2"/>
              <a:buChar char="ü"/>
            </a:pPr>
            <a:endParaRPr lang="da-DK" sz="900" noProof="0"/>
          </a:p>
          <a:p>
            <a:pPr marL="171450" indent="-171450">
              <a:spcAft>
                <a:spcPts val="300"/>
              </a:spcAft>
              <a:buFont typeface="Arial" panose="020B0604020202020204" pitchFamily="34" charset="0"/>
              <a:buChar char="•"/>
            </a:pPr>
            <a:endParaRPr lang="da-DK" sz="900" noProof="0">
              <a:solidFill>
                <a:schemeClr val="tx1"/>
              </a:solidFill>
            </a:endParaRPr>
          </a:p>
          <a:p>
            <a:pPr marL="171450" indent="-171450">
              <a:spcAft>
                <a:spcPts val="300"/>
              </a:spcAft>
              <a:buFont typeface="Arial" panose="020B0604020202020204" pitchFamily="34" charset="0"/>
              <a:buChar char="•"/>
            </a:pPr>
            <a:endParaRPr lang="da-DK" sz="900" b="0" noProof="0">
              <a:solidFill>
                <a:schemeClr val="tx1"/>
              </a:solidFill>
            </a:endParaRPr>
          </a:p>
        </p:txBody>
      </p:sp>
      <p:sp>
        <p:nvSpPr>
          <p:cNvPr id="38" name="Content Placeholder 5">
            <a:extLst>
              <a:ext uri="{FF2B5EF4-FFF2-40B4-BE49-F238E27FC236}">
                <a16:creationId xmlns:a16="http://schemas.microsoft.com/office/drawing/2014/main" id="{EA980E02-F65E-56C0-13C6-B0A69947E855}"/>
              </a:ext>
            </a:extLst>
          </p:cNvPr>
          <p:cNvSpPr txBox="1">
            <a:spLocks/>
          </p:cNvSpPr>
          <p:nvPr/>
        </p:nvSpPr>
        <p:spPr>
          <a:xfrm>
            <a:off x="546369" y="6472986"/>
            <a:ext cx="11456822" cy="21705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marR="0" lvl="0" indent="-87313"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700" b="0" i="1" u="none" strike="noStrike" kern="1200" cap="none" spc="0" normalizeH="0" noProof="0">
                <a:ln>
                  <a:noFill/>
                </a:ln>
                <a:solidFill>
                  <a:srgbClr val="000000"/>
                </a:solidFill>
                <a:effectLst/>
                <a:uLnTx/>
                <a:uFillTx/>
                <a:latin typeface="Arial" panose="020B0604020202020204"/>
                <a:ea typeface="+mn-ea"/>
                <a:cs typeface="+mn-cs"/>
              </a:rPr>
              <a:t>*Baseret på de seneste tal fra Finanstilsynet (2024-2025) </a:t>
            </a:r>
          </a:p>
        </p:txBody>
      </p:sp>
      <p:sp>
        <p:nvSpPr>
          <p:cNvPr id="120" name="Rectangle 119">
            <a:extLst>
              <a:ext uri="{FF2B5EF4-FFF2-40B4-BE49-F238E27FC236}">
                <a16:creationId xmlns:a16="http://schemas.microsoft.com/office/drawing/2014/main" id="{14FE32A1-5B64-6D8E-2985-B57A336482A6}"/>
              </a:ext>
              <a:ext uri="{C183D7F6-B498-43B3-948B-1728B52AA6E4}">
                <adec:decorative xmlns:adec="http://schemas.microsoft.com/office/drawing/2017/decorative" val="1"/>
              </a:ext>
            </a:extLst>
          </p:cNvPr>
          <p:cNvSpPr>
            <a:spLocks/>
          </p:cNvSpPr>
          <p:nvPr/>
        </p:nvSpPr>
        <p:spPr>
          <a:xfrm>
            <a:off x="9685837" y="2833785"/>
            <a:ext cx="2232800" cy="1029081"/>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33" name="Rectangle 32">
            <a:extLst>
              <a:ext uri="{FF2B5EF4-FFF2-40B4-BE49-F238E27FC236}">
                <a16:creationId xmlns:a16="http://schemas.microsoft.com/office/drawing/2014/main" id="{6D136698-5EF6-670F-E834-6A203C799F41}"/>
              </a:ext>
              <a:ext uri="{C183D7F6-B498-43B3-948B-1728B52AA6E4}">
                <adec:decorative xmlns:adec="http://schemas.microsoft.com/office/drawing/2017/decorative" val="1"/>
              </a:ext>
            </a:extLst>
          </p:cNvPr>
          <p:cNvSpPr>
            <a:spLocks/>
          </p:cNvSpPr>
          <p:nvPr/>
        </p:nvSpPr>
        <p:spPr>
          <a:xfrm>
            <a:off x="9676593" y="2144571"/>
            <a:ext cx="2232800" cy="300157"/>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2" name="Rectangle 11">
            <a:extLst>
              <a:ext uri="{FF2B5EF4-FFF2-40B4-BE49-F238E27FC236}">
                <a16:creationId xmlns:a16="http://schemas.microsoft.com/office/drawing/2014/main" id="{B88EB336-5AB3-A2BF-1BF7-9932BFE7A54F}"/>
              </a:ext>
              <a:ext uri="{C183D7F6-B498-43B3-948B-1728B52AA6E4}">
                <adec:decorative xmlns:adec="http://schemas.microsoft.com/office/drawing/2017/decorative" val="1"/>
              </a:ext>
            </a:extLst>
          </p:cNvPr>
          <p:cNvSpPr>
            <a:spLocks/>
          </p:cNvSpPr>
          <p:nvPr/>
        </p:nvSpPr>
        <p:spPr>
          <a:xfrm>
            <a:off x="1040828" y="5430757"/>
            <a:ext cx="2047448" cy="23182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Tree>
    <p:extLst>
      <p:ext uri="{BB962C8B-B14F-4D97-AF65-F5344CB8AC3E}">
        <p14:creationId xmlns:p14="http://schemas.microsoft.com/office/powerpoint/2010/main" val="1518015674"/>
      </p:ext>
    </p:extLst>
  </p:cSld>
  <p:clrMapOvr>
    <a:masterClrMapping/>
  </p:clrMapOvr>
  <p:transition>
    <p:fade/>
  </p:transition>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385D7B-0A0E-2F35-1989-FD80B867676D}"/>
            </a:ext>
          </a:extLst>
        </p:cNvPr>
        <p:cNvGrpSpPr/>
        <p:nvPr/>
      </p:nvGrpSpPr>
      <p:grpSpPr>
        <a:xfrm>
          <a:off x="0" y="0"/>
          <a:ext cx="0" cy="0"/>
          <a:chOff x="0" y="0"/>
          <a:chExt cx="0" cy="0"/>
        </a:xfrm>
      </p:grpSpPr>
      <p:sp>
        <p:nvSpPr>
          <p:cNvPr id="15" name="Rectangle: Rounded Corners 14">
            <a:extLst>
              <a:ext uri="{FF2B5EF4-FFF2-40B4-BE49-F238E27FC236}">
                <a16:creationId xmlns:a16="http://schemas.microsoft.com/office/drawing/2014/main" id="{957302DF-B261-02BC-33A9-87B26F31DA5E}"/>
              </a:ext>
            </a:extLst>
          </p:cNvPr>
          <p:cNvSpPr/>
          <p:nvPr/>
        </p:nvSpPr>
        <p:spPr>
          <a:xfrm>
            <a:off x="169304" y="11734"/>
            <a:ext cx="5928283"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4 | Risikostyring i den finansielle sektor</a:t>
            </a:r>
          </a:p>
        </p:txBody>
      </p:sp>
      <p:sp>
        <p:nvSpPr>
          <p:cNvPr id="24" name="Rectangle: Rounded Corners 23">
            <a:extLst>
              <a:ext uri="{FF2B5EF4-FFF2-40B4-BE49-F238E27FC236}">
                <a16:creationId xmlns:a16="http://schemas.microsoft.com/office/drawing/2014/main" id="{1A0EB91E-C6F5-B31A-64D0-999AA9DCF5CB}"/>
              </a:ext>
              <a:ext uri="{C183D7F6-B498-43B3-948B-1728B52AA6E4}">
                <adec:decorative xmlns:adec="http://schemas.microsoft.com/office/drawing/2017/decorative" val="1"/>
              </a:ext>
            </a:extLst>
          </p:cNvPr>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 name="Title 1">
            <a:extLst>
              <a:ext uri="{FF2B5EF4-FFF2-40B4-BE49-F238E27FC236}">
                <a16:creationId xmlns:a16="http://schemas.microsoft.com/office/drawing/2014/main" id="{DAE4D087-05E8-1A93-D051-3D0FC71D4CEF}"/>
              </a:ext>
            </a:extLst>
          </p:cNvPr>
          <p:cNvSpPr>
            <a:spLocks noGrp="1"/>
          </p:cNvSpPr>
          <p:nvPr>
            <p:ph type="title"/>
          </p:nvPr>
        </p:nvSpPr>
        <p:spPr/>
        <p:txBody>
          <a:bodyPr/>
          <a:lstStyle/>
          <a:p>
            <a:r>
              <a:rPr lang="da-DK" sz="2200" noProof="0" dirty="0"/>
              <a:t>Side 2/3 | </a:t>
            </a:r>
            <a:r>
              <a:rPr lang="da-DK" sz="2200" b="1" noProof="0" dirty="0"/>
              <a:t>Formål, baggrund og kontekst</a:t>
            </a:r>
          </a:p>
        </p:txBody>
      </p:sp>
      <p:sp>
        <p:nvSpPr>
          <p:cNvPr id="10" name="Rectangle: Rounded Corners 9">
            <a:extLst>
              <a:ext uri="{FF2B5EF4-FFF2-40B4-BE49-F238E27FC236}">
                <a16:creationId xmlns:a16="http://schemas.microsoft.com/office/drawing/2014/main" id="{81E47768-DC64-00DD-7EC3-35C0F3AF54ED}"/>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Formål og strategi </a:t>
            </a:r>
          </a:p>
        </p:txBody>
      </p:sp>
      <p:sp>
        <p:nvSpPr>
          <p:cNvPr id="3" name="Rectangle 2">
            <a:extLst>
              <a:ext uri="{FF2B5EF4-FFF2-40B4-BE49-F238E27FC236}">
                <a16:creationId xmlns:a16="http://schemas.microsoft.com/office/drawing/2014/main" id="{ECC2E652-A39B-AA6C-4EC1-8D76CB805415}"/>
              </a:ext>
            </a:extLst>
          </p:cNvPr>
          <p:cNvSpPr/>
          <p:nvPr/>
        </p:nvSpPr>
        <p:spPr>
          <a:xfrm>
            <a:off x="560497" y="2069025"/>
            <a:ext cx="3048232" cy="450595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Formål</a:t>
            </a:r>
          </a:p>
          <a:p>
            <a:r>
              <a:rPr lang="da-DK" sz="900" noProof="0">
                <a:solidFill>
                  <a:schemeClr val="tx1"/>
                </a:solidFill>
              </a:rPr>
              <a:t>Formålet er at sikre, at kritiske eller vigtige funktioner (</a:t>
            </a:r>
            <a:r>
              <a:rPr lang="da-DK" sz="900" noProof="0" err="1">
                <a:solidFill>
                  <a:schemeClr val="tx1"/>
                </a:solidFill>
              </a:rPr>
              <a:t>CIF’er</a:t>
            </a:r>
            <a:r>
              <a:rPr lang="da-DK" sz="900" noProof="0">
                <a:solidFill>
                  <a:schemeClr val="tx1"/>
                </a:solidFill>
              </a:rPr>
              <a:t>) i finanssektoren identificeres, vurderes og styres systematisk for at minimere risikoen for driftsafbrydelser, </a:t>
            </a:r>
            <a:r>
              <a:rPr lang="da-DK" sz="900" noProof="0" err="1">
                <a:solidFill>
                  <a:schemeClr val="tx1"/>
                </a:solidFill>
              </a:rPr>
              <a:t>cyberangreb</a:t>
            </a:r>
            <a:r>
              <a:rPr lang="da-DK" sz="900" noProof="0">
                <a:solidFill>
                  <a:schemeClr val="tx1"/>
                </a:solidFill>
              </a:rPr>
              <a:t> og regulatoriske brud. Dette skal ske gennem en struktureret tilgang til risiko-</a:t>
            </a:r>
            <a:r>
              <a:rPr lang="da-DK" sz="900" noProof="0" err="1">
                <a:solidFill>
                  <a:schemeClr val="tx1"/>
                </a:solidFill>
              </a:rPr>
              <a:t>mapping</a:t>
            </a:r>
            <a:r>
              <a:rPr lang="da-DK" sz="900" noProof="0">
                <a:solidFill>
                  <a:schemeClr val="tx1"/>
                </a:solidFill>
              </a:rPr>
              <a:t>, </a:t>
            </a:r>
            <a:r>
              <a:rPr lang="da-DK" sz="900" noProof="0" err="1">
                <a:solidFill>
                  <a:schemeClr val="tx1"/>
                </a:solidFill>
              </a:rPr>
              <a:t>governance</a:t>
            </a:r>
            <a:r>
              <a:rPr lang="da-DK" sz="900" noProof="0">
                <a:solidFill>
                  <a:schemeClr val="tx1"/>
                </a:solidFill>
              </a:rPr>
              <a:t> og kontrol, så sektoren kan opretholde finansiel stabilitet og tillid – selv under alvorlige it-hændelser, fx koordinerede </a:t>
            </a:r>
            <a:r>
              <a:rPr lang="da-DK" sz="900" noProof="0" err="1">
                <a:solidFill>
                  <a:schemeClr val="tx1"/>
                </a:solidFill>
              </a:rPr>
              <a:t>cyberangreb</a:t>
            </a:r>
            <a:r>
              <a:rPr lang="da-DK" sz="900" noProof="0">
                <a:solidFill>
                  <a:schemeClr val="tx1"/>
                </a:solidFill>
              </a:rPr>
              <a:t>, strømsvigt og nedbrud i centrale it-komponenter. </a:t>
            </a:r>
            <a:endParaRPr lang="da-DK" sz="900"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r>
              <a:rPr lang="da-DK" sz="900" b="1" noProof="0">
                <a:solidFill>
                  <a:srgbClr val="36465A"/>
                </a:solidFill>
                <a:sym typeface="Wingdings" panose="05000000000000000000" pitchFamily="2" charset="2"/>
              </a:rPr>
              <a:t>Strategisk ophæng</a:t>
            </a:r>
          </a:p>
          <a:p>
            <a:r>
              <a:rPr lang="da-DK" sz="900" noProof="0">
                <a:solidFill>
                  <a:schemeClr val="tx1"/>
                </a:solidFill>
                <a:sym typeface="Wingdings" panose="05000000000000000000" pitchFamily="2" charset="2"/>
              </a:rPr>
              <a:t>Initiativet er forankret i EU’s Digital Operational </a:t>
            </a:r>
            <a:r>
              <a:rPr lang="da-DK" sz="900" noProof="0" err="1">
                <a:solidFill>
                  <a:schemeClr val="tx1"/>
                </a:solidFill>
                <a:sym typeface="Wingdings" panose="05000000000000000000" pitchFamily="2" charset="2"/>
              </a:rPr>
              <a:t>Resilience</a:t>
            </a:r>
            <a:r>
              <a:rPr lang="da-DK" sz="900" noProof="0">
                <a:solidFill>
                  <a:schemeClr val="tx1"/>
                </a:solidFill>
                <a:sym typeface="Wingdings" panose="05000000000000000000" pitchFamily="2" charset="2"/>
              </a:rPr>
              <a:t> </a:t>
            </a:r>
            <a:r>
              <a:rPr lang="da-DK" sz="900" noProof="0" err="1">
                <a:solidFill>
                  <a:schemeClr val="tx1"/>
                </a:solidFill>
                <a:sym typeface="Wingdings" panose="05000000000000000000" pitchFamily="2" charset="2"/>
              </a:rPr>
              <a:t>Act</a:t>
            </a:r>
            <a:r>
              <a:rPr lang="da-DK" sz="900" noProof="0">
                <a:solidFill>
                  <a:schemeClr val="tx1"/>
                </a:solidFill>
                <a:sym typeface="Wingdings" panose="05000000000000000000" pitchFamily="2" charset="2"/>
              </a:rPr>
              <a:t> (DORA), som trådte i kraft i januar 2025, vedtaget med det formål at styrke den finansielle sektors digitale operationelle modstandsdygtighed. DORA stiller bl.a. bindende krav til IKT-risikostyring (identificering, vurdering og styring af </a:t>
            </a:r>
            <a:r>
              <a:rPr lang="da-DK" sz="900" noProof="0" err="1">
                <a:solidFill>
                  <a:schemeClr val="tx1"/>
                </a:solidFill>
                <a:sym typeface="Wingdings" panose="05000000000000000000" pitchFamily="2" charset="2"/>
              </a:rPr>
              <a:t>CIF’er</a:t>
            </a:r>
            <a:r>
              <a:rPr lang="da-DK" sz="900" noProof="0">
                <a:solidFill>
                  <a:schemeClr val="tx1"/>
                </a:solidFill>
                <a:sym typeface="Wingdings" panose="05000000000000000000" pitchFamily="2" charset="2"/>
              </a:rPr>
              <a:t>). Disse funktioner omfatter systemer og processer, hvor en afbrydelse kan have væsentlig indvirkning på finansiel stabilitet, servicekontinuitet eller regulatorisk compliance.</a:t>
            </a:r>
          </a:p>
          <a:p>
            <a:r>
              <a:rPr lang="da-DK" sz="900" noProof="0" err="1">
                <a:solidFill>
                  <a:schemeClr val="tx1"/>
                </a:solidFill>
                <a:sym typeface="Wingdings" panose="05000000000000000000" pitchFamily="2" charset="2"/>
              </a:rPr>
              <a:t>CIF’er</a:t>
            </a:r>
            <a:r>
              <a:rPr lang="da-DK" sz="900" noProof="0">
                <a:solidFill>
                  <a:schemeClr val="tx1"/>
                </a:solidFill>
                <a:sym typeface="Wingdings" panose="05000000000000000000" pitchFamily="2" charset="2"/>
              </a:rPr>
              <a:t> dækker ikke kun interne it-systemer, men også outsourcede tjenester, herunder cloud-løsninger og tredjepartsleverandører, hvilket betyder, at hele værdikæden skal underlægges risikovurdering. DORA stiller krav til:</a:t>
            </a:r>
          </a:p>
          <a:p>
            <a:pPr marL="228600" indent="-228600">
              <a:buFont typeface="Arial" panose="020B0604020202020204" pitchFamily="34" charset="0"/>
              <a:buChar char="•"/>
            </a:pPr>
            <a:r>
              <a:rPr lang="da-DK" sz="900" noProof="0">
                <a:solidFill>
                  <a:schemeClr val="tx1"/>
                </a:solidFill>
                <a:sym typeface="Wingdings" panose="05000000000000000000" pitchFamily="2" charset="2"/>
              </a:rPr>
              <a:t>IKT-</a:t>
            </a:r>
            <a:r>
              <a:rPr lang="da-DK" sz="900" noProof="0" err="1">
                <a:solidFill>
                  <a:schemeClr val="tx1"/>
                </a:solidFill>
                <a:sym typeface="Wingdings" panose="05000000000000000000" pitchFamily="2" charset="2"/>
              </a:rPr>
              <a:t>governance</a:t>
            </a:r>
            <a:r>
              <a:rPr lang="da-DK" sz="900" noProof="0">
                <a:solidFill>
                  <a:schemeClr val="tx1"/>
                </a:solidFill>
                <a:sym typeface="Wingdings" panose="05000000000000000000" pitchFamily="2" charset="2"/>
              </a:rPr>
              <a:t> og risikostyring</a:t>
            </a:r>
          </a:p>
          <a:p>
            <a:pPr marL="228600" indent="-228600">
              <a:buFont typeface="Arial" panose="020B0604020202020204" pitchFamily="34" charset="0"/>
              <a:buChar char="•"/>
            </a:pPr>
            <a:r>
              <a:rPr lang="da-DK" sz="900" noProof="0">
                <a:solidFill>
                  <a:schemeClr val="tx1"/>
                </a:solidFill>
                <a:sym typeface="Wingdings" panose="05000000000000000000" pitchFamily="2" charset="2"/>
              </a:rPr>
              <a:t>IKT-hændelsesrapportering</a:t>
            </a:r>
          </a:p>
          <a:p>
            <a:pPr marL="228600" indent="-228600">
              <a:buFont typeface="Arial" panose="020B0604020202020204" pitchFamily="34" charset="0"/>
              <a:buChar char="•"/>
            </a:pPr>
            <a:r>
              <a:rPr lang="da-DK" sz="900" noProof="0">
                <a:solidFill>
                  <a:schemeClr val="tx1"/>
                </a:solidFill>
                <a:sym typeface="Wingdings" panose="05000000000000000000" pitchFamily="2" charset="2"/>
              </a:rPr>
              <a:t>IKT-resilienstest, beredskab og </a:t>
            </a:r>
            <a:r>
              <a:rPr lang="da-DK" sz="900" noProof="0" err="1">
                <a:solidFill>
                  <a:schemeClr val="tx1"/>
                </a:solidFill>
                <a:sym typeface="Wingdings" panose="05000000000000000000" pitchFamily="2" charset="2"/>
              </a:rPr>
              <a:t>mitigering</a:t>
            </a:r>
            <a:endParaRPr lang="da-DK" sz="900" noProof="0">
              <a:solidFill>
                <a:schemeClr val="tx1"/>
              </a:solidFill>
              <a:sym typeface="Wingdings" panose="05000000000000000000" pitchFamily="2" charset="2"/>
            </a:endParaRPr>
          </a:p>
          <a:p>
            <a:pPr marL="228600" indent="-228600">
              <a:buFont typeface="Arial" panose="020B0604020202020204" pitchFamily="34" charset="0"/>
              <a:buChar char="•"/>
            </a:pPr>
            <a:r>
              <a:rPr lang="da-DK" sz="900" noProof="0">
                <a:solidFill>
                  <a:schemeClr val="tx1"/>
                </a:solidFill>
                <a:sym typeface="Wingdings" panose="05000000000000000000" pitchFamily="2" charset="2"/>
              </a:rPr>
              <a:t>IKT-tredjepartsrisikostyring</a:t>
            </a:r>
          </a:p>
          <a:p>
            <a:pPr marL="228600" indent="-228600">
              <a:buFont typeface="Arial" panose="020B0604020202020204" pitchFamily="34" charset="0"/>
              <a:buChar char="•"/>
            </a:pPr>
            <a:r>
              <a:rPr lang="da-DK" sz="900" noProof="0">
                <a:solidFill>
                  <a:schemeClr val="tx1"/>
                </a:solidFill>
                <a:sym typeface="Wingdings" panose="05000000000000000000" pitchFamily="2" charset="2"/>
              </a:rPr>
              <a:t>Ordninger for informationsudveksling.</a:t>
            </a:r>
          </a:p>
        </p:txBody>
      </p:sp>
      <p:sp>
        <p:nvSpPr>
          <p:cNvPr id="11" name="Rectangle: Rounded Corners 10">
            <a:extLst>
              <a:ext uri="{FF2B5EF4-FFF2-40B4-BE49-F238E27FC236}">
                <a16:creationId xmlns:a16="http://schemas.microsoft.com/office/drawing/2014/main" id="{78F1C6F6-BD3D-140E-701F-D097A861421C}"/>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Baggrund og kontekst</a:t>
            </a:r>
          </a:p>
        </p:txBody>
      </p:sp>
      <p:sp>
        <p:nvSpPr>
          <p:cNvPr id="5" name="Rectangle 4">
            <a:extLst>
              <a:ext uri="{FF2B5EF4-FFF2-40B4-BE49-F238E27FC236}">
                <a16:creationId xmlns:a16="http://schemas.microsoft.com/office/drawing/2014/main" id="{37B339BE-79CB-AF5C-8745-877A96F94011}"/>
              </a:ext>
            </a:extLst>
          </p:cNvPr>
          <p:cNvSpPr/>
          <p:nvPr/>
        </p:nvSpPr>
        <p:spPr>
          <a:xfrm>
            <a:off x="3565418" y="2069025"/>
            <a:ext cx="3004131" cy="45059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rPr>
              <a:t>Baggrund</a:t>
            </a:r>
          </a:p>
          <a:p>
            <a:r>
              <a:rPr lang="da-DK" sz="900" noProof="0">
                <a:solidFill>
                  <a:schemeClr val="tx1"/>
                </a:solidFill>
              </a:rPr>
              <a:t>DORA blev introduceret af EU som en del af den digitale finanspakke i 2020 og trådte i kraft i januar 2025. Formålet med DORA er at skabe et harmoniseret regelsæt for digital robusthed i den finansielle sektor på tværs af EU. Baggrunden er en stigende afhængighed af teknologi og tredjepartsleverandører, hvilket har gjort finanssektoren sårbar over for </a:t>
            </a:r>
            <a:r>
              <a:rPr lang="da-DK" sz="900" noProof="0" err="1">
                <a:solidFill>
                  <a:schemeClr val="tx1"/>
                </a:solidFill>
              </a:rPr>
              <a:t>cyberangreb</a:t>
            </a:r>
            <a:r>
              <a:rPr lang="da-DK" sz="900" noProof="0">
                <a:solidFill>
                  <a:schemeClr val="tx1"/>
                </a:solidFill>
              </a:rPr>
              <a:t> og systemnedbrud. Tidligere reguleringer dækkede dele af området, men man manglede en samlet ramme for IKT-risikostyring, leverandørkontrol og beredskabsplaner. DORA adresserer disse huller.</a:t>
            </a:r>
          </a:p>
          <a:p>
            <a:endParaRPr lang="da-DK" sz="900" noProof="0">
              <a:solidFill>
                <a:schemeClr val="tx1"/>
              </a:solidFill>
            </a:endParaRPr>
          </a:p>
          <a:p>
            <a:r>
              <a:rPr lang="da-DK" sz="900" b="1" noProof="0">
                <a:solidFill>
                  <a:srgbClr val="36465A"/>
                </a:solidFill>
              </a:rPr>
              <a:t>Kontekst</a:t>
            </a:r>
          </a:p>
          <a:p>
            <a:r>
              <a:rPr lang="da-DK" sz="900" noProof="0">
                <a:solidFill>
                  <a:schemeClr val="tx1"/>
                </a:solidFill>
              </a:rPr>
              <a:t>Den danske finanssektor er blandt de mest digitaliserede i Europa og har en lang tradition for at integrere digitale løsninger i både bankdrift og offentlige tjenester. Danmark ligger i top på EU’s Digital </a:t>
            </a:r>
            <a:r>
              <a:rPr lang="da-DK" sz="900" noProof="0" err="1">
                <a:solidFill>
                  <a:schemeClr val="tx1"/>
                </a:solidFill>
              </a:rPr>
              <a:t>Economy</a:t>
            </a:r>
            <a:r>
              <a:rPr lang="da-DK" sz="900" noProof="0">
                <a:solidFill>
                  <a:schemeClr val="tx1"/>
                </a:solidFill>
              </a:rPr>
              <a:t> and Society Index (DESI) med høj cloud-adoption og avancerede digitale betalingsinfrastrukturer.* </a:t>
            </a:r>
          </a:p>
          <a:p>
            <a:endParaRPr lang="da-DK" sz="900" noProof="0" dirty="0">
              <a:solidFill>
                <a:schemeClr val="tx1"/>
              </a:solidFill>
            </a:endParaRPr>
          </a:p>
          <a:p>
            <a:r>
              <a:rPr lang="da-DK" sz="900" noProof="0">
                <a:solidFill>
                  <a:schemeClr val="tx1"/>
                </a:solidFill>
              </a:rPr>
              <a:t>Denne digitalisering har øget effektiviteten, men også skabt en kompleks risikoprofil med afhængighed af globale cloud-udbydere og kritiske it-systemer. </a:t>
            </a:r>
            <a:r>
              <a:rPr lang="da-DK" sz="900" noProof="0" err="1">
                <a:solidFill>
                  <a:schemeClr val="tx1"/>
                </a:solidFill>
              </a:rPr>
              <a:t>Cybertrusler</a:t>
            </a:r>
            <a:r>
              <a:rPr lang="da-DK" sz="900" noProof="0">
                <a:solidFill>
                  <a:schemeClr val="tx1"/>
                </a:solidFill>
              </a:rPr>
              <a:t>, geopolitisk usikkerhed og koncentrationsrisiko hos få, store leverandører gør robusthed og resiliens til forretningskritiske prioriteter. </a:t>
            </a:r>
          </a:p>
          <a:p>
            <a:r>
              <a:rPr lang="da-DK" sz="900" noProof="0">
                <a:solidFill>
                  <a:schemeClr val="tx1"/>
                </a:solidFill>
              </a:rPr>
              <a:t>I finanssektoren er fokus ikke på digital suverænitet, men på resiliens, stabilitet og sikkerhed, drevet af regulering og kundebehov. </a:t>
            </a:r>
          </a:p>
        </p:txBody>
      </p:sp>
      <p:sp>
        <p:nvSpPr>
          <p:cNvPr id="7" name="Rectangle 6">
            <a:extLst>
              <a:ext uri="{FF2B5EF4-FFF2-40B4-BE49-F238E27FC236}">
                <a16:creationId xmlns:a16="http://schemas.microsoft.com/office/drawing/2014/main" id="{D4DE052C-7AC4-66FE-7061-44B2BD38C7CC}"/>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ED1D9230-E576-0B70-FC32-A6D0D1CA1BB2}"/>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47DF43F6-3FFD-F2E4-7C0D-B18893919AF1}"/>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161F081E-820C-0F34-90DA-831F5E5B6D04}"/>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83B356B3-1881-82D6-029A-57AD110B0B3C}"/>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4" name="Freeform 16">
            <a:extLst>
              <a:ext uri="{FF2B5EF4-FFF2-40B4-BE49-F238E27FC236}">
                <a16:creationId xmlns:a16="http://schemas.microsoft.com/office/drawing/2014/main" id="{00569745-559B-7FE4-4D31-CE858E414242}"/>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34">
            <a:extLst>
              <a:ext uri="{FF2B5EF4-FFF2-40B4-BE49-F238E27FC236}">
                <a16:creationId xmlns:a16="http://schemas.microsoft.com/office/drawing/2014/main" id="{888C7C88-C9AC-A78C-8325-57D272BCFDA9}"/>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1" name="TextBox 20">
            <a:extLst>
              <a:ext uri="{FF2B5EF4-FFF2-40B4-BE49-F238E27FC236}">
                <a16:creationId xmlns:a16="http://schemas.microsoft.com/office/drawing/2014/main" id="{4EBF06D4-5375-7EA5-9EB0-9790F175F8D0}"/>
              </a:ext>
            </a:extLst>
          </p:cNvPr>
          <p:cNvSpPr txBox="1"/>
          <p:nvPr/>
        </p:nvSpPr>
        <p:spPr>
          <a:xfrm>
            <a:off x="6649627" y="1741260"/>
            <a:ext cx="4635860" cy="258022"/>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Illustrativ model af DORA-implementering</a:t>
            </a:r>
          </a:p>
        </p:txBody>
      </p:sp>
      <p:grpSp>
        <p:nvGrpSpPr>
          <p:cNvPr id="6" name="Group 5">
            <a:extLst>
              <a:ext uri="{FF2B5EF4-FFF2-40B4-BE49-F238E27FC236}">
                <a16:creationId xmlns:a16="http://schemas.microsoft.com/office/drawing/2014/main" id="{98F442E9-E8A6-D10F-0C1C-70FD53B27F73}"/>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3" name="Rectangle 12">
              <a:extLst>
                <a:ext uri="{FF2B5EF4-FFF2-40B4-BE49-F238E27FC236}">
                  <a16:creationId xmlns:a16="http://schemas.microsoft.com/office/drawing/2014/main" id="{FD879E08-1F06-B42E-09BC-37E3EAB21C6F}"/>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 name="Rectangle 13">
              <a:extLst>
                <a:ext uri="{FF2B5EF4-FFF2-40B4-BE49-F238E27FC236}">
                  <a16:creationId xmlns:a16="http://schemas.microsoft.com/office/drawing/2014/main" id="{84D1F6D1-7F84-846E-126F-5B5EBD6E809F}"/>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grpSp>
        <p:nvGrpSpPr>
          <p:cNvPr id="43" name="Group 42">
            <a:extLst>
              <a:ext uri="{FF2B5EF4-FFF2-40B4-BE49-F238E27FC236}">
                <a16:creationId xmlns:a16="http://schemas.microsoft.com/office/drawing/2014/main" id="{0076083B-A471-EB9D-0F04-3FF858295168}"/>
              </a:ext>
              <a:ext uri="{C183D7F6-B498-43B3-948B-1728B52AA6E4}">
                <adec:decorative xmlns:adec="http://schemas.microsoft.com/office/drawing/2017/decorative" val="1"/>
              </a:ext>
            </a:extLst>
          </p:cNvPr>
          <p:cNvGrpSpPr/>
          <p:nvPr/>
        </p:nvGrpSpPr>
        <p:grpSpPr>
          <a:xfrm>
            <a:off x="8990584" y="4036434"/>
            <a:ext cx="669874" cy="669874"/>
            <a:chOff x="3380235" y="2231986"/>
            <a:chExt cx="1352819" cy="1352869"/>
          </a:xfrm>
        </p:grpSpPr>
        <p:sp>
          <p:nvSpPr>
            <p:cNvPr id="71" name="Free-form: Shape 62">
              <a:extLst>
                <a:ext uri="{FF2B5EF4-FFF2-40B4-BE49-F238E27FC236}">
                  <a16:creationId xmlns:a16="http://schemas.microsoft.com/office/drawing/2014/main" id="{44648637-67FD-9B22-3276-06F9A6D958F6}"/>
                </a:ext>
              </a:extLst>
            </p:cNvPr>
            <p:cNvSpPr/>
            <p:nvPr/>
          </p:nvSpPr>
          <p:spPr>
            <a:xfrm rot="18900000">
              <a:off x="3481955" y="2326740"/>
              <a:ext cx="1130392" cy="1130392"/>
            </a:xfrm>
            <a:custGeom>
              <a:avLst/>
              <a:gdLst>
                <a:gd name="connsiteX0" fmla="*/ 1130392 w 1130392"/>
                <a:gd name="connsiteY0" fmla="*/ 565196 h 1130392"/>
                <a:gd name="connsiteX1" fmla="*/ 565196 w 1130392"/>
                <a:gd name="connsiteY1" fmla="*/ 1130393 h 1130392"/>
                <a:gd name="connsiteX2" fmla="*/ 0 w 1130392"/>
                <a:gd name="connsiteY2" fmla="*/ 565196 h 1130392"/>
                <a:gd name="connsiteX3" fmla="*/ 565196 w 1130392"/>
                <a:gd name="connsiteY3" fmla="*/ 0 h 1130392"/>
                <a:gd name="connsiteX4" fmla="*/ 1130392 w 1130392"/>
                <a:gd name="connsiteY4" fmla="*/ 565196 h 11303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0392" h="1130392">
                  <a:moveTo>
                    <a:pt x="1130392" y="565196"/>
                  </a:moveTo>
                  <a:cubicBezTo>
                    <a:pt x="1130392" y="877346"/>
                    <a:pt x="877345" y="1130393"/>
                    <a:pt x="565196" y="1130393"/>
                  </a:cubicBezTo>
                  <a:cubicBezTo>
                    <a:pt x="253047" y="1130393"/>
                    <a:pt x="0" y="877346"/>
                    <a:pt x="0" y="565196"/>
                  </a:cubicBezTo>
                  <a:cubicBezTo>
                    <a:pt x="0" y="253047"/>
                    <a:pt x="253047" y="0"/>
                    <a:pt x="565196" y="0"/>
                  </a:cubicBezTo>
                  <a:cubicBezTo>
                    <a:pt x="877346" y="0"/>
                    <a:pt x="1130392" y="253047"/>
                    <a:pt x="1130392" y="565196"/>
                  </a:cubicBezTo>
                  <a:close/>
                </a:path>
              </a:pathLst>
            </a:custGeom>
            <a:solidFill>
              <a:srgbClr val="4AB9D3"/>
            </a:solidFill>
            <a:ln w="0" cap="flat">
              <a:noFill/>
              <a:prstDash val="solid"/>
              <a:miter/>
            </a:ln>
          </p:spPr>
          <p:txBody>
            <a:bodyPr rtlCol="0" anchor="ct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nvGrpSpPr>
            <p:cNvPr id="72" name="Graphic 2">
              <a:extLst>
                <a:ext uri="{FF2B5EF4-FFF2-40B4-BE49-F238E27FC236}">
                  <a16:creationId xmlns:a16="http://schemas.microsoft.com/office/drawing/2014/main" id="{86DCFAB2-4D99-F424-26E2-CAA904937D8D}"/>
                </a:ext>
              </a:extLst>
            </p:cNvPr>
            <p:cNvGrpSpPr/>
            <p:nvPr/>
          </p:nvGrpSpPr>
          <p:grpSpPr>
            <a:xfrm>
              <a:off x="3380235" y="2231986"/>
              <a:ext cx="1352819" cy="1352869"/>
              <a:chOff x="3380691" y="2232595"/>
              <a:chExt cx="1352819" cy="1352869"/>
            </a:xfrm>
          </p:grpSpPr>
          <p:sp>
            <p:nvSpPr>
              <p:cNvPr id="73" name="Free-form: Shape 73">
                <a:extLst>
                  <a:ext uri="{FF2B5EF4-FFF2-40B4-BE49-F238E27FC236}">
                    <a16:creationId xmlns:a16="http://schemas.microsoft.com/office/drawing/2014/main" id="{240F3468-5F80-6BF2-8550-4BFAB1B4FFC6}"/>
                  </a:ext>
                </a:extLst>
              </p:cNvPr>
              <p:cNvSpPr/>
              <p:nvPr/>
            </p:nvSpPr>
            <p:spPr>
              <a:xfrm>
                <a:off x="3380691" y="2232595"/>
                <a:ext cx="1332519" cy="1332438"/>
              </a:xfrm>
              <a:custGeom>
                <a:avLst/>
                <a:gdLst>
                  <a:gd name="connsiteX0" fmla="*/ 195133 w 1332519"/>
                  <a:gd name="connsiteY0" fmla="*/ 1137371 h 1332438"/>
                  <a:gd name="connsiteX1" fmla="*/ 187780 w 1332519"/>
                  <a:gd name="connsiteY1" fmla="*/ 1129921 h 1332438"/>
                  <a:gd name="connsiteX2" fmla="*/ 187878 w 1332519"/>
                  <a:gd name="connsiteY2" fmla="*/ 1124162 h 1332438"/>
                  <a:gd name="connsiteX3" fmla="*/ 193637 w 1332519"/>
                  <a:gd name="connsiteY3" fmla="*/ 1124260 h 1332438"/>
                  <a:gd name="connsiteX4" fmla="*/ 212766 w 1332519"/>
                  <a:gd name="connsiteY4" fmla="*/ 1143194 h 1332438"/>
                  <a:gd name="connsiteX5" fmla="*/ 212896 w 1332519"/>
                  <a:gd name="connsiteY5" fmla="*/ 1148952 h 1332438"/>
                  <a:gd name="connsiteX6" fmla="*/ 207170 w 1332519"/>
                  <a:gd name="connsiteY6" fmla="*/ 1149082 h 1332438"/>
                  <a:gd name="connsiteX7" fmla="*/ 195166 w 1332519"/>
                  <a:gd name="connsiteY7" fmla="*/ 1137371 h 1332438"/>
                  <a:gd name="connsiteX8" fmla="*/ 169562 w 1332519"/>
                  <a:gd name="connsiteY8" fmla="*/ 1110336 h 1332438"/>
                  <a:gd name="connsiteX9" fmla="*/ 169399 w 1332519"/>
                  <a:gd name="connsiteY9" fmla="*/ 1110173 h 1332438"/>
                  <a:gd name="connsiteX10" fmla="*/ 151669 w 1332519"/>
                  <a:gd name="connsiteY10" fmla="*/ 1089514 h 1332438"/>
                  <a:gd name="connsiteX11" fmla="*/ 152222 w 1332519"/>
                  <a:gd name="connsiteY11" fmla="*/ 1083789 h 1332438"/>
                  <a:gd name="connsiteX12" fmla="*/ 157948 w 1332519"/>
                  <a:gd name="connsiteY12" fmla="*/ 1084342 h 1332438"/>
                  <a:gd name="connsiteX13" fmla="*/ 175483 w 1332519"/>
                  <a:gd name="connsiteY13" fmla="*/ 1104740 h 1332438"/>
                  <a:gd name="connsiteX14" fmla="*/ 175158 w 1332519"/>
                  <a:gd name="connsiteY14" fmla="*/ 1110466 h 1332438"/>
                  <a:gd name="connsiteX15" fmla="*/ 169595 w 1332519"/>
                  <a:gd name="connsiteY15" fmla="*/ 1110303 h 1332438"/>
                  <a:gd name="connsiteX16" fmla="*/ 226853 w 1332519"/>
                  <a:gd name="connsiteY16" fmla="*/ 1167073 h 1332438"/>
                  <a:gd name="connsiteX17" fmla="*/ 226690 w 1332519"/>
                  <a:gd name="connsiteY17" fmla="*/ 1161510 h 1332438"/>
                  <a:gd name="connsiteX18" fmla="*/ 232416 w 1332519"/>
                  <a:gd name="connsiteY18" fmla="*/ 1161152 h 1332438"/>
                  <a:gd name="connsiteX19" fmla="*/ 252977 w 1332519"/>
                  <a:gd name="connsiteY19" fmla="*/ 1178492 h 1332438"/>
                  <a:gd name="connsiteX20" fmla="*/ 253595 w 1332519"/>
                  <a:gd name="connsiteY20" fmla="*/ 1184218 h 1332438"/>
                  <a:gd name="connsiteX21" fmla="*/ 247902 w 1332519"/>
                  <a:gd name="connsiteY21" fmla="*/ 1184804 h 1332438"/>
                  <a:gd name="connsiteX22" fmla="*/ 227080 w 1332519"/>
                  <a:gd name="connsiteY22" fmla="*/ 1167268 h 1332438"/>
                  <a:gd name="connsiteX23" fmla="*/ 226885 w 1332519"/>
                  <a:gd name="connsiteY23" fmla="*/ 1167073 h 1332438"/>
                  <a:gd name="connsiteX24" fmla="*/ 135305 w 1332519"/>
                  <a:gd name="connsiteY24" fmla="*/ 1068791 h 1332438"/>
                  <a:gd name="connsiteX25" fmla="*/ 134947 w 1332519"/>
                  <a:gd name="connsiteY25" fmla="*/ 1068368 h 1332438"/>
                  <a:gd name="connsiteX26" fmla="*/ 118941 w 1332519"/>
                  <a:gd name="connsiteY26" fmla="*/ 1046343 h 1332438"/>
                  <a:gd name="connsiteX27" fmla="*/ 119949 w 1332519"/>
                  <a:gd name="connsiteY27" fmla="*/ 1040682 h 1332438"/>
                  <a:gd name="connsiteX28" fmla="*/ 125610 w 1332519"/>
                  <a:gd name="connsiteY28" fmla="*/ 1041691 h 1332438"/>
                  <a:gd name="connsiteX29" fmla="*/ 141421 w 1332519"/>
                  <a:gd name="connsiteY29" fmla="*/ 1063456 h 1332438"/>
                  <a:gd name="connsiteX30" fmla="*/ 140640 w 1332519"/>
                  <a:gd name="connsiteY30" fmla="*/ 1069149 h 1332438"/>
                  <a:gd name="connsiteX31" fmla="*/ 135305 w 1332519"/>
                  <a:gd name="connsiteY31" fmla="*/ 1068791 h 1332438"/>
                  <a:gd name="connsiteX32" fmla="*/ 268723 w 1332519"/>
                  <a:gd name="connsiteY32" fmla="*/ 1200973 h 1332438"/>
                  <a:gd name="connsiteX33" fmla="*/ 268332 w 1332519"/>
                  <a:gd name="connsiteY33" fmla="*/ 1195670 h 1332438"/>
                  <a:gd name="connsiteX34" fmla="*/ 274025 w 1332519"/>
                  <a:gd name="connsiteY34" fmla="*/ 1194824 h 1332438"/>
                  <a:gd name="connsiteX35" fmla="*/ 295920 w 1332519"/>
                  <a:gd name="connsiteY35" fmla="*/ 1210440 h 1332438"/>
                  <a:gd name="connsiteX36" fmla="*/ 296994 w 1332519"/>
                  <a:gd name="connsiteY36" fmla="*/ 1216068 h 1332438"/>
                  <a:gd name="connsiteX37" fmla="*/ 291366 w 1332519"/>
                  <a:gd name="connsiteY37" fmla="*/ 1217142 h 1332438"/>
                  <a:gd name="connsiteX38" fmla="*/ 269178 w 1332519"/>
                  <a:gd name="connsiteY38" fmla="*/ 1201330 h 1332438"/>
                  <a:gd name="connsiteX39" fmla="*/ 268723 w 1332519"/>
                  <a:gd name="connsiteY39" fmla="*/ 1200940 h 1332438"/>
                  <a:gd name="connsiteX40" fmla="*/ 104529 w 1332519"/>
                  <a:gd name="connsiteY40" fmla="*/ 1024611 h 1332438"/>
                  <a:gd name="connsiteX41" fmla="*/ 103976 w 1332519"/>
                  <a:gd name="connsiteY41" fmla="*/ 1023928 h 1332438"/>
                  <a:gd name="connsiteX42" fmla="*/ 89824 w 1332519"/>
                  <a:gd name="connsiteY42" fmla="*/ 1000667 h 1332438"/>
                  <a:gd name="connsiteX43" fmla="*/ 91288 w 1332519"/>
                  <a:gd name="connsiteY43" fmla="*/ 995104 h 1332438"/>
                  <a:gd name="connsiteX44" fmla="*/ 96851 w 1332519"/>
                  <a:gd name="connsiteY44" fmla="*/ 996568 h 1332438"/>
                  <a:gd name="connsiteX45" fmla="*/ 110840 w 1332519"/>
                  <a:gd name="connsiteY45" fmla="*/ 1019536 h 1332438"/>
                  <a:gd name="connsiteX46" fmla="*/ 109604 w 1332519"/>
                  <a:gd name="connsiteY46" fmla="*/ 1025132 h 1332438"/>
                  <a:gd name="connsiteX47" fmla="*/ 104561 w 1332519"/>
                  <a:gd name="connsiteY47" fmla="*/ 1024579 h 1332438"/>
                  <a:gd name="connsiteX48" fmla="*/ 313195 w 1332519"/>
                  <a:gd name="connsiteY48" fmla="*/ 1231326 h 1332438"/>
                  <a:gd name="connsiteX49" fmla="*/ 312610 w 1332519"/>
                  <a:gd name="connsiteY49" fmla="*/ 1226316 h 1332438"/>
                  <a:gd name="connsiteX50" fmla="*/ 318205 w 1332519"/>
                  <a:gd name="connsiteY50" fmla="*/ 1225014 h 1332438"/>
                  <a:gd name="connsiteX51" fmla="*/ 341304 w 1332519"/>
                  <a:gd name="connsiteY51" fmla="*/ 1238776 h 1332438"/>
                  <a:gd name="connsiteX52" fmla="*/ 342833 w 1332519"/>
                  <a:gd name="connsiteY52" fmla="*/ 1244307 h 1332438"/>
                  <a:gd name="connsiteX53" fmla="*/ 337302 w 1332519"/>
                  <a:gd name="connsiteY53" fmla="*/ 1245836 h 1332438"/>
                  <a:gd name="connsiteX54" fmla="*/ 313911 w 1332519"/>
                  <a:gd name="connsiteY54" fmla="*/ 1231912 h 1332438"/>
                  <a:gd name="connsiteX55" fmla="*/ 313195 w 1332519"/>
                  <a:gd name="connsiteY55" fmla="*/ 1231326 h 1332438"/>
                  <a:gd name="connsiteX56" fmla="*/ 77461 w 1332519"/>
                  <a:gd name="connsiteY56" fmla="*/ 978024 h 1332438"/>
                  <a:gd name="connsiteX57" fmla="*/ 76745 w 1332519"/>
                  <a:gd name="connsiteY57" fmla="*/ 977048 h 1332438"/>
                  <a:gd name="connsiteX58" fmla="*/ 64513 w 1332519"/>
                  <a:gd name="connsiteY58" fmla="*/ 952648 h 1332438"/>
                  <a:gd name="connsiteX59" fmla="*/ 66432 w 1332519"/>
                  <a:gd name="connsiteY59" fmla="*/ 947248 h 1332438"/>
                  <a:gd name="connsiteX60" fmla="*/ 71833 w 1332519"/>
                  <a:gd name="connsiteY60" fmla="*/ 949167 h 1332438"/>
                  <a:gd name="connsiteX61" fmla="*/ 83935 w 1332519"/>
                  <a:gd name="connsiteY61" fmla="*/ 973274 h 1332438"/>
                  <a:gd name="connsiteX62" fmla="*/ 82243 w 1332519"/>
                  <a:gd name="connsiteY62" fmla="*/ 978772 h 1332438"/>
                  <a:gd name="connsiteX63" fmla="*/ 77494 w 1332519"/>
                  <a:gd name="connsiteY63" fmla="*/ 978056 h 1332438"/>
                  <a:gd name="connsiteX64" fmla="*/ 360043 w 1332519"/>
                  <a:gd name="connsiteY64" fmla="*/ 1257938 h 1332438"/>
                  <a:gd name="connsiteX65" fmla="*/ 359295 w 1332519"/>
                  <a:gd name="connsiteY65" fmla="*/ 1253221 h 1332438"/>
                  <a:gd name="connsiteX66" fmla="*/ 364760 w 1332519"/>
                  <a:gd name="connsiteY66" fmla="*/ 1251464 h 1332438"/>
                  <a:gd name="connsiteX67" fmla="*/ 388900 w 1332519"/>
                  <a:gd name="connsiteY67" fmla="*/ 1263306 h 1332438"/>
                  <a:gd name="connsiteX68" fmla="*/ 390884 w 1332519"/>
                  <a:gd name="connsiteY68" fmla="*/ 1268706 h 1332438"/>
                  <a:gd name="connsiteX69" fmla="*/ 385484 w 1332519"/>
                  <a:gd name="connsiteY69" fmla="*/ 1270691 h 1332438"/>
                  <a:gd name="connsiteX70" fmla="*/ 361019 w 1332519"/>
                  <a:gd name="connsiteY70" fmla="*/ 1258719 h 1332438"/>
                  <a:gd name="connsiteX71" fmla="*/ 360010 w 1332519"/>
                  <a:gd name="connsiteY71" fmla="*/ 1257970 h 1332438"/>
                  <a:gd name="connsiteX72" fmla="*/ 54265 w 1332519"/>
                  <a:gd name="connsiteY72" fmla="*/ 929257 h 1332438"/>
                  <a:gd name="connsiteX73" fmla="*/ 53419 w 1332519"/>
                  <a:gd name="connsiteY73" fmla="*/ 927988 h 1332438"/>
                  <a:gd name="connsiteX74" fmla="*/ 43236 w 1332519"/>
                  <a:gd name="connsiteY74" fmla="*/ 902677 h 1332438"/>
                  <a:gd name="connsiteX75" fmla="*/ 45611 w 1332519"/>
                  <a:gd name="connsiteY75" fmla="*/ 897440 h 1332438"/>
                  <a:gd name="connsiteX76" fmla="*/ 50849 w 1332519"/>
                  <a:gd name="connsiteY76" fmla="*/ 899782 h 1332438"/>
                  <a:gd name="connsiteX77" fmla="*/ 60902 w 1332519"/>
                  <a:gd name="connsiteY77" fmla="*/ 924800 h 1332438"/>
                  <a:gd name="connsiteX78" fmla="*/ 58755 w 1332519"/>
                  <a:gd name="connsiteY78" fmla="*/ 930135 h 1332438"/>
                  <a:gd name="connsiteX79" fmla="*/ 54298 w 1332519"/>
                  <a:gd name="connsiteY79" fmla="*/ 929257 h 1332438"/>
                  <a:gd name="connsiteX80" fmla="*/ 408907 w 1332519"/>
                  <a:gd name="connsiteY80" fmla="*/ 1280613 h 1332438"/>
                  <a:gd name="connsiteX81" fmla="*/ 408029 w 1332519"/>
                  <a:gd name="connsiteY81" fmla="*/ 1276189 h 1332438"/>
                  <a:gd name="connsiteX82" fmla="*/ 413332 w 1332519"/>
                  <a:gd name="connsiteY82" fmla="*/ 1274009 h 1332438"/>
                  <a:gd name="connsiteX83" fmla="*/ 438317 w 1332519"/>
                  <a:gd name="connsiteY83" fmla="*/ 1283802 h 1332438"/>
                  <a:gd name="connsiteX84" fmla="*/ 440725 w 1332519"/>
                  <a:gd name="connsiteY84" fmla="*/ 1289007 h 1332438"/>
                  <a:gd name="connsiteX85" fmla="*/ 435519 w 1332519"/>
                  <a:gd name="connsiteY85" fmla="*/ 1291414 h 1332438"/>
                  <a:gd name="connsiteX86" fmla="*/ 410241 w 1332519"/>
                  <a:gd name="connsiteY86" fmla="*/ 1281492 h 1332438"/>
                  <a:gd name="connsiteX87" fmla="*/ 408940 w 1332519"/>
                  <a:gd name="connsiteY87" fmla="*/ 1280613 h 1332438"/>
                  <a:gd name="connsiteX88" fmla="*/ 35136 w 1332519"/>
                  <a:gd name="connsiteY88" fmla="*/ 878766 h 1332438"/>
                  <a:gd name="connsiteX89" fmla="*/ 34160 w 1332519"/>
                  <a:gd name="connsiteY89" fmla="*/ 877171 h 1332438"/>
                  <a:gd name="connsiteX90" fmla="*/ 26092 w 1332519"/>
                  <a:gd name="connsiteY90" fmla="*/ 851113 h 1332438"/>
                  <a:gd name="connsiteX91" fmla="*/ 28857 w 1332519"/>
                  <a:gd name="connsiteY91" fmla="*/ 846070 h 1332438"/>
                  <a:gd name="connsiteX92" fmla="*/ 33867 w 1332519"/>
                  <a:gd name="connsiteY92" fmla="*/ 848835 h 1332438"/>
                  <a:gd name="connsiteX93" fmla="*/ 41837 w 1332519"/>
                  <a:gd name="connsiteY93" fmla="*/ 874569 h 1332438"/>
                  <a:gd name="connsiteX94" fmla="*/ 39267 w 1332519"/>
                  <a:gd name="connsiteY94" fmla="*/ 879709 h 1332438"/>
                  <a:gd name="connsiteX95" fmla="*/ 35103 w 1332519"/>
                  <a:gd name="connsiteY95" fmla="*/ 878733 h 1332438"/>
                  <a:gd name="connsiteX96" fmla="*/ 459334 w 1332519"/>
                  <a:gd name="connsiteY96" fmla="*/ 1299190 h 1332438"/>
                  <a:gd name="connsiteX97" fmla="*/ 458325 w 1332519"/>
                  <a:gd name="connsiteY97" fmla="*/ 1295058 h 1332438"/>
                  <a:gd name="connsiteX98" fmla="*/ 463433 w 1332519"/>
                  <a:gd name="connsiteY98" fmla="*/ 1292455 h 1332438"/>
                  <a:gd name="connsiteX99" fmla="*/ 489134 w 1332519"/>
                  <a:gd name="connsiteY99" fmla="*/ 1300198 h 1332438"/>
                  <a:gd name="connsiteX100" fmla="*/ 491964 w 1332519"/>
                  <a:gd name="connsiteY100" fmla="*/ 1305208 h 1332438"/>
                  <a:gd name="connsiteX101" fmla="*/ 486954 w 1332519"/>
                  <a:gd name="connsiteY101" fmla="*/ 1308039 h 1332438"/>
                  <a:gd name="connsiteX102" fmla="*/ 460928 w 1332519"/>
                  <a:gd name="connsiteY102" fmla="*/ 1300198 h 1332438"/>
                  <a:gd name="connsiteX103" fmla="*/ 459301 w 1332519"/>
                  <a:gd name="connsiteY103" fmla="*/ 1299222 h 1332438"/>
                  <a:gd name="connsiteX104" fmla="*/ 20203 w 1332519"/>
                  <a:gd name="connsiteY104" fmla="*/ 826941 h 1332438"/>
                  <a:gd name="connsiteX105" fmla="*/ 19129 w 1332519"/>
                  <a:gd name="connsiteY105" fmla="*/ 825021 h 1332438"/>
                  <a:gd name="connsiteX106" fmla="*/ 13208 w 1332519"/>
                  <a:gd name="connsiteY106" fmla="*/ 798409 h 1332438"/>
                  <a:gd name="connsiteX107" fmla="*/ 16397 w 1332519"/>
                  <a:gd name="connsiteY107" fmla="*/ 793627 h 1332438"/>
                  <a:gd name="connsiteX108" fmla="*/ 21179 w 1332519"/>
                  <a:gd name="connsiteY108" fmla="*/ 796815 h 1332438"/>
                  <a:gd name="connsiteX109" fmla="*/ 27035 w 1332519"/>
                  <a:gd name="connsiteY109" fmla="*/ 823102 h 1332438"/>
                  <a:gd name="connsiteX110" fmla="*/ 24042 w 1332519"/>
                  <a:gd name="connsiteY110" fmla="*/ 828014 h 1332438"/>
                  <a:gd name="connsiteX111" fmla="*/ 20203 w 1332519"/>
                  <a:gd name="connsiteY111" fmla="*/ 826941 h 1332438"/>
                  <a:gd name="connsiteX112" fmla="*/ 511126 w 1332519"/>
                  <a:gd name="connsiteY112" fmla="*/ 1313634 h 1332438"/>
                  <a:gd name="connsiteX113" fmla="*/ 510052 w 1332519"/>
                  <a:gd name="connsiteY113" fmla="*/ 1309828 h 1332438"/>
                  <a:gd name="connsiteX114" fmla="*/ 514932 w 1332519"/>
                  <a:gd name="connsiteY114" fmla="*/ 1306803 h 1332438"/>
                  <a:gd name="connsiteX115" fmla="*/ 541219 w 1332519"/>
                  <a:gd name="connsiteY115" fmla="*/ 1312431 h 1332438"/>
                  <a:gd name="connsiteX116" fmla="*/ 544440 w 1332519"/>
                  <a:gd name="connsiteY116" fmla="*/ 1317181 h 1332438"/>
                  <a:gd name="connsiteX117" fmla="*/ 539690 w 1332519"/>
                  <a:gd name="connsiteY117" fmla="*/ 1320401 h 1332438"/>
                  <a:gd name="connsiteX118" fmla="*/ 513078 w 1332519"/>
                  <a:gd name="connsiteY118" fmla="*/ 1314708 h 1332438"/>
                  <a:gd name="connsiteX119" fmla="*/ 511126 w 1332519"/>
                  <a:gd name="connsiteY119" fmla="*/ 1313634 h 1332438"/>
                  <a:gd name="connsiteX120" fmla="*/ 9532 w 1332519"/>
                  <a:gd name="connsiteY120" fmla="*/ 774074 h 1332438"/>
                  <a:gd name="connsiteX121" fmla="*/ 8394 w 1332519"/>
                  <a:gd name="connsiteY121" fmla="*/ 771862 h 1332438"/>
                  <a:gd name="connsiteX122" fmla="*/ 4652 w 1332519"/>
                  <a:gd name="connsiteY122" fmla="*/ 744860 h 1332438"/>
                  <a:gd name="connsiteX123" fmla="*/ 8198 w 1332519"/>
                  <a:gd name="connsiteY123" fmla="*/ 740338 h 1332438"/>
                  <a:gd name="connsiteX124" fmla="*/ 12720 w 1332519"/>
                  <a:gd name="connsiteY124" fmla="*/ 743884 h 1332438"/>
                  <a:gd name="connsiteX125" fmla="*/ 16429 w 1332519"/>
                  <a:gd name="connsiteY125" fmla="*/ 770561 h 1332438"/>
                  <a:gd name="connsiteX126" fmla="*/ 13046 w 1332519"/>
                  <a:gd name="connsiteY126" fmla="*/ 775213 h 1332438"/>
                  <a:gd name="connsiteX127" fmla="*/ 9532 w 1332519"/>
                  <a:gd name="connsiteY127" fmla="*/ 774074 h 1332438"/>
                  <a:gd name="connsiteX128" fmla="*/ 563927 w 1332519"/>
                  <a:gd name="connsiteY128" fmla="*/ 1323817 h 1332438"/>
                  <a:gd name="connsiteX129" fmla="*/ 562789 w 1332519"/>
                  <a:gd name="connsiteY129" fmla="*/ 1320336 h 1332438"/>
                  <a:gd name="connsiteX130" fmla="*/ 567408 w 1332519"/>
                  <a:gd name="connsiteY130" fmla="*/ 1316920 h 1332438"/>
                  <a:gd name="connsiteX131" fmla="*/ 594053 w 1332519"/>
                  <a:gd name="connsiteY131" fmla="*/ 1320401 h 1332438"/>
                  <a:gd name="connsiteX132" fmla="*/ 597631 w 1332519"/>
                  <a:gd name="connsiteY132" fmla="*/ 1324891 h 1332438"/>
                  <a:gd name="connsiteX133" fmla="*/ 593142 w 1332519"/>
                  <a:gd name="connsiteY133" fmla="*/ 1328470 h 1332438"/>
                  <a:gd name="connsiteX134" fmla="*/ 566172 w 1332519"/>
                  <a:gd name="connsiteY134" fmla="*/ 1324956 h 1332438"/>
                  <a:gd name="connsiteX135" fmla="*/ 563895 w 1332519"/>
                  <a:gd name="connsiteY135" fmla="*/ 1323817 h 1332438"/>
                  <a:gd name="connsiteX136" fmla="*/ 3188 w 1332519"/>
                  <a:gd name="connsiteY136" fmla="*/ 720558 h 1332438"/>
                  <a:gd name="connsiteX137" fmla="*/ 2017 w 1332519"/>
                  <a:gd name="connsiteY137" fmla="*/ 717987 h 1332438"/>
                  <a:gd name="connsiteX138" fmla="*/ 456 w 1332519"/>
                  <a:gd name="connsiteY138" fmla="*/ 690790 h 1332438"/>
                  <a:gd name="connsiteX139" fmla="*/ 4359 w 1332519"/>
                  <a:gd name="connsiteY139" fmla="*/ 686593 h 1332438"/>
                  <a:gd name="connsiteX140" fmla="*/ 8556 w 1332519"/>
                  <a:gd name="connsiteY140" fmla="*/ 690497 h 1332438"/>
                  <a:gd name="connsiteX141" fmla="*/ 10085 w 1332519"/>
                  <a:gd name="connsiteY141" fmla="*/ 717369 h 1332438"/>
                  <a:gd name="connsiteX142" fmla="*/ 6344 w 1332519"/>
                  <a:gd name="connsiteY142" fmla="*/ 721729 h 1332438"/>
                  <a:gd name="connsiteX143" fmla="*/ 3156 w 1332519"/>
                  <a:gd name="connsiteY143" fmla="*/ 720558 h 1332438"/>
                  <a:gd name="connsiteX144" fmla="*/ 617444 w 1332519"/>
                  <a:gd name="connsiteY144" fmla="*/ 1329706 h 1332438"/>
                  <a:gd name="connsiteX145" fmla="*/ 616273 w 1332519"/>
                  <a:gd name="connsiteY145" fmla="*/ 1326550 h 1332438"/>
                  <a:gd name="connsiteX146" fmla="*/ 620600 w 1332519"/>
                  <a:gd name="connsiteY146" fmla="*/ 1322776 h 1332438"/>
                  <a:gd name="connsiteX147" fmla="*/ 647472 w 1332519"/>
                  <a:gd name="connsiteY147" fmla="*/ 1324078 h 1332438"/>
                  <a:gd name="connsiteX148" fmla="*/ 651408 w 1332519"/>
                  <a:gd name="connsiteY148" fmla="*/ 1328242 h 1332438"/>
                  <a:gd name="connsiteX149" fmla="*/ 647244 w 1332519"/>
                  <a:gd name="connsiteY149" fmla="*/ 1332178 h 1332438"/>
                  <a:gd name="connsiteX150" fmla="*/ 620047 w 1332519"/>
                  <a:gd name="connsiteY150" fmla="*/ 1330844 h 1332438"/>
                  <a:gd name="connsiteX151" fmla="*/ 617444 w 1332519"/>
                  <a:gd name="connsiteY151" fmla="*/ 1329673 h 1332438"/>
                  <a:gd name="connsiteX152" fmla="*/ 1204 w 1332519"/>
                  <a:gd name="connsiteY152" fmla="*/ 666748 h 1332438"/>
                  <a:gd name="connsiteX153" fmla="*/ 0 w 1332519"/>
                  <a:gd name="connsiteY153" fmla="*/ 663852 h 1332438"/>
                  <a:gd name="connsiteX154" fmla="*/ 651 w 1332519"/>
                  <a:gd name="connsiteY154" fmla="*/ 636622 h 1332438"/>
                  <a:gd name="connsiteX155" fmla="*/ 4880 w 1332519"/>
                  <a:gd name="connsiteY155" fmla="*/ 632751 h 1332438"/>
                  <a:gd name="connsiteX156" fmla="*/ 8751 w 1332519"/>
                  <a:gd name="connsiteY156" fmla="*/ 636980 h 1332438"/>
                  <a:gd name="connsiteX157" fmla="*/ 8101 w 1332519"/>
                  <a:gd name="connsiteY157" fmla="*/ 663885 h 1332438"/>
                  <a:gd name="connsiteX158" fmla="*/ 4034 w 1332519"/>
                  <a:gd name="connsiteY158" fmla="*/ 667919 h 1332438"/>
                  <a:gd name="connsiteX159" fmla="*/ 1171 w 1332519"/>
                  <a:gd name="connsiteY159" fmla="*/ 666715 h 1332438"/>
                  <a:gd name="connsiteX160" fmla="*/ 671253 w 1332519"/>
                  <a:gd name="connsiteY160" fmla="*/ 1331267 h 1332438"/>
                  <a:gd name="connsiteX161" fmla="*/ 670050 w 1332519"/>
                  <a:gd name="connsiteY161" fmla="*/ 1328437 h 1332438"/>
                  <a:gd name="connsiteX162" fmla="*/ 674051 w 1332519"/>
                  <a:gd name="connsiteY162" fmla="*/ 1324338 h 1332438"/>
                  <a:gd name="connsiteX163" fmla="*/ 700956 w 1332519"/>
                  <a:gd name="connsiteY163" fmla="*/ 1323459 h 1332438"/>
                  <a:gd name="connsiteX164" fmla="*/ 705218 w 1332519"/>
                  <a:gd name="connsiteY164" fmla="*/ 1327298 h 1332438"/>
                  <a:gd name="connsiteX165" fmla="*/ 701379 w 1332519"/>
                  <a:gd name="connsiteY165" fmla="*/ 1331560 h 1332438"/>
                  <a:gd name="connsiteX166" fmla="*/ 674149 w 1332519"/>
                  <a:gd name="connsiteY166" fmla="*/ 1332439 h 1332438"/>
                  <a:gd name="connsiteX167" fmla="*/ 671221 w 1332519"/>
                  <a:gd name="connsiteY167" fmla="*/ 1331235 h 1332438"/>
                  <a:gd name="connsiteX168" fmla="*/ 3546 w 1332519"/>
                  <a:gd name="connsiteY168" fmla="*/ 612971 h 1332438"/>
                  <a:gd name="connsiteX169" fmla="*/ 2375 w 1332519"/>
                  <a:gd name="connsiteY169" fmla="*/ 609750 h 1332438"/>
                  <a:gd name="connsiteX170" fmla="*/ 5205 w 1332519"/>
                  <a:gd name="connsiteY170" fmla="*/ 582683 h 1332438"/>
                  <a:gd name="connsiteX171" fmla="*/ 9727 w 1332519"/>
                  <a:gd name="connsiteY171" fmla="*/ 579169 h 1332438"/>
                  <a:gd name="connsiteX172" fmla="*/ 13241 w 1332519"/>
                  <a:gd name="connsiteY172" fmla="*/ 583691 h 1332438"/>
                  <a:gd name="connsiteX173" fmla="*/ 10443 w 1332519"/>
                  <a:gd name="connsiteY173" fmla="*/ 610433 h 1332438"/>
                  <a:gd name="connsiteX174" fmla="*/ 6051 w 1332519"/>
                  <a:gd name="connsiteY174" fmla="*/ 614142 h 1332438"/>
                  <a:gd name="connsiteX175" fmla="*/ 3514 w 1332519"/>
                  <a:gd name="connsiteY175" fmla="*/ 612971 h 1332438"/>
                  <a:gd name="connsiteX176" fmla="*/ 725031 w 1332519"/>
                  <a:gd name="connsiteY176" fmla="*/ 1328470 h 1332438"/>
                  <a:gd name="connsiteX177" fmla="*/ 723860 w 1332519"/>
                  <a:gd name="connsiteY177" fmla="*/ 1325964 h 1332438"/>
                  <a:gd name="connsiteX178" fmla="*/ 727536 w 1332519"/>
                  <a:gd name="connsiteY178" fmla="*/ 1321540 h 1332438"/>
                  <a:gd name="connsiteX179" fmla="*/ 754278 w 1332519"/>
                  <a:gd name="connsiteY179" fmla="*/ 1318514 h 1332438"/>
                  <a:gd name="connsiteX180" fmla="*/ 758833 w 1332519"/>
                  <a:gd name="connsiteY180" fmla="*/ 1321995 h 1332438"/>
                  <a:gd name="connsiteX181" fmla="*/ 755352 w 1332519"/>
                  <a:gd name="connsiteY181" fmla="*/ 1326550 h 1332438"/>
                  <a:gd name="connsiteX182" fmla="*/ 728284 w 1332519"/>
                  <a:gd name="connsiteY182" fmla="*/ 1329608 h 1332438"/>
                  <a:gd name="connsiteX183" fmla="*/ 725031 w 1332519"/>
                  <a:gd name="connsiteY183" fmla="*/ 1328437 h 1332438"/>
                  <a:gd name="connsiteX184" fmla="*/ 10248 w 1332519"/>
                  <a:gd name="connsiteY184" fmla="*/ 559584 h 1332438"/>
                  <a:gd name="connsiteX185" fmla="*/ 9109 w 1332519"/>
                  <a:gd name="connsiteY185" fmla="*/ 556038 h 1332438"/>
                  <a:gd name="connsiteX186" fmla="*/ 14119 w 1332519"/>
                  <a:gd name="connsiteY186" fmla="*/ 529296 h 1332438"/>
                  <a:gd name="connsiteX187" fmla="*/ 18934 w 1332519"/>
                  <a:gd name="connsiteY187" fmla="*/ 526140 h 1332438"/>
                  <a:gd name="connsiteX188" fmla="*/ 22090 w 1332519"/>
                  <a:gd name="connsiteY188" fmla="*/ 530955 h 1332438"/>
                  <a:gd name="connsiteX189" fmla="*/ 17145 w 1332519"/>
                  <a:gd name="connsiteY189" fmla="*/ 557372 h 1332438"/>
                  <a:gd name="connsiteX190" fmla="*/ 12460 w 1332519"/>
                  <a:gd name="connsiteY190" fmla="*/ 560723 h 1332438"/>
                  <a:gd name="connsiteX191" fmla="*/ 10248 w 1332519"/>
                  <a:gd name="connsiteY191" fmla="*/ 559584 h 1332438"/>
                  <a:gd name="connsiteX192" fmla="*/ 778450 w 1332519"/>
                  <a:gd name="connsiteY192" fmla="*/ 1321312 h 1332438"/>
                  <a:gd name="connsiteX193" fmla="*/ 777311 w 1332519"/>
                  <a:gd name="connsiteY193" fmla="*/ 1319133 h 1332438"/>
                  <a:gd name="connsiteX194" fmla="*/ 780597 w 1332519"/>
                  <a:gd name="connsiteY194" fmla="*/ 1314415 h 1332438"/>
                  <a:gd name="connsiteX195" fmla="*/ 807014 w 1332519"/>
                  <a:gd name="connsiteY195" fmla="*/ 1309210 h 1332438"/>
                  <a:gd name="connsiteX196" fmla="*/ 811861 w 1332519"/>
                  <a:gd name="connsiteY196" fmla="*/ 1312301 h 1332438"/>
                  <a:gd name="connsiteX197" fmla="*/ 808771 w 1332519"/>
                  <a:gd name="connsiteY197" fmla="*/ 1317148 h 1332438"/>
                  <a:gd name="connsiteX198" fmla="*/ 782029 w 1332519"/>
                  <a:gd name="connsiteY198" fmla="*/ 1322418 h 1332438"/>
                  <a:gd name="connsiteX199" fmla="*/ 778450 w 1332519"/>
                  <a:gd name="connsiteY199" fmla="*/ 1321280 h 1332438"/>
                  <a:gd name="connsiteX200" fmla="*/ 21244 w 1332519"/>
                  <a:gd name="connsiteY200" fmla="*/ 506913 h 1332438"/>
                  <a:gd name="connsiteX201" fmla="*/ 20171 w 1332519"/>
                  <a:gd name="connsiteY201" fmla="*/ 503042 h 1332438"/>
                  <a:gd name="connsiteX202" fmla="*/ 27328 w 1332519"/>
                  <a:gd name="connsiteY202" fmla="*/ 476820 h 1332438"/>
                  <a:gd name="connsiteX203" fmla="*/ 32370 w 1332519"/>
                  <a:gd name="connsiteY203" fmla="*/ 474087 h 1332438"/>
                  <a:gd name="connsiteX204" fmla="*/ 35103 w 1332519"/>
                  <a:gd name="connsiteY204" fmla="*/ 479130 h 1332438"/>
                  <a:gd name="connsiteX205" fmla="*/ 28011 w 1332519"/>
                  <a:gd name="connsiteY205" fmla="*/ 505026 h 1332438"/>
                  <a:gd name="connsiteX206" fmla="*/ 23066 w 1332519"/>
                  <a:gd name="connsiteY206" fmla="*/ 507987 h 1332438"/>
                  <a:gd name="connsiteX207" fmla="*/ 21179 w 1332519"/>
                  <a:gd name="connsiteY207" fmla="*/ 506913 h 1332438"/>
                  <a:gd name="connsiteX208" fmla="*/ 831153 w 1332519"/>
                  <a:gd name="connsiteY208" fmla="*/ 1309828 h 1332438"/>
                  <a:gd name="connsiteX209" fmla="*/ 830112 w 1332519"/>
                  <a:gd name="connsiteY209" fmla="*/ 1307974 h 1332438"/>
                  <a:gd name="connsiteX210" fmla="*/ 833008 w 1332519"/>
                  <a:gd name="connsiteY210" fmla="*/ 1303029 h 1332438"/>
                  <a:gd name="connsiteX211" fmla="*/ 858937 w 1332519"/>
                  <a:gd name="connsiteY211" fmla="*/ 1295709 h 1332438"/>
                  <a:gd name="connsiteX212" fmla="*/ 864012 w 1332519"/>
                  <a:gd name="connsiteY212" fmla="*/ 1298409 h 1332438"/>
                  <a:gd name="connsiteX213" fmla="*/ 861311 w 1332519"/>
                  <a:gd name="connsiteY213" fmla="*/ 1303484 h 1332438"/>
                  <a:gd name="connsiteX214" fmla="*/ 835058 w 1332519"/>
                  <a:gd name="connsiteY214" fmla="*/ 1310902 h 1332438"/>
                  <a:gd name="connsiteX215" fmla="*/ 831153 w 1332519"/>
                  <a:gd name="connsiteY215" fmla="*/ 1309828 h 1332438"/>
                  <a:gd name="connsiteX216" fmla="*/ 36470 w 1332519"/>
                  <a:gd name="connsiteY216" fmla="*/ 455348 h 1332438"/>
                  <a:gd name="connsiteX217" fmla="*/ 35493 w 1332519"/>
                  <a:gd name="connsiteY217" fmla="*/ 451152 h 1332438"/>
                  <a:gd name="connsiteX218" fmla="*/ 44765 w 1332519"/>
                  <a:gd name="connsiteY218" fmla="*/ 425613 h 1332438"/>
                  <a:gd name="connsiteX219" fmla="*/ 50003 w 1332519"/>
                  <a:gd name="connsiteY219" fmla="*/ 423303 h 1332438"/>
                  <a:gd name="connsiteX220" fmla="*/ 52313 w 1332519"/>
                  <a:gd name="connsiteY220" fmla="*/ 428541 h 1332438"/>
                  <a:gd name="connsiteX221" fmla="*/ 43139 w 1332519"/>
                  <a:gd name="connsiteY221" fmla="*/ 453754 h 1332438"/>
                  <a:gd name="connsiteX222" fmla="*/ 37999 w 1332519"/>
                  <a:gd name="connsiteY222" fmla="*/ 456292 h 1332438"/>
                  <a:gd name="connsiteX223" fmla="*/ 36437 w 1332519"/>
                  <a:gd name="connsiteY223" fmla="*/ 455316 h 1332438"/>
                  <a:gd name="connsiteX224" fmla="*/ 882751 w 1332519"/>
                  <a:gd name="connsiteY224" fmla="*/ 1294082 h 1332438"/>
                  <a:gd name="connsiteX225" fmla="*/ 881807 w 1332519"/>
                  <a:gd name="connsiteY225" fmla="*/ 1292553 h 1332438"/>
                  <a:gd name="connsiteX226" fmla="*/ 884312 w 1332519"/>
                  <a:gd name="connsiteY226" fmla="*/ 1287380 h 1332438"/>
                  <a:gd name="connsiteX227" fmla="*/ 909558 w 1332519"/>
                  <a:gd name="connsiteY227" fmla="*/ 1277946 h 1332438"/>
                  <a:gd name="connsiteX228" fmla="*/ 914828 w 1332519"/>
                  <a:gd name="connsiteY228" fmla="*/ 1280223 h 1332438"/>
                  <a:gd name="connsiteX229" fmla="*/ 912551 w 1332519"/>
                  <a:gd name="connsiteY229" fmla="*/ 1285493 h 1332438"/>
                  <a:gd name="connsiteX230" fmla="*/ 886980 w 1332519"/>
                  <a:gd name="connsiteY230" fmla="*/ 1295026 h 1332438"/>
                  <a:gd name="connsiteX231" fmla="*/ 882751 w 1332519"/>
                  <a:gd name="connsiteY231" fmla="*/ 1294050 h 1332438"/>
                  <a:gd name="connsiteX232" fmla="*/ 55827 w 1332519"/>
                  <a:gd name="connsiteY232" fmla="*/ 405215 h 1332438"/>
                  <a:gd name="connsiteX233" fmla="*/ 54981 w 1332519"/>
                  <a:gd name="connsiteY233" fmla="*/ 400725 h 1332438"/>
                  <a:gd name="connsiteX234" fmla="*/ 66335 w 1332519"/>
                  <a:gd name="connsiteY234" fmla="*/ 375968 h 1332438"/>
                  <a:gd name="connsiteX235" fmla="*/ 71768 w 1332519"/>
                  <a:gd name="connsiteY235" fmla="*/ 374081 h 1332438"/>
                  <a:gd name="connsiteX236" fmla="*/ 73655 w 1332519"/>
                  <a:gd name="connsiteY236" fmla="*/ 379514 h 1332438"/>
                  <a:gd name="connsiteX237" fmla="*/ 62431 w 1332519"/>
                  <a:gd name="connsiteY237" fmla="*/ 403979 h 1332438"/>
                  <a:gd name="connsiteX238" fmla="*/ 57095 w 1332519"/>
                  <a:gd name="connsiteY238" fmla="*/ 406093 h 1332438"/>
                  <a:gd name="connsiteX239" fmla="*/ 55827 w 1332519"/>
                  <a:gd name="connsiteY239" fmla="*/ 405248 h 1332438"/>
                  <a:gd name="connsiteX240" fmla="*/ 932917 w 1332519"/>
                  <a:gd name="connsiteY240" fmla="*/ 1274172 h 1332438"/>
                  <a:gd name="connsiteX241" fmla="*/ 932071 w 1332519"/>
                  <a:gd name="connsiteY241" fmla="*/ 1272968 h 1332438"/>
                  <a:gd name="connsiteX242" fmla="*/ 934120 w 1332519"/>
                  <a:gd name="connsiteY242" fmla="*/ 1267600 h 1332438"/>
                  <a:gd name="connsiteX243" fmla="*/ 958520 w 1332519"/>
                  <a:gd name="connsiteY243" fmla="*/ 1256116 h 1332438"/>
                  <a:gd name="connsiteX244" fmla="*/ 963953 w 1332519"/>
                  <a:gd name="connsiteY244" fmla="*/ 1257938 h 1332438"/>
                  <a:gd name="connsiteX245" fmla="*/ 962131 w 1332519"/>
                  <a:gd name="connsiteY245" fmla="*/ 1263371 h 1332438"/>
                  <a:gd name="connsiteX246" fmla="*/ 937406 w 1332519"/>
                  <a:gd name="connsiteY246" fmla="*/ 1274985 h 1332438"/>
                  <a:gd name="connsiteX247" fmla="*/ 932884 w 1332519"/>
                  <a:gd name="connsiteY247" fmla="*/ 1274139 h 1332438"/>
                  <a:gd name="connsiteX248" fmla="*/ 79283 w 1332519"/>
                  <a:gd name="connsiteY248" fmla="*/ 356773 h 1332438"/>
                  <a:gd name="connsiteX249" fmla="*/ 78567 w 1332519"/>
                  <a:gd name="connsiteY249" fmla="*/ 351991 h 1332438"/>
                  <a:gd name="connsiteX250" fmla="*/ 91906 w 1332519"/>
                  <a:gd name="connsiteY250" fmla="*/ 328242 h 1332438"/>
                  <a:gd name="connsiteX251" fmla="*/ 97469 w 1332519"/>
                  <a:gd name="connsiteY251" fmla="*/ 326810 h 1332438"/>
                  <a:gd name="connsiteX252" fmla="*/ 98900 w 1332519"/>
                  <a:gd name="connsiteY252" fmla="*/ 332374 h 1332438"/>
                  <a:gd name="connsiteX253" fmla="*/ 85724 w 1332519"/>
                  <a:gd name="connsiteY253" fmla="*/ 355830 h 1332438"/>
                  <a:gd name="connsiteX254" fmla="*/ 80226 w 1332519"/>
                  <a:gd name="connsiteY254" fmla="*/ 357489 h 1332438"/>
                  <a:gd name="connsiteX255" fmla="*/ 79283 w 1332519"/>
                  <a:gd name="connsiteY255" fmla="*/ 356773 h 1332438"/>
                  <a:gd name="connsiteX256" fmla="*/ 981261 w 1332519"/>
                  <a:gd name="connsiteY256" fmla="*/ 1250293 h 1332438"/>
                  <a:gd name="connsiteX257" fmla="*/ 980578 w 1332519"/>
                  <a:gd name="connsiteY257" fmla="*/ 1249382 h 1332438"/>
                  <a:gd name="connsiteX258" fmla="*/ 982204 w 1332519"/>
                  <a:gd name="connsiteY258" fmla="*/ 1243884 h 1332438"/>
                  <a:gd name="connsiteX259" fmla="*/ 1005530 w 1332519"/>
                  <a:gd name="connsiteY259" fmla="*/ 1230480 h 1332438"/>
                  <a:gd name="connsiteX260" fmla="*/ 1011094 w 1332519"/>
                  <a:gd name="connsiteY260" fmla="*/ 1231879 h 1332438"/>
                  <a:gd name="connsiteX261" fmla="*/ 1009694 w 1332519"/>
                  <a:gd name="connsiteY261" fmla="*/ 1237442 h 1332438"/>
                  <a:gd name="connsiteX262" fmla="*/ 986076 w 1332519"/>
                  <a:gd name="connsiteY262" fmla="*/ 1251008 h 1332438"/>
                  <a:gd name="connsiteX263" fmla="*/ 981261 w 1332519"/>
                  <a:gd name="connsiteY263" fmla="*/ 1250325 h 1332438"/>
                  <a:gd name="connsiteX264" fmla="*/ 106611 w 1332519"/>
                  <a:gd name="connsiteY264" fmla="*/ 310349 h 1332438"/>
                  <a:gd name="connsiteX265" fmla="*/ 106090 w 1332519"/>
                  <a:gd name="connsiteY265" fmla="*/ 305274 h 1332438"/>
                  <a:gd name="connsiteX266" fmla="*/ 121316 w 1332519"/>
                  <a:gd name="connsiteY266" fmla="*/ 282696 h 1332438"/>
                  <a:gd name="connsiteX267" fmla="*/ 126976 w 1332519"/>
                  <a:gd name="connsiteY267" fmla="*/ 281720 h 1332438"/>
                  <a:gd name="connsiteX268" fmla="*/ 127952 w 1332519"/>
                  <a:gd name="connsiteY268" fmla="*/ 287380 h 1332438"/>
                  <a:gd name="connsiteX269" fmla="*/ 112890 w 1332519"/>
                  <a:gd name="connsiteY269" fmla="*/ 309666 h 1332438"/>
                  <a:gd name="connsiteX270" fmla="*/ 107261 w 1332519"/>
                  <a:gd name="connsiteY270" fmla="*/ 310869 h 1332438"/>
                  <a:gd name="connsiteX271" fmla="*/ 106578 w 1332519"/>
                  <a:gd name="connsiteY271" fmla="*/ 310316 h 1332438"/>
                  <a:gd name="connsiteX272" fmla="*/ 1027393 w 1332519"/>
                  <a:gd name="connsiteY272" fmla="*/ 1222477 h 1332438"/>
                  <a:gd name="connsiteX273" fmla="*/ 1026872 w 1332519"/>
                  <a:gd name="connsiteY273" fmla="*/ 1221826 h 1332438"/>
                  <a:gd name="connsiteX274" fmla="*/ 1028043 w 1332519"/>
                  <a:gd name="connsiteY274" fmla="*/ 1216198 h 1332438"/>
                  <a:gd name="connsiteX275" fmla="*/ 1050198 w 1332519"/>
                  <a:gd name="connsiteY275" fmla="*/ 1200940 h 1332438"/>
                  <a:gd name="connsiteX276" fmla="*/ 1055859 w 1332519"/>
                  <a:gd name="connsiteY276" fmla="*/ 1201851 h 1332438"/>
                  <a:gd name="connsiteX277" fmla="*/ 1054948 w 1332519"/>
                  <a:gd name="connsiteY277" fmla="*/ 1207512 h 1332438"/>
                  <a:gd name="connsiteX278" fmla="*/ 1032533 w 1332519"/>
                  <a:gd name="connsiteY278" fmla="*/ 1222965 h 1332438"/>
                  <a:gd name="connsiteX279" fmla="*/ 1027425 w 1332519"/>
                  <a:gd name="connsiteY279" fmla="*/ 1222444 h 1332438"/>
                  <a:gd name="connsiteX280" fmla="*/ 137647 w 1332519"/>
                  <a:gd name="connsiteY280" fmla="*/ 266332 h 1332438"/>
                  <a:gd name="connsiteX281" fmla="*/ 137289 w 1332519"/>
                  <a:gd name="connsiteY281" fmla="*/ 260996 h 1332438"/>
                  <a:gd name="connsiteX282" fmla="*/ 154304 w 1332519"/>
                  <a:gd name="connsiteY282" fmla="*/ 239752 h 1332438"/>
                  <a:gd name="connsiteX283" fmla="*/ 160030 w 1332519"/>
                  <a:gd name="connsiteY283" fmla="*/ 239232 h 1332438"/>
                  <a:gd name="connsiteX284" fmla="*/ 160550 w 1332519"/>
                  <a:gd name="connsiteY284" fmla="*/ 244957 h 1332438"/>
                  <a:gd name="connsiteX285" fmla="*/ 143731 w 1332519"/>
                  <a:gd name="connsiteY285" fmla="*/ 265941 h 1332438"/>
                  <a:gd name="connsiteX286" fmla="*/ 138038 w 1332519"/>
                  <a:gd name="connsiteY286" fmla="*/ 266689 h 1332438"/>
                  <a:gd name="connsiteX287" fmla="*/ 137647 w 1332519"/>
                  <a:gd name="connsiteY287" fmla="*/ 266332 h 1332438"/>
                  <a:gd name="connsiteX288" fmla="*/ 1071117 w 1332519"/>
                  <a:gd name="connsiteY288" fmla="*/ 1191018 h 1332438"/>
                  <a:gd name="connsiteX289" fmla="*/ 1070792 w 1332519"/>
                  <a:gd name="connsiteY289" fmla="*/ 1190660 h 1332438"/>
                  <a:gd name="connsiteX290" fmla="*/ 1071475 w 1332519"/>
                  <a:gd name="connsiteY290" fmla="*/ 1184966 h 1332438"/>
                  <a:gd name="connsiteX291" fmla="*/ 1092296 w 1332519"/>
                  <a:gd name="connsiteY291" fmla="*/ 1167952 h 1332438"/>
                  <a:gd name="connsiteX292" fmla="*/ 1098022 w 1332519"/>
                  <a:gd name="connsiteY292" fmla="*/ 1168407 h 1332438"/>
                  <a:gd name="connsiteX293" fmla="*/ 1097566 w 1332519"/>
                  <a:gd name="connsiteY293" fmla="*/ 1174133 h 1332438"/>
                  <a:gd name="connsiteX294" fmla="*/ 1076485 w 1332519"/>
                  <a:gd name="connsiteY294" fmla="*/ 1191343 h 1332438"/>
                  <a:gd name="connsiteX295" fmla="*/ 1071117 w 1332519"/>
                  <a:gd name="connsiteY295" fmla="*/ 1191018 h 1332438"/>
                  <a:gd name="connsiteX296" fmla="*/ 172165 w 1332519"/>
                  <a:gd name="connsiteY296" fmla="*/ 224982 h 1332438"/>
                  <a:gd name="connsiteX297" fmla="*/ 172035 w 1332519"/>
                  <a:gd name="connsiteY297" fmla="*/ 219386 h 1332438"/>
                  <a:gd name="connsiteX298" fmla="*/ 190708 w 1332519"/>
                  <a:gd name="connsiteY298" fmla="*/ 199574 h 1332438"/>
                  <a:gd name="connsiteX299" fmla="*/ 196467 w 1332519"/>
                  <a:gd name="connsiteY299" fmla="*/ 199509 h 1332438"/>
                  <a:gd name="connsiteX300" fmla="*/ 196532 w 1332519"/>
                  <a:gd name="connsiteY300" fmla="*/ 205267 h 1332438"/>
                  <a:gd name="connsiteX301" fmla="*/ 178086 w 1332519"/>
                  <a:gd name="connsiteY301" fmla="*/ 224852 h 1332438"/>
                  <a:gd name="connsiteX302" fmla="*/ 172360 w 1332519"/>
                  <a:gd name="connsiteY302" fmla="*/ 225145 h 1332438"/>
                  <a:gd name="connsiteX303" fmla="*/ 172197 w 1332519"/>
                  <a:gd name="connsiteY303" fmla="*/ 225015 h 1332438"/>
                  <a:gd name="connsiteX304" fmla="*/ 1112141 w 1332519"/>
                  <a:gd name="connsiteY304" fmla="*/ 1156110 h 1332438"/>
                  <a:gd name="connsiteX305" fmla="*/ 1112011 w 1332519"/>
                  <a:gd name="connsiteY305" fmla="*/ 1155979 h 1332438"/>
                  <a:gd name="connsiteX306" fmla="*/ 1112239 w 1332519"/>
                  <a:gd name="connsiteY306" fmla="*/ 1150254 h 1332438"/>
                  <a:gd name="connsiteX307" fmla="*/ 1131628 w 1332519"/>
                  <a:gd name="connsiteY307" fmla="*/ 1131612 h 1332438"/>
                  <a:gd name="connsiteX308" fmla="*/ 1140542 w 1332519"/>
                  <a:gd name="connsiteY308" fmla="*/ 1122535 h 1332438"/>
                  <a:gd name="connsiteX309" fmla="*/ 1146301 w 1332519"/>
                  <a:gd name="connsiteY309" fmla="*/ 1122438 h 1332438"/>
                  <a:gd name="connsiteX310" fmla="*/ 1146398 w 1332519"/>
                  <a:gd name="connsiteY310" fmla="*/ 1128164 h 1332438"/>
                  <a:gd name="connsiteX311" fmla="*/ 1137387 w 1332519"/>
                  <a:gd name="connsiteY311" fmla="*/ 1137371 h 1332438"/>
                  <a:gd name="connsiteX312" fmla="*/ 1117769 w 1332519"/>
                  <a:gd name="connsiteY312" fmla="*/ 1156240 h 1332438"/>
                  <a:gd name="connsiteX313" fmla="*/ 1112141 w 1332519"/>
                  <a:gd name="connsiteY313" fmla="*/ 1156142 h 1332438"/>
                  <a:gd name="connsiteX314" fmla="*/ 209903 w 1332519"/>
                  <a:gd name="connsiteY314" fmla="*/ 186561 h 1332438"/>
                  <a:gd name="connsiteX315" fmla="*/ 209805 w 1332519"/>
                  <a:gd name="connsiteY315" fmla="*/ 186463 h 1332438"/>
                  <a:gd name="connsiteX316" fmla="*/ 209968 w 1332519"/>
                  <a:gd name="connsiteY316" fmla="*/ 180737 h 1332438"/>
                  <a:gd name="connsiteX317" fmla="*/ 230171 w 1332519"/>
                  <a:gd name="connsiteY317" fmla="*/ 162486 h 1332438"/>
                  <a:gd name="connsiteX318" fmla="*/ 235897 w 1332519"/>
                  <a:gd name="connsiteY318" fmla="*/ 162877 h 1332438"/>
                  <a:gd name="connsiteX319" fmla="*/ 235507 w 1332519"/>
                  <a:gd name="connsiteY319" fmla="*/ 168602 h 1332438"/>
                  <a:gd name="connsiteX320" fmla="*/ 215531 w 1332519"/>
                  <a:gd name="connsiteY320" fmla="*/ 186626 h 1332438"/>
                  <a:gd name="connsiteX321" fmla="*/ 209870 w 1332519"/>
                  <a:gd name="connsiteY321" fmla="*/ 186528 h 1332438"/>
                  <a:gd name="connsiteX322" fmla="*/ 1158826 w 1332519"/>
                  <a:gd name="connsiteY322" fmla="*/ 1108579 h 1332438"/>
                  <a:gd name="connsiteX323" fmla="*/ 1158663 w 1332519"/>
                  <a:gd name="connsiteY323" fmla="*/ 1103016 h 1332438"/>
                  <a:gd name="connsiteX324" fmla="*/ 1176101 w 1332519"/>
                  <a:gd name="connsiteY324" fmla="*/ 1082552 h 1332438"/>
                  <a:gd name="connsiteX325" fmla="*/ 1181827 w 1332519"/>
                  <a:gd name="connsiteY325" fmla="*/ 1081967 h 1332438"/>
                  <a:gd name="connsiteX326" fmla="*/ 1182412 w 1332519"/>
                  <a:gd name="connsiteY326" fmla="*/ 1087693 h 1332438"/>
                  <a:gd name="connsiteX327" fmla="*/ 1164747 w 1332519"/>
                  <a:gd name="connsiteY327" fmla="*/ 1108416 h 1332438"/>
                  <a:gd name="connsiteX328" fmla="*/ 1159021 w 1332519"/>
                  <a:gd name="connsiteY328" fmla="*/ 1108742 h 1332438"/>
                  <a:gd name="connsiteX329" fmla="*/ 1158858 w 1332519"/>
                  <a:gd name="connsiteY329" fmla="*/ 1108579 h 1332438"/>
                  <a:gd name="connsiteX330" fmla="*/ 250569 w 1332519"/>
                  <a:gd name="connsiteY330" fmla="*/ 151262 h 1332438"/>
                  <a:gd name="connsiteX331" fmla="*/ 250276 w 1332519"/>
                  <a:gd name="connsiteY331" fmla="*/ 150937 h 1332438"/>
                  <a:gd name="connsiteX332" fmla="*/ 250927 w 1332519"/>
                  <a:gd name="connsiteY332" fmla="*/ 145244 h 1332438"/>
                  <a:gd name="connsiteX333" fmla="*/ 272529 w 1332519"/>
                  <a:gd name="connsiteY333" fmla="*/ 128684 h 1332438"/>
                  <a:gd name="connsiteX334" fmla="*/ 278190 w 1332519"/>
                  <a:gd name="connsiteY334" fmla="*/ 129563 h 1332438"/>
                  <a:gd name="connsiteX335" fmla="*/ 277311 w 1332519"/>
                  <a:gd name="connsiteY335" fmla="*/ 135256 h 1332438"/>
                  <a:gd name="connsiteX336" fmla="*/ 255970 w 1332519"/>
                  <a:gd name="connsiteY336" fmla="*/ 151620 h 1332438"/>
                  <a:gd name="connsiteX337" fmla="*/ 250569 w 1332519"/>
                  <a:gd name="connsiteY337" fmla="*/ 151327 h 1332438"/>
                  <a:gd name="connsiteX338" fmla="*/ 1192921 w 1332519"/>
                  <a:gd name="connsiteY338" fmla="*/ 1066904 h 1332438"/>
                  <a:gd name="connsiteX339" fmla="*/ 1192562 w 1332519"/>
                  <a:gd name="connsiteY339" fmla="*/ 1061601 h 1332438"/>
                  <a:gd name="connsiteX340" fmla="*/ 1208309 w 1332519"/>
                  <a:gd name="connsiteY340" fmla="*/ 1039804 h 1332438"/>
                  <a:gd name="connsiteX341" fmla="*/ 1213969 w 1332519"/>
                  <a:gd name="connsiteY341" fmla="*/ 1038763 h 1332438"/>
                  <a:gd name="connsiteX342" fmla="*/ 1215010 w 1332519"/>
                  <a:gd name="connsiteY342" fmla="*/ 1044424 h 1332438"/>
                  <a:gd name="connsiteX343" fmla="*/ 1199069 w 1332519"/>
                  <a:gd name="connsiteY343" fmla="*/ 1066514 h 1332438"/>
                  <a:gd name="connsiteX344" fmla="*/ 1193376 w 1332519"/>
                  <a:gd name="connsiteY344" fmla="*/ 1067327 h 1332438"/>
                  <a:gd name="connsiteX345" fmla="*/ 1192953 w 1332519"/>
                  <a:gd name="connsiteY345" fmla="*/ 1066937 h 1332438"/>
                  <a:gd name="connsiteX346" fmla="*/ 293968 w 1332519"/>
                  <a:gd name="connsiteY346" fmla="*/ 119380 h 1332438"/>
                  <a:gd name="connsiteX347" fmla="*/ 293480 w 1332519"/>
                  <a:gd name="connsiteY347" fmla="*/ 118762 h 1332438"/>
                  <a:gd name="connsiteX348" fmla="*/ 294586 w 1332519"/>
                  <a:gd name="connsiteY348" fmla="*/ 113134 h 1332438"/>
                  <a:gd name="connsiteX349" fmla="*/ 317490 w 1332519"/>
                  <a:gd name="connsiteY349" fmla="*/ 98396 h 1332438"/>
                  <a:gd name="connsiteX350" fmla="*/ 323085 w 1332519"/>
                  <a:gd name="connsiteY350" fmla="*/ 99730 h 1332438"/>
                  <a:gd name="connsiteX351" fmla="*/ 321752 w 1332519"/>
                  <a:gd name="connsiteY351" fmla="*/ 105326 h 1332438"/>
                  <a:gd name="connsiteX352" fmla="*/ 299141 w 1332519"/>
                  <a:gd name="connsiteY352" fmla="*/ 119900 h 1332438"/>
                  <a:gd name="connsiteX353" fmla="*/ 294001 w 1332519"/>
                  <a:gd name="connsiteY353" fmla="*/ 119412 h 1332438"/>
                  <a:gd name="connsiteX354" fmla="*/ 1223534 w 1332519"/>
                  <a:gd name="connsiteY354" fmla="*/ 1022594 h 1332438"/>
                  <a:gd name="connsiteX355" fmla="*/ 1222981 w 1332519"/>
                  <a:gd name="connsiteY355" fmla="*/ 1017551 h 1332438"/>
                  <a:gd name="connsiteX356" fmla="*/ 1236872 w 1332519"/>
                  <a:gd name="connsiteY356" fmla="*/ 994518 h 1332438"/>
                  <a:gd name="connsiteX357" fmla="*/ 1242403 w 1332519"/>
                  <a:gd name="connsiteY357" fmla="*/ 993022 h 1332438"/>
                  <a:gd name="connsiteX358" fmla="*/ 1243900 w 1332519"/>
                  <a:gd name="connsiteY358" fmla="*/ 998552 h 1332438"/>
                  <a:gd name="connsiteX359" fmla="*/ 1229813 w 1332519"/>
                  <a:gd name="connsiteY359" fmla="*/ 1021878 h 1332438"/>
                  <a:gd name="connsiteX360" fmla="*/ 1224217 w 1332519"/>
                  <a:gd name="connsiteY360" fmla="*/ 1023147 h 1332438"/>
                  <a:gd name="connsiteX361" fmla="*/ 1223501 w 1332519"/>
                  <a:gd name="connsiteY361" fmla="*/ 1022594 h 1332438"/>
                  <a:gd name="connsiteX362" fmla="*/ 339840 w 1332519"/>
                  <a:gd name="connsiteY362" fmla="*/ 91141 h 1332438"/>
                  <a:gd name="connsiteX363" fmla="*/ 339157 w 1332519"/>
                  <a:gd name="connsiteY363" fmla="*/ 90263 h 1332438"/>
                  <a:gd name="connsiteX364" fmla="*/ 340718 w 1332519"/>
                  <a:gd name="connsiteY364" fmla="*/ 84732 h 1332438"/>
                  <a:gd name="connsiteX365" fmla="*/ 364728 w 1332519"/>
                  <a:gd name="connsiteY365" fmla="*/ 71914 h 1332438"/>
                  <a:gd name="connsiteX366" fmla="*/ 370193 w 1332519"/>
                  <a:gd name="connsiteY366" fmla="*/ 73704 h 1332438"/>
                  <a:gd name="connsiteX367" fmla="*/ 368404 w 1332519"/>
                  <a:gd name="connsiteY367" fmla="*/ 79169 h 1332438"/>
                  <a:gd name="connsiteX368" fmla="*/ 344687 w 1332519"/>
                  <a:gd name="connsiteY368" fmla="*/ 91824 h 1332438"/>
                  <a:gd name="connsiteX369" fmla="*/ 339840 w 1332519"/>
                  <a:gd name="connsiteY369" fmla="*/ 91141 h 1332438"/>
                  <a:gd name="connsiteX370" fmla="*/ 1250439 w 1332519"/>
                  <a:gd name="connsiteY370" fmla="*/ 975909 h 1332438"/>
                  <a:gd name="connsiteX371" fmla="*/ 1249723 w 1332519"/>
                  <a:gd name="connsiteY371" fmla="*/ 971159 h 1332438"/>
                  <a:gd name="connsiteX372" fmla="*/ 1261695 w 1332519"/>
                  <a:gd name="connsiteY372" fmla="*/ 947085 h 1332438"/>
                  <a:gd name="connsiteX373" fmla="*/ 1267096 w 1332519"/>
                  <a:gd name="connsiteY373" fmla="*/ 945133 h 1332438"/>
                  <a:gd name="connsiteX374" fmla="*/ 1269048 w 1332519"/>
                  <a:gd name="connsiteY374" fmla="*/ 950533 h 1332438"/>
                  <a:gd name="connsiteX375" fmla="*/ 1256913 w 1332519"/>
                  <a:gd name="connsiteY375" fmla="*/ 974933 h 1332438"/>
                  <a:gd name="connsiteX376" fmla="*/ 1251448 w 1332519"/>
                  <a:gd name="connsiteY376" fmla="*/ 976657 h 1332438"/>
                  <a:gd name="connsiteX377" fmla="*/ 1250471 w 1332519"/>
                  <a:gd name="connsiteY377" fmla="*/ 975942 h 1332438"/>
                  <a:gd name="connsiteX378" fmla="*/ 387924 w 1332519"/>
                  <a:gd name="connsiteY378" fmla="*/ 66709 h 1332438"/>
                  <a:gd name="connsiteX379" fmla="*/ 387110 w 1332519"/>
                  <a:gd name="connsiteY379" fmla="*/ 65538 h 1332438"/>
                  <a:gd name="connsiteX380" fmla="*/ 389127 w 1332519"/>
                  <a:gd name="connsiteY380" fmla="*/ 60170 h 1332438"/>
                  <a:gd name="connsiteX381" fmla="*/ 414178 w 1332519"/>
                  <a:gd name="connsiteY381" fmla="*/ 49336 h 1332438"/>
                  <a:gd name="connsiteX382" fmla="*/ 419481 w 1332519"/>
                  <a:gd name="connsiteY382" fmla="*/ 51549 h 1332438"/>
                  <a:gd name="connsiteX383" fmla="*/ 417268 w 1332519"/>
                  <a:gd name="connsiteY383" fmla="*/ 56851 h 1332438"/>
                  <a:gd name="connsiteX384" fmla="*/ 392511 w 1332519"/>
                  <a:gd name="connsiteY384" fmla="*/ 67555 h 1332438"/>
                  <a:gd name="connsiteX385" fmla="*/ 387956 w 1332519"/>
                  <a:gd name="connsiteY385" fmla="*/ 66741 h 1332438"/>
                  <a:gd name="connsiteX386" fmla="*/ 1273407 w 1332519"/>
                  <a:gd name="connsiteY386" fmla="*/ 927207 h 1332438"/>
                  <a:gd name="connsiteX387" fmla="*/ 1272529 w 1332519"/>
                  <a:gd name="connsiteY387" fmla="*/ 922750 h 1332438"/>
                  <a:gd name="connsiteX388" fmla="*/ 1282451 w 1332519"/>
                  <a:gd name="connsiteY388" fmla="*/ 897830 h 1332438"/>
                  <a:gd name="connsiteX389" fmla="*/ 1287689 w 1332519"/>
                  <a:gd name="connsiteY389" fmla="*/ 895455 h 1332438"/>
                  <a:gd name="connsiteX390" fmla="*/ 1290064 w 1332519"/>
                  <a:gd name="connsiteY390" fmla="*/ 900693 h 1332438"/>
                  <a:gd name="connsiteX391" fmla="*/ 1280011 w 1332519"/>
                  <a:gd name="connsiteY391" fmla="*/ 925938 h 1332438"/>
                  <a:gd name="connsiteX392" fmla="*/ 1274676 w 1332519"/>
                  <a:gd name="connsiteY392" fmla="*/ 928086 h 1332438"/>
                  <a:gd name="connsiteX393" fmla="*/ 1273375 w 1332519"/>
                  <a:gd name="connsiteY393" fmla="*/ 927207 h 1332438"/>
                  <a:gd name="connsiteX394" fmla="*/ 437894 w 1332519"/>
                  <a:gd name="connsiteY394" fmla="*/ 46311 h 1332438"/>
                  <a:gd name="connsiteX395" fmla="*/ 436951 w 1332519"/>
                  <a:gd name="connsiteY395" fmla="*/ 44814 h 1332438"/>
                  <a:gd name="connsiteX396" fmla="*/ 439391 w 1332519"/>
                  <a:gd name="connsiteY396" fmla="*/ 39609 h 1332438"/>
                  <a:gd name="connsiteX397" fmla="*/ 465222 w 1332519"/>
                  <a:gd name="connsiteY397" fmla="*/ 30858 h 1332438"/>
                  <a:gd name="connsiteX398" fmla="*/ 470330 w 1332519"/>
                  <a:gd name="connsiteY398" fmla="*/ 33525 h 1332438"/>
                  <a:gd name="connsiteX399" fmla="*/ 467695 w 1332519"/>
                  <a:gd name="connsiteY399" fmla="*/ 38633 h 1332438"/>
                  <a:gd name="connsiteX400" fmla="*/ 442156 w 1332519"/>
                  <a:gd name="connsiteY400" fmla="*/ 47254 h 1332438"/>
                  <a:gd name="connsiteX401" fmla="*/ 437894 w 1332519"/>
                  <a:gd name="connsiteY401" fmla="*/ 46311 h 1332438"/>
                  <a:gd name="connsiteX402" fmla="*/ 1292309 w 1332519"/>
                  <a:gd name="connsiteY402" fmla="*/ 876911 h 1332438"/>
                  <a:gd name="connsiteX403" fmla="*/ 1291333 w 1332519"/>
                  <a:gd name="connsiteY403" fmla="*/ 872780 h 1332438"/>
                  <a:gd name="connsiteX404" fmla="*/ 1299206 w 1332519"/>
                  <a:gd name="connsiteY404" fmla="*/ 847111 h 1332438"/>
                  <a:gd name="connsiteX405" fmla="*/ 1304216 w 1332519"/>
                  <a:gd name="connsiteY405" fmla="*/ 844313 h 1332438"/>
                  <a:gd name="connsiteX406" fmla="*/ 1307014 w 1332519"/>
                  <a:gd name="connsiteY406" fmla="*/ 849323 h 1332438"/>
                  <a:gd name="connsiteX407" fmla="*/ 1299043 w 1332519"/>
                  <a:gd name="connsiteY407" fmla="*/ 875317 h 1332438"/>
                  <a:gd name="connsiteX408" fmla="*/ 1293903 w 1332519"/>
                  <a:gd name="connsiteY408" fmla="*/ 877887 h 1332438"/>
                  <a:gd name="connsiteX409" fmla="*/ 1292309 w 1332519"/>
                  <a:gd name="connsiteY409" fmla="*/ 876911 h 1332438"/>
                  <a:gd name="connsiteX410" fmla="*/ 489362 w 1332519"/>
                  <a:gd name="connsiteY410" fmla="*/ 30077 h 1332438"/>
                  <a:gd name="connsiteX411" fmla="*/ 488320 w 1332519"/>
                  <a:gd name="connsiteY411" fmla="*/ 28287 h 1332438"/>
                  <a:gd name="connsiteX412" fmla="*/ 491183 w 1332519"/>
                  <a:gd name="connsiteY412" fmla="*/ 23310 h 1332438"/>
                  <a:gd name="connsiteX413" fmla="*/ 517633 w 1332519"/>
                  <a:gd name="connsiteY413" fmla="*/ 16706 h 1332438"/>
                  <a:gd name="connsiteX414" fmla="*/ 522480 w 1332519"/>
                  <a:gd name="connsiteY414" fmla="*/ 19764 h 1332438"/>
                  <a:gd name="connsiteX415" fmla="*/ 519422 w 1332519"/>
                  <a:gd name="connsiteY415" fmla="*/ 24611 h 1332438"/>
                  <a:gd name="connsiteX416" fmla="*/ 493298 w 1332519"/>
                  <a:gd name="connsiteY416" fmla="*/ 31118 h 1332438"/>
                  <a:gd name="connsiteX417" fmla="*/ 489362 w 1332519"/>
                  <a:gd name="connsiteY417" fmla="*/ 30077 h 1332438"/>
                  <a:gd name="connsiteX418" fmla="*/ 1307046 w 1332519"/>
                  <a:gd name="connsiteY418" fmla="*/ 825184 h 1332438"/>
                  <a:gd name="connsiteX419" fmla="*/ 1305973 w 1332519"/>
                  <a:gd name="connsiteY419" fmla="*/ 821345 h 1332438"/>
                  <a:gd name="connsiteX420" fmla="*/ 1311731 w 1332519"/>
                  <a:gd name="connsiteY420" fmla="*/ 795123 h 1332438"/>
                  <a:gd name="connsiteX421" fmla="*/ 1316514 w 1332519"/>
                  <a:gd name="connsiteY421" fmla="*/ 791935 h 1332438"/>
                  <a:gd name="connsiteX422" fmla="*/ 1319702 w 1332519"/>
                  <a:gd name="connsiteY422" fmla="*/ 796717 h 1332438"/>
                  <a:gd name="connsiteX423" fmla="*/ 1313846 w 1332519"/>
                  <a:gd name="connsiteY423" fmla="*/ 823264 h 1332438"/>
                  <a:gd name="connsiteX424" fmla="*/ 1308933 w 1332519"/>
                  <a:gd name="connsiteY424" fmla="*/ 826257 h 1332438"/>
                  <a:gd name="connsiteX425" fmla="*/ 1307014 w 1332519"/>
                  <a:gd name="connsiteY425" fmla="*/ 825184 h 1332438"/>
                  <a:gd name="connsiteX426" fmla="*/ 541935 w 1332519"/>
                  <a:gd name="connsiteY426" fmla="*/ 18072 h 1332438"/>
                  <a:gd name="connsiteX427" fmla="*/ 540829 w 1332519"/>
                  <a:gd name="connsiteY427" fmla="*/ 15957 h 1332438"/>
                  <a:gd name="connsiteX428" fmla="*/ 544082 w 1332519"/>
                  <a:gd name="connsiteY428" fmla="*/ 11208 h 1332438"/>
                  <a:gd name="connsiteX429" fmla="*/ 570987 w 1332519"/>
                  <a:gd name="connsiteY429" fmla="*/ 6783 h 1332438"/>
                  <a:gd name="connsiteX430" fmla="*/ 575574 w 1332519"/>
                  <a:gd name="connsiteY430" fmla="*/ 10232 h 1332438"/>
                  <a:gd name="connsiteX431" fmla="*/ 572126 w 1332519"/>
                  <a:gd name="connsiteY431" fmla="*/ 14819 h 1332438"/>
                  <a:gd name="connsiteX432" fmla="*/ 545546 w 1332519"/>
                  <a:gd name="connsiteY432" fmla="*/ 19178 h 1332438"/>
                  <a:gd name="connsiteX433" fmla="*/ 541935 w 1332519"/>
                  <a:gd name="connsiteY433" fmla="*/ 18040 h 1332438"/>
                  <a:gd name="connsiteX434" fmla="*/ 1317554 w 1332519"/>
                  <a:gd name="connsiteY434" fmla="*/ 772415 h 1332438"/>
                  <a:gd name="connsiteX435" fmla="*/ 1316416 w 1332519"/>
                  <a:gd name="connsiteY435" fmla="*/ 768902 h 1332438"/>
                  <a:gd name="connsiteX436" fmla="*/ 1320060 w 1332519"/>
                  <a:gd name="connsiteY436" fmla="*/ 742257 h 1332438"/>
                  <a:gd name="connsiteX437" fmla="*/ 1324549 w 1332519"/>
                  <a:gd name="connsiteY437" fmla="*/ 738678 h 1332438"/>
                  <a:gd name="connsiteX438" fmla="*/ 1328128 w 1332519"/>
                  <a:gd name="connsiteY438" fmla="*/ 743168 h 1332438"/>
                  <a:gd name="connsiteX439" fmla="*/ 1324451 w 1332519"/>
                  <a:gd name="connsiteY439" fmla="*/ 770138 h 1332438"/>
                  <a:gd name="connsiteX440" fmla="*/ 1319799 w 1332519"/>
                  <a:gd name="connsiteY440" fmla="*/ 773521 h 1332438"/>
                  <a:gd name="connsiteX441" fmla="*/ 1317554 w 1332519"/>
                  <a:gd name="connsiteY441" fmla="*/ 772383 h 1332438"/>
                  <a:gd name="connsiteX442" fmla="*/ 595289 w 1332519"/>
                  <a:gd name="connsiteY442" fmla="*/ 10394 h 1332438"/>
                  <a:gd name="connsiteX443" fmla="*/ 594118 w 1332519"/>
                  <a:gd name="connsiteY443" fmla="*/ 7954 h 1332438"/>
                  <a:gd name="connsiteX444" fmla="*/ 597729 w 1332519"/>
                  <a:gd name="connsiteY444" fmla="*/ 3497 h 1332438"/>
                  <a:gd name="connsiteX445" fmla="*/ 624862 w 1332519"/>
                  <a:gd name="connsiteY445" fmla="*/ 1253 h 1332438"/>
                  <a:gd name="connsiteX446" fmla="*/ 629156 w 1332519"/>
                  <a:gd name="connsiteY446" fmla="*/ 5059 h 1332438"/>
                  <a:gd name="connsiteX447" fmla="*/ 625349 w 1332519"/>
                  <a:gd name="connsiteY447" fmla="*/ 9353 h 1332438"/>
                  <a:gd name="connsiteX448" fmla="*/ 598542 w 1332519"/>
                  <a:gd name="connsiteY448" fmla="*/ 11565 h 1332438"/>
                  <a:gd name="connsiteX449" fmla="*/ 595256 w 1332519"/>
                  <a:gd name="connsiteY449" fmla="*/ 10394 h 1332438"/>
                  <a:gd name="connsiteX450" fmla="*/ 1323736 w 1332519"/>
                  <a:gd name="connsiteY450" fmla="*/ 718963 h 1332438"/>
                  <a:gd name="connsiteX451" fmla="*/ 1322565 w 1332519"/>
                  <a:gd name="connsiteY451" fmla="*/ 715775 h 1332438"/>
                  <a:gd name="connsiteX452" fmla="*/ 1324028 w 1332519"/>
                  <a:gd name="connsiteY452" fmla="*/ 688935 h 1332438"/>
                  <a:gd name="connsiteX453" fmla="*/ 1328225 w 1332519"/>
                  <a:gd name="connsiteY453" fmla="*/ 684999 h 1332438"/>
                  <a:gd name="connsiteX454" fmla="*/ 1332129 w 1332519"/>
                  <a:gd name="connsiteY454" fmla="*/ 689196 h 1332438"/>
                  <a:gd name="connsiteX455" fmla="*/ 1330633 w 1332519"/>
                  <a:gd name="connsiteY455" fmla="*/ 716361 h 1332438"/>
                  <a:gd name="connsiteX456" fmla="*/ 1326273 w 1332519"/>
                  <a:gd name="connsiteY456" fmla="*/ 720102 h 1332438"/>
                  <a:gd name="connsiteX457" fmla="*/ 1323703 w 1332519"/>
                  <a:gd name="connsiteY457" fmla="*/ 718931 h 1332438"/>
                  <a:gd name="connsiteX458" fmla="*/ 649066 w 1332519"/>
                  <a:gd name="connsiteY458" fmla="*/ 7076 h 1332438"/>
                  <a:gd name="connsiteX459" fmla="*/ 647895 w 1332519"/>
                  <a:gd name="connsiteY459" fmla="*/ 4278 h 1332438"/>
                  <a:gd name="connsiteX460" fmla="*/ 651864 w 1332519"/>
                  <a:gd name="connsiteY460" fmla="*/ 146 h 1332438"/>
                  <a:gd name="connsiteX461" fmla="*/ 679094 w 1332519"/>
                  <a:gd name="connsiteY461" fmla="*/ 146 h 1332438"/>
                  <a:gd name="connsiteX462" fmla="*/ 683063 w 1332519"/>
                  <a:gd name="connsiteY462" fmla="*/ 4278 h 1332438"/>
                  <a:gd name="connsiteX463" fmla="*/ 678931 w 1332519"/>
                  <a:gd name="connsiteY463" fmla="*/ 8247 h 1332438"/>
                  <a:gd name="connsiteX464" fmla="*/ 652027 w 1332519"/>
                  <a:gd name="connsiteY464" fmla="*/ 8247 h 1332438"/>
                  <a:gd name="connsiteX465" fmla="*/ 649066 w 1332519"/>
                  <a:gd name="connsiteY465" fmla="*/ 7043 h 1332438"/>
                  <a:gd name="connsiteX466" fmla="*/ 1325590 w 1332519"/>
                  <a:gd name="connsiteY466" fmla="*/ 665154 h 1332438"/>
                  <a:gd name="connsiteX467" fmla="*/ 1324386 w 1332519"/>
                  <a:gd name="connsiteY467" fmla="*/ 662291 h 1332438"/>
                  <a:gd name="connsiteX468" fmla="*/ 1323671 w 1332519"/>
                  <a:gd name="connsiteY468" fmla="*/ 635386 h 1332438"/>
                  <a:gd name="connsiteX469" fmla="*/ 1327542 w 1332519"/>
                  <a:gd name="connsiteY469" fmla="*/ 631124 h 1332438"/>
                  <a:gd name="connsiteX470" fmla="*/ 1331804 w 1332519"/>
                  <a:gd name="connsiteY470" fmla="*/ 634996 h 1332438"/>
                  <a:gd name="connsiteX471" fmla="*/ 1332520 w 1332519"/>
                  <a:gd name="connsiteY471" fmla="*/ 662226 h 1332438"/>
                  <a:gd name="connsiteX472" fmla="*/ 1328485 w 1332519"/>
                  <a:gd name="connsiteY472" fmla="*/ 666325 h 1332438"/>
                  <a:gd name="connsiteX473" fmla="*/ 1325590 w 1332519"/>
                  <a:gd name="connsiteY473" fmla="*/ 665121 h 1332438"/>
                  <a:gd name="connsiteX474" fmla="*/ 702908 w 1332519"/>
                  <a:gd name="connsiteY474" fmla="*/ 8084 h 1332438"/>
                  <a:gd name="connsiteX475" fmla="*/ 701737 w 1332519"/>
                  <a:gd name="connsiteY475" fmla="*/ 4961 h 1332438"/>
                  <a:gd name="connsiteX476" fmla="*/ 706031 w 1332519"/>
                  <a:gd name="connsiteY476" fmla="*/ 1155 h 1332438"/>
                  <a:gd name="connsiteX477" fmla="*/ 733164 w 1332519"/>
                  <a:gd name="connsiteY477" fmla="*/ 3335 h 1332438"/>
                  <a:gd name="connsiteX478" fmla="*/ 736808 w 1332519"/>
                  <a:gd name="connsiteY478" fmla="*/ 7792 h 1332438"/>
                  <a:gd name="connsiteX479" fmla="*/ 732351 w 1332519"/>
                  <a:gd name="connsiteY479" fmla="*/ 11435 h 1332438"/>
                  <a:gd name="connsiteX480" fmla="*/ 705543 w 1332519"/>
                  <a:gd name="connsiteY480" fmla="*/ 9288 h 1332438"/>
                  <a:gd name="connsiteX481" fmla="*/ 702908 w 1332519"/>
                  <a:gd name="connsiteY481" fmla="*/ 8117 h 1332438"/>
                  <a:gd name="connsiteX482" fmla="*/ 1323085 w 1332519"/>
                  <a:gd name="connsiteY482" fmla="*/ 611312 h 1332438"/>
                  <a:gd name="connsiteX483" fmla="*/ 1321914 w 1332519"/>
                  <a:gd name="connsiteY483" fmla="*/ 608807 h 1332438"/>
                  <a:gd name="connsiteX484" fmla="*/ 1319018 w 1332519"/>
                  <a:gd name="connsiteY484" fmla="*/ 582032 h 1332438"/>
                  <a:gd name="connsiteX485" fmla="*/ 1322532 w 1332519"/>
                  <a:gd name="connsiteY485" fmla="*/ 577477 h 1332438"/>
                  <a:gd name="connsiteX486" fmla="*/ 1327087 w 1332519"/>
                  <a:gd name="connsiteY486" fmla="*/ 580991 h 1332438"/>
                  <a:gd name="connsiteX487" fmla="*/ 1330014 w 1332519"/>
                  <a:gd name="connsiteY487" fmla="*/ 608091 h 1332438"/>
                  <a:gd name="connsiteX488" fmla="*/ 1326338 w 1332519"/>
                  <a:gd name="connsiteY488" fmla="*/ 612483 h 1332438"/>
                  <a:gd name="connsiteX489" fmla="*/ 1323117 w 1332519"/>
                  <a:gd name="connsiteY489" fmla="*/ 611312 h 1332438"/>
                  <a:gd name="connsiteX490" fmla="*/ 756458 w 1332519"/>
                  <a:gd name="connsiteY490" fmla="*/ 13452 h 1332438"/>
                  <a:gd name="connsiteX491" fmla="*/ 755319 w 1332519"/>
                  <a:gd name="connsiteY491" fmla="*/ 10004 h 1332438"/>
                  <a:gd name="connsiteX492" fmla="*/ 759906 w 1332519"/>
                  <a:gd name="connsiteY492" fmla="*/ 6555 h 1332438"/>
                  <a:gd name="connsiteX493" fmla="*/ 786778 w 1332519"/>
                  <a:gd name="connsiteY493" fmla="*/ 10915 h 1332438"/>
                  <a:gd name="connsiteX494" fmla="*/ 790032 w 1332519"/>
                  <a:gd name="connsiteY494" fmla="*/ 15632 h 1332438"/>
                  <a:gd name="connsiteX495" fmla="*/ 785314 w 1332519"/>
                  <a:gd name="connsiteY495" fmla="*/ 18885 h 1332438"/>
                  <a:gd name="connsiteX496" fmla="*/ 758800 w 1332519"/>
                  <a:gd name="connsiteY496" fmla="*/ 14591 h 1332438"/>
                  <a:gd name="connsiteX497" fmla="*/ 756490 w 1332519"/>
                  <a:gd name="connsiteY497" fmla="*/ 13452 h 1332438"/>
                  <a:gd name="connsiteX498" fmla="*/ 1316220 w 1332519"/>
                  <a:gd name="connsiteY498" fmla="*/ 557860 h 1332438"/>
                  <a:gd name="connsiteX499" fmla="*/ 1315082 w 1332519"/>
                  <a:gd name="connsiteY499" fmla="*/ 555680 h 1332438"/>
                  <a:gd name="connsiteX500" fmla="*/ 1310040 w 1332519"/>
                  <a:gd name="connsiteY500" fmla="*/ 529231 h 1332438"/>
                  <a:gd name="connsiteX501" fmla="*/ 1313163 w 1332519"/>
                  <a:gd name="connsiteY501" fmla="*/ 524416 h 1332438"/>
                  <a:gd name="connsiteX502" fmla="*/ 1317977 w 1332519"/>
                  <a:gd name="connsiteY502" fmla="*/ 527539 h 1332438"/>
                  <a:gd name="connsiteX503" fmla="*/ 1323085 w 1332519"/>
                  <a:gd name="connsiteY503" fmla="*/ 554314 h 1332438"/>
                  <a:gd name="connsiteX504" fmla="*/ 1319767 w 1332519"/>
                  <a:gd name="connsiteY504" fmla="*/ 558999 h 1332438"/>
                  <a:gd name="connsiteX505" fmla="*/ 1316220 w 1332519"/>
                  <a:gd name="connsiteY505" fmla="*/ 557860 h 1332438"/>
                  <a:gd name="connsiteX506" fmla="*/ 809389 w 1332519"/>
                  <a:gd name="connsiteY506" fmla="*/ 23115 h 1332438"/>
                  <a:gd name="connsiteX507" fmla="*/ 808283 w 1332519"/>
                  <a:gd name="connsiteY507" fmla="*/ 19341 h 1332438"/>
                  <a:gd name="connsiteX508" fmla="*/ 813130 w 1332519"/>
                  <a:gd name="connsiteY508" fmla="*/ 16283 h 1332438"/>
                  <a:gd name="connsiteX509" fmla="*/ 839547 w 1332519"/>
                  <a:gd name="connsiteY509" fmla="*/ 22789 h 1332438"/>
                  <a:gd name="connsiteX510" fmla="*/ 842410 w 1332519"/>
                  <a:gd name="connsiteY510" fmla="*/ 27767 h 1332438"/>
                  <a:gd name="connsiteX511" fmla="*/ 837432 w 1332519"/>
                  <a:gd name="connsiteY511" fmla="*/ 30630 h 1332438"/>
                  <a:gd name="connsiteX512" fmla="*/ 811341 w 1332519"/>
                  <a:gd name="connsiteY512" fmla="*/ 24188 h 1332438"/>
                  <a:gd name="connsiteX513" fmla="*/ 809356 w 1332519"/>
                  <a:gd name="connsiteY513" fmla="*/ 23115 h 1332438"/>
                  <a:gd name="connsiteX514" fmla="*/ 1305062 w 1332519"/>
                  <a:gd name="connsiteY514" fmla="*/ 505091 h 1332438"/>
                  <a:gd name="connsiteX515" fmla="*/ 1303988 w 1332519"/>
                  <a:gd name="connsiteY515" fmla="*/ 503237 h 1332438"/>
                  <a:gd name="connsiteX516" fmla="*/ 1296798 w 1332519"/>
                  <a:gd name="connsiteY516" fmla="*/ 477276 h 1332438"/>
                  <a:gd name="connsiteX517" fmla="*/ 1299531 w 1332519"/>
                  <a:gd name="connsiteY517" fmla="*/ 472233 h 1332438"/>
                  <a:gd name="connsiteX518" fmla="*/ 1304574 w 1332519"/>
                  <a:gd name="connsiteY518" fmla="*/ 474966 h 1332438"/>
                  <a:gd name="connsiteX519" fmla="*/ 1311829 w 1332519"/>
                  <a:gd name="connsiteY519" fmla="*/ 501252 h 1332438"/>
                  <a:gd name="connsiteX520" fmla="*/ 1308901 w 1332519"/>
                  <a:gd name="connsiteY520" fmla="*/ 506198 h 1332438"/>
                  <a:gd name="connsiteX521" fmla="*/ 1305029 w 1332519"/>
                  <a:gd name="connsiteY521" fmla="*/ 505124 h 1332438"/>
                  <a:gd name="connsiteX522" fmla="*/ 861344 w 1332519"/>
                  <a:gd name="connsiteY522" fmla="*/ 37071 h 1332438"/>
                  <a:gd name="connsiteX523" fmla="*/ 860335 w 1332519"/>
                  <a:gd name="connsiteY523" fmla="*/ 32972 h 1332438"/>
                  <a:gd name="connsiteX524" fmla="*/ 865411 w 1332519"/>
                  <a:gd name="connsiteY524" fmla="*/ 30305 h 1332438"/>
                  <a:gd name="connsiteX525" fmla="*/ 891177 w 1332519"/>
                  <a:gd name="connsiteY525" fmla="*/ 38926 h 1332438"/>
                  <a:gd name="connsiteX526" fmla="*/ 893649 w 1332519"/>
                  <a:gd name="connsiteY526" fmla="*/ 44131 h 1332438"/>
                  <a:gd name="connsiteX527" fmla="*/ 888444 w 1332519"/>
                  <a:gd name="connsiteY527" fmla="*/ 46604 h 1332438"/>
                  <a:gd name="connsiteX528" fmla="*/ 863003 w 1332519"/>
                  <a:gd name="connsiteY528" fmla="*/ 38080 h 1332438"/>
                  <a:gd name="connsiteX529" fmla="*/ 861344 w 1332519"/>
                  <a:gd name="connsiteY529" fmla="*/ 37071 h 1332438"/>
                  <a:gd name="connsiteX530" fmla="*/ 1289641 w 1332519"/>
                  <a:gd name="connsiteY530" fmla="*/ 453429 h 1332438"/>
                  <a:gd name="connsiteX531" fmla="*/ 1288665 w 1332519"/>
                  <a:gd name="connsiteY531" fmla="*/ 451867 h 1332438"/>
                  <a:gd name="connsiteX532" fmla="*/ 1279393 w 1332519"/>
                  <a:gd name="connsiteY532" fmla="*/ 426557 h 1332438"/>
                  <a:gd name="connsiteX533" fmla="*/ 1281703 w 1332519"/>
                  <a:gd name="connsiteY533" fmla="*/ 421286 h 1332438"/>
                  <a:gd name="connsiteX534" fmla="*/ 1286973 w 1332519"/>
                  <a:gd name="connsiteY534" fmla="*/ 423596 h 1332438"/>
                  <a:gd name="connsiteX535" fmla="*/ 1296375 w 1332519"/>
                  <a:gd name="connsiteY535" fmla="*/ 449200 h 1332438"/>
                  <a:gd name="connsiteX536" fmla="*/ 1293870 w 1332519"/>
                  <a:gd name="connsiteY536" fmla="*/ 454372 h 1332438"/>
                  <a:gd name="connsiteX537" fmla="*/ 1289674 w 1332519"/>
                  <a:gd name="connsiteY537" fmla="*/ 453396 h 1332438"/>
                  <a:gd name="connsiteX538" fmla="*/ 911933 w 1332519"/>
                  <a:gd name="connsiteY538" fmla="*/ 55160 h 1332438"/>
                  <a:gd name="connsiteX539" fmla="*/ 911055 w 1332519"/>
                  <a:gd name="connsiteY539" fmla="*/ 50768 h 1332438"/>
                  <a:gd name="connsiteX540" fmla="*/ 916357 w 1332519"/>
                  <a:gd name="connsiteY540" fmla="*/ 48523 h 1332438"/>
                  <a:gd name="connsiteX541" fmla="*/ 941310 w 1332519"/>
                  <a:gd name="connsiteY541" fmla="*/ 59226 h 1332438"/>
                  <a:gd name="connsiteX542" fmla="*/ 943327 w 1332519"/>
                  <a:gd name="connsiteY542" fmla="*/ 64594 h 1332438"/>
                  <a:gd name="connsiteX543" fmla="*/ 937959 w 1332519"/>
                  <a:gd name="connsiteY543" fmla="*/ 66611 h 1332438"/>
                  <a:gd name="connsiteX544" fmla="*/ 913299 w 1332519"/>
                  <a:gd name="connsiteY544" fmla="*/ 56038 h 1332438"/>
                  <a:gd name="connsiteX545" fmla="*/ 911965 w 1332519"/>
                  <a:gd name="connsiteY545" fmla="*/ 55160 h 1332438"/>
                  <a:gd name="connsiteX546" fmla="*/ 1270024 w 1332519"/>
                  <a:gd name="connsiteY546" fmla="*/ 403165 h 1332438"/>
                  <a:gd name="connsiteX547" fmla="*/ 1269178 w 1332519"/>
                  <a:gd name="connsiteY547" fmla="*/ 401929 h 1332438"/>
                  <a:gd name="connsiteX548" fmla="*/ 1257856 w 1332519"/>
                  <a:gd name="connsiteY548" fmla="*/ 377464 h 1332438"/>
                  <a:gd name="connsiteX549" fmla="*/ 1259711 w 1332519"/>
                  <a:gd name="connsiteY549" fmla="*/ 372031 h 1332438"/>
                  <a:gd name="connsiteX550" fmla="*/ 1265144 w 1332519"/>
                  <a:gd name="connsiteY550" fmla="*/ 373886 h 1332438"/>
                  <a:gd name="connsiteX551" fmla="*/ 1276628 w 1332519"/>
                  <a:gd name="connsiteY551" fmla="*/ 398676 h 1332438"/>
                  <a:gd name="connsiteX552" fmla="*/ 1274546 w 1332519"/>
                  <a:gd name="connsiteY552" fmla="*/ 404011 h 1332438"/>
                  <a:gd name="connsiteX553" fmla="*/ 1270056 w 1332519"/>
                  <a:gd name="connsiteY553" fmla="*/ 403165 h 1332438"/>
                  <a:gd name="connsiteX554" fmla="*/ 960928 w 1332519"/>
                  <a:gd name="connsiteY554" fmla="*/ 77347 h 1332438"/>
                  <a:gd name="connsiteX555" fmla="*/ 960179 w 1332519"/>
                  <a:gd name="connsiteY555" fmla="*/ 72662 h 1332438"/>
                  <a:gd name="connsiteX556" fmla="*/ 965645 w 1332519"/>
                  <a:gd name="connsiteY556" fmla="*/ 70873 h 1332438"/>
                  <a:gd name="connsiteX557" fmla="*/ 989719 w 1332519"/>
                  <a:gd name="connsiteY557" fmla="*/ 83594 h 1332438"/>
                  <a:gd name="connsiteX558" fmla="*/ 991281 w 1332519"/>
                  <a:gd name="connsiteY558" fmla="*/ 89124 h 1332438"/>
                  <a:gd name="connsiteX559" fmla="*/ 985750 w 1332519"/>
                  <a:gd name="connsiteY559" fmla="*/ 90686 h 1332438"/>
                  <a:gd name="connsiteX560" fmla="*/ 961968 w 1332519"/>
                  <a:gd name="connsiteY560" fmla="*/ 78096 h 1332438"/>
                  <a:gd name="connsiteX561" fmla="*/ 960928 w 1332519"/>
                  <a:gd name="connsiteY561" fmla="*/ 77347 h 1332438"/>
                  <a:gd name="connsiteX562" fmla="*/ 1246372 w 1332519"/>
                  <a:gd name="connsiteY562" fmla="*/ 354691 h 1332438"/>
                  <a:gd name="connsiteX563" fmla="*/ 1245657 w 1332519"/>
                  <a:gd name="connsiteY563" fmla="*/ 353748 h 1332438"/>
                  <a:gd name="connsiteX564" fmla="*/ 1232383 w 1332519"/>
                  <a:gd name="connsiteY564" fmla="*/ 330357 h 1332438"/>
                  <a:gd name="connsiteX565" fmla="*/ 1233782 w 1332519"/>
                  <a:gd name="connsiteY565" fmla="*/ 324793 h 1332438"/>
                  <a:gd name="connsiteX566" fmla="*/ 1239345 w 1332519"/>
                  <a:gd name="connsiteY566" fmla="*/ 326225 h 1332438"/>
                  <a:gd name="connsiteX567" fmla="*/ 1252781 w 1332519"/>
                  <a:gd name="connsiteY567" fmla="*/ 349909 h 1332438"/>
                  <a:gd name="connsiteX568" fmla="*/ 1251122 w 1332519"/>
                  <a:gd name="connsiteY568" fmla="*/ 355407 h 1332438"/>
                  <a:gd name="connsiteX569" fmla="*/ 1246307 w 1332519"/>
                  <a:gd name="connsiteY569" fmla="*/ 354691 h 1332438"/>
                  <a:gd name="connsiteX570" fmla="*/ 1008003 w 1332519"/>
                  <a:gd name="connsiteY570" fmla="*/ 103504 h 1332438"/>
                  <a:gd name="connsiteX571" fmla="*/ 1007417 w 1332519"/>
                  <a:gd name="connsiteY571" fmla="*/ 98526 h 1332438"/>
                  <a:gd name="connsiteX572" fmla="*/ 1013013 w 1332519"/>
                  <a:gd name="connsiteY572" fmla="*/ 97192 h 1332438"/>
                  <a:gd name="connsiteX573" fmla="*/ 1035949 w 1332519"/>
                  <a:gd name="connsiteY573" fmla="*/ 111865 h 1332438"/>
                  <a:gd name="connsiteX574" fmla="*/ 1037055 w 1332519"/>
                  <a:gd name="connsiteY574" fmla="*/ 117493 h 1332438"/>
                  <a:gd name="connsiteX575" fmla="*/ 1031427 w 1332519"/>
                  <a:gd name="connsiteY575" fmla="*/ 118599 h 1332438"/>
                  <a:gd name="connsiteX576" fmla="*/ 1008751 w 1332519"/>
                  <a:gd name="connsiteY576" fmla="*/ 104122 h 1332438"/>
                  <a:gd name="connsiteX577" fmla="*/ 1008003 w 1332519"/>
                  <a:gd name="connsiteY577" fmla="*/ 103536 h 1332438"/>
                  <a:gd name="connsiteX578" fmla="*/ 1218849 w 1332519"/>
                  <a:gd name="connsiteY578" fmla="*/ 308397 h 1332438"/>
                  <a:gd name="connsiteX579" fmla="*/ 1218329 w 1332519"/>
                  <a:gd name="connsiteY579" fmla="*/ 307746 h 1332438"/>
                  <a:gd name="connsiteX580" fmla="*/ 1203201 w 1332519"/>
                  <a:gd name="connsiteY580" fmla="*/ 285526 h 1332438"/>
                  <a:gd name="connsiteX581" fmla="*/ 1204144 w 1332519"/>
                  <a:gd name="connsiteY581" fmla="*/ 279865 h 1332438"/>
                  <a:gd name="connsiteX582" fmla="*/ 1209805 w 1332519"/>
                  <a:gd name="connsiteY582" fmla="*/ 280809 h 1332438"/>
                  <a:gd name="connsiteX583" fmla="*/ 1225128 w 1332519"/>
                  <a:gd name="connsiteY583" fmla="*/ 303322 h 1332438"/>
                  <a:gd name="connsiteX584" fmla="*/ 1223924 w 1332519"/>
                  <a:gd name="connsiteY584" fmla="*/ 308950 h 1332438"/>
                  <a:gd name="connsiteX585" fmla="*/ 1218849 w 1332519"/>
                  <a:gd name="connsiteY585" fmla="*/ 308429 h 1332438"/>
                  <a:gd name="connsiteX586" fmla="*/ 1052768 w 1332519"/>
                  <a:gd name="connsiteY586" fmla="*/ 133434 h 1332438"/>
                  <a:gd name="connsiteX587" fmla="*/ 1052378 w 1332519"/>
                  <a:gd name="connsiteY587" fmla="*/ 128164 h 1332438"/>
                  <a:gd name="connsiteX588" fmla="*/ 1058039 w 1332519"/>
                  <a:gd name="connsiteY588" fmla="*/ 127285 h 1332438"/>
                  <a:gd name="connsiteX589" fmla="*/ 1079706 w 1332519"/>
                  <a:gd name="connsiteY589" fmla="*/ 143780 h 1332438"/>
                  <a:gd name="connsiteX590" fmla="*/ 1080356 w 1332519"/>
                  <a:gd name="connsiteY590" fmla="*/ 149473 h 1332438"/>
                  <a:gd name="connsiteX591" fmla="*/ 1074663 w 1332519"/>
                  <a:gd name="connsiteY591" fmla="*/ 150124 h 1332438"/>
                  <a:gd name="connsiteX592" fmla="*/ 1053256 w 1332519"/>
                  <a:gd name="connsiteY592" fmla="*/ 133825 h 1332438"/>
                  <a:gd name="connsiteX593" fmla="*/ 1052768 w 1332519"/>
                  <a:gd name="connsiteY593" fmla="*/ 133402 h 1332438"/>
                  <a:gd name="connsiteX594" fmla="*/ 1187650 w 1332519"/>
                  <a:gd name="connsiteY594" fmla="*/ 264510 h 1332438"/>
                  <a:gd name="connsiteX595" fmla="*/ 1187292 w 1332519"/>
                  <a:gd name="connsiteY595" fmla="*/ 264119 h 1332438"/>
                  <a:gd name="connsiteX596" fmla="*/ 1170408 w 1332519"/>
                  <a:gd name="connsiteY596" fmla="*/ 243201 h 1332438"/>
                  <a:gd name="connsiteX597" fmla="*/ 1170896 w 1332519"/>
                  <a:gd name="connsiteY597" fmla="*/ 237475 h 1332438"/>
                  <a:gd name="connsiteX598" fmla="*/ 1176622 w 1332519"/>
                  <a:gd name="connsiteY598" fmla="*/ 237963 h 1332438"/>
                  <a:gd name="connsiteX599" fmla="*/ 1193734 w 1332519"/>
                  <a:gd name="connsiteY599" fmla="*/ 259142 h 1332438"/>
                  <a:gd name="connsiteX600" fmla="*/ 1193018 w 1332519"/>
                  <a:gd name="connsiteY600" fmla="*/ 264835 h 1332438"/>
                  <a:gd name="connsiteX601" fmla="*/ 1187650 w 1332519"/>
                  <a:gd name="connsiteY601" fmla="*/ 264510 h 1332438"/>
                  <a:gd name="connsiteX602" fmla="*/ 1094963 w 1332519"/>
                  <a:gd name="connsiteY602" fmla="*/ 166911 h 1332438"/>
                  <a:gd name="connsiteX603" fmla="*/ 1094768 w 1332519"/>
                  <a:gd name="connsiteY603" fmla="*/ 161380 h 1332438"/>
                  <a:gd name="connsiteX604" fmla="*/ 1100494 w 1332519"/>
                  <a:gd name="connsiteY604" fmla="*/ 160957 h 1332438"/>
                  <a:gd name="connsiteX605" fmla="*/ 1120762 w 1332519"/>
                  <a:gd name="connsiteY605" fmla="*/ 179143 h 1332438"/>
                  <a:gd name="connsiteX606" fmla="*/ 1120957 w 1332519"/>
                  <a:gd name="connsiteY606" fmla="*/ 184869 h 1332438"/>
                  <a:gd name="connsiteX607" fmla="*/ 1115232 w 1332519"/>
                  <a:gd name="connsiteY607" fmla="*/ 185064 h 1332438"/>
                  <a:gd name="connsiteX608" fmla="*/ 1095191 w 1332519"/>
                  <a:gd name="connsiteY608" fmla="*/ 167106 h 1332438"/>
                  <a:gd name="connsiteX609" fmla="*/ 1094963 w 1332519"/>
                  <a:gd name="connsiteY609" fmla="*/ 166911 h 1332438"/>
                  <a:gd name="connsiteX610" fmla="*/ 1152970 w 1332519"/>
                  <a:gd name="connsiteY610" fmla="*/ 223290 h 1332438"/>
                  <a:gd name="connsiteX611" fmla="*/ 1152840 w 1332519"/>
                  <a:gd name="connsiteY611" fmla="*/ 223160 h 1332438"/>
                  <a:gd name="connsiteX612" fmla="*/ 1134329 w 1332519"/>
                  <a:gd name="connsiteY612" fmla="*/ 203640 h 1332438"/>
                  <a:gd name="connsiteX613" fmla="*/ 1134361 w 1332519"/>
                  <a:gd name="connsiteY613" fmla="*/ 197882 h 1332438"/>
                  <a:gd name="connsiteX614" fmla="*/ 1140119 w 1332519"/>
                  <a:gd name="connsiteY614" fmla="*/ 197915 h 1332438"/>
                  <a:gd name="connsiteX615" fmla="*/ 1158858 w 1332519"/>
                  <a:gd name="connsiteY615" fmla="*/ 217662 h 1332438"/>
                  <a:gd name="connsiteX616" fmla="*/ 1158598 w 1332519"/>
                  <a:gd name="connsiteY616" fmla="*/ 223388 h 1332438"/>
                  <a:gd name="connsiteX617" fmla="*/ 1153003 w 1332519"/>
                  <a:gd name="connsiteY617" fmla="*/ 223258 h 1332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Lst>
                <a:rect l="l" t="t" r="r" b="b"/>
                <a:pathLst>
                  <a:path w="1332519" h="1332438">
                    <a:moveTo>
                      <a:pt x="195133" y="1137371"/>
                    </a:moveTo>
                    <a:cubicBezTo>
                      <a:pt x="192660" y="1134898"/>
                      <a:pt x="190220" y="1132426"/>
                      <a:pt x="187780" y="1129921"/>
                    </a:cubicBezTo>
                    <a:cubicBezTo>
                      <a:pt x="186219" y="1128326"/>
                      <a:pt x="186251" y="1125724"/>
                      <a:pt x="187878" y="1124162"/>
                    </a:cubicBezTo>
                    <a:cubicBezTo>
                      <a:pt x="189472" y="1122601"/>
                      <a:pt x="192107" y="1122763"/>
                      <a:pt x="193637" y="1124260"/>
                    </a:cubicBezTo>
                    <a:cubicBezTo>
                      <a:pt x="199850" y="1130669"/>
                      <a:pt x="206292" y="1137045"/>
                      <a:pt x="212766" y="1143194"/>
                    </a:cubicBezTo>
                    <a:cubicBezTo>
                      <a:pt x="214425" y="1144853"/>
                      <a:pt x="214458" y="1147326"/>
                      <a:pt x="212896" y="1148952"/>
                    </a:cubicBezTo>
                    <a:cubicBezTo>
                      <a:pt x="211335" y="1150579"/>
                      <a:pt x="208764" y="1150644"/>
                      <a:pt x="207170" y="1149082"/>
                    </a:cubicBezTo>
                    <a:cubicBezTo>
                      <a:pt x="203136" y="1145276"/>
                      <a:pt x="199102" y="1141307"/>
                      <a:pt x="195166" y="1137371"/>
                    </a:cubicBezTo>
                    <a:close/>
                    <a:moveTo>
                      <a:pt x="169562" y="1110336"/>
                    </a:moveTo>
                    <a:cubicBezTo>
                      <a:pt x="169562" y="1110336"/>
                      <a:pt x="169464" y="1110238"/>
                      <a:pt x="169399" y="1110173"/>
                    </a:cubicBezTo>
                    <a:cubicBezTo>
                      <a:pt x="163348" y="1103439"/>
                      <a:pt x="157395" y="1096477"/>
                      <a:pt x="151669" y="1089514"/>
                    </a:cubicBezTo>
                    <a:cubicBezTo>
                      <a:pt x="150237" y="1087790"/>
                      <a:pt x="150498" y="1085220"/>
                      <a:pt x="152222" y="1083789"/>
                    </a:cubicBezTo>
                    <a:cubicBezTo>
                      <a:pt x="153946" y="1082357"/>
                      <a:pt x="156516" y="1082618"/>
                      <a:pt x="157948" y="1084342"/>
                    </a:cubicBezTo>
                    <a:cubicBezTo>
                      <a:pt x="163608" y="1091206"/>
                      <a:pt x="169497" y="1098071"/>
                      <a:pt x="175483" y="1104740"/>
                    </a:cubicBezTo>
                    <a:cubicBezTo>
                      <a:pt x="176980" y="1106399"/>
                      <a:pt x="176849" y="1108969"/>
                      <a:pt x="175158" y="1110466"/>
                    </a:cubicBezTo>
                    <a:cubicBezTo>
                      <a:pt x="173531" y="1111897"/>
                      <a:pt x="171091" y="1111832"/>
                      <a:pt x="169595" y="1110303"/>
                    </a:cubicBezTo>
                    <a:close/>
                    <a:moveTo>
                      <a:pt x="226853" y="1167073"/>
                    </a:moveTo>
                    <a:cubicBezTo>
                      <a:pt x="225356" y="1165577"/>
                      <a:pt x="225259" y="1163137"/>
                      <a:pt x="226690" y="1161510"/>
                    </a:cubicBezTo>
                    <a:cubicBezTo>
                      <a:pt x="228187" y="1159818"/>
                      <a:pt x="230724" y="1159656"/>
                      <a:pt x="232416" y="1161152"/>
                    </a:cubicBezTo>
                    <a:cubicBezTo>
                      <a:pt x="239150" y="1167041"/>
                      <a:pt x="246047" y="1172897"/>
                      <a:pt x="252977" y="1178492"/>
                    </a:cubicBezTo>
                    <a:cubicBezTo>
                      <a:pt x="254701" y="1179924"/>
                      <a:pt x="254994" y="1182461"/>
                      <a:pt x="253595" y="1184218"/>
                    </a:cubicBezTo>
                    <a:cubicBezTo>
                      <a:pt x="252196" y="1185975"/>
                      <a:pt x="249626" y="1186235"/>
                      <a:pt x="247902" y="1184804"/>
                    </a:cubicBezTo>
                    <a:cubicBezTo>
                      <a:pt x="240874" y="1179143"/>
                      <a:pt x="233880" y="1173222"/>
                      <a:pt x="227080" y="1167268"/>
                    </a:cubicBezTo>
                    <a:cubicBezTo>
                      <a:pt x="227015" y="1167203"/>
                      <a:pt x="226950" y="1167138"/>
                      <a:pt x="226885" y="1167073"/>
                    </a:cubicBezTo>
                    <a:close/>
                    <a:moveTo>
                      <a:pt x="135305" y="1068791"/>
                    </a:moveTo>
                    <a:cubicBezTo>
                      <a:pt x="135305" y="1068791"/>
                      <a:pt x="135045" y="1068531"/>
                      <a:pt x="134947" y="1068368"/>
                    </a:cubicBezTo>
                    <a:cubicBezTo>
                      <a:pt x="129449" y="1061146"/>
                      <a:pt x="124081" y="1053728"/>
                      <a:pt x="118941" y="1046343"/>
                    </a:cubicBezTo>
                    <a:cubicBezTo>
                      <a:pt x="117672" y="1044489"/>
                      <a:pt x="118127" y="1041984"/>
                      <a:pt x="119949" y="1040682"/>
                    </a:cubicBezTo>
                    <a:cubicBezTo>
                      <a:pt x="121804" y="1039414"/>
                      <a:pt x="124309" y="1039869"/>
                      <a:pt x="125610" y="1041691"/>
                    </a:cubicBezTo>
                    <a:cubicBezTo>
                      <a:pt x="130685" y="1048978"/>
                      <a:pt x="136021" y="1056298"/>
                      <a:pt x="141421" y="1063456"/>
                    </a:cubicBezTo>
                    <a:cubicBezTo>
                      <a:pt x="142787" y="1065245"/>
                      <a:pt x="142429" y="1067782"/>
                      <a:pt x="140640" y="1069149"/>
                    </a:cubicBezTo>
                    <a:cubicBezTo>
                      <a:pt x="139013" y="1070385"/>
                      <a:pt x="136736" y="1070190"/>
                      <a:pt x="135305" y="1068791"/>
                    </a:cubicBezTo>
                    <a:close/>
                    <a:moveTo>
                      <a:pt x="268723" y="1200973"/>
                    </a:moveTo>
                    <a:cubicBezTo>
                      <a:pt x="267324" y="1199574"/>
                      <a:pt x="267129" y="1197329"/>
                      <a:pt x="268332" y="1195670"/>
                    </a:cubicBezTo>
                    <a:cubicBezTo>
                      <a:pt x="269666" y="1193880"/>
                      <a:pt x="272204" y="1193490"/>
                      <a:pt x="274025" y="1194824"/>
                    </a:cubicBezTo>
                    <a:cubicBezTo>
                      <a:pt x="281215" y="1200159"/>
                      <a:pt x="288568" y="1205397"/>
                      <a:pt x="295920" y="1210440"/>
                    </a:cubicBezTo>
                    <a:cubicBezTo>
                      <a:pt x="297775" y="1211708"/>
                      <a:pt x="298263" y="1214214"/>
                      <a:pt x="296994" y="1216068"/>
                    </a:cubicBezTo>
                    <a:cubicBezTo>
                      <a:pt x="295725" y="1217922"/>
                      <a:pt x="293187" y="1218410"/>
                      <a:pt x="291366" y="1217142"/>
                    </a:cubicBezTo>
                    <a:cubicBezTo>
                      <a:pt x="283916" y="1212066"/>
                      <a:pt x="276465" y="1206731"/>
                      <a:pt x="269178" y="1201330"/>
                    </a:cubicBezTo>
                    <a:cubicBezTo>
                      <a:pt x="269015" y="1201200"/>
                      <a:pt x="268853" y="1201070"/>
                      <a:pt x="268723" y="1200940"/>
                    </a:cubicBezTo>
                    <a:close/>
                    <a:moveTo>
                      <a:pt x="104529" y="1024611"/>
                    </a:moveTo>
                    <a:cubicBezTo>
                      <a:pt x="104333" y="1024416"/>
                      <a:pt x="104138" y="1024188"/>
                      <a:pt x="103976" y="1023928"/>
                    </a:cubicBezTo>
                    <a:cubicBezTo>
                      <a:pt x="99128" y="1016315"/>
                      <a:pt x="94346" y="1008475"/>
                      <a:pt x="89824" y="1000667"/>
                    </a:cubicBezTo>
                    <a:cubicBezTo>
                      <a:pt x="88685" y="998715"/>
                      <a:pt x="89368" y="996242"/>
                      <a:pt x="91288" y="995104"/>
                    </a:cubicBezTo>
                    <a:cubicBezTo>
                      <a:pt x="93240" y="993965"/>
                      <a:pt x="95712" y="994648"/>
                      <a:pt x="96851" y="996568"/>
                    </a:cubicBezTo>
                    <a:cubicBezTo>
                      <a:pt x="101340" y="1004278"/>
                      <a:pt x="106058" y="1012021"/>
                      <a:pt x="110840" y="1019536"/>
                    </a:cubicBezTo>
                    <a:cubicBezTo>
                      <a:pt x="112044" y="1021423"/>
                      <a:pt x="111491" y="1023928"/>
                      <a:pt x="109604" y="1025132"/>
                    </a:cubicBezTo>
                    <a:cubicBezTo>
                      <a:pt x="107977" y="1026173"/>
                      <a:pt x="105862" y="1025912"/>
                      <a:pt x="104561" y="1024579"/>
                    </a:cubicBezTo>
                    <a:close/>
                    <a:moveTo>
                      <a:pt x="313195" y="1231326"/>
                    </a:moveTo>
                    <a:cubicBezTo>
                      <a:pt x="311894" y="1230025"/>
                      <a:pt x="311601" y="1227943"/>
                      <a:pt x="312610" y="1226316"/>
                    </a:cubicBezTo>
                    <a:cubicBezTo>
                      <a:pt x="313781" y="1224429"/>
                      <a:pt x="316286" y="1223843"/>
                      <a:pt x="318205" y="1225014"/>
                    </a:cubicBezTo>
                    <a:cubicBezTo>
                      <a:pt x="325818" y="1229764"/>
                      <a:pt x="333593" y="1234384"/>
                      <a:pt x="341304" y="1238776"/>
                    </a:cubicBezTo>
                    <a:cubicBezTo>
                      <a:pt x="343256" y="1239882"/>
                      <a:pt x="343939" y="1242355"/>
                      <a:pt x="342833" y="1244307"/>
                    </a:cubicBezTo>
                    <a:cubicBezTo>
                      <a:pt x="341727" y="1246259"/>
                      <a:pt x="339254" y="1246942"/>
                      <a:pt x="337302" y="1245836"/>
                    </a:cubicBezTo>
                    <a:cubicBezTo>
                      <a:pt x="329462" y="1241379"/>
                      <a:pt x="321589" y="1236694"/>
                      <a:pt x="313911" y="1231912"/>
                    </a:cubicBezTo>
                    <a:cubicBezTo>
                      <a:pt x="313651" y="1231749"/>
                      <a:pt x="313391" y="1231554"/>
                      <a:pt x="313195" y="1231326"/>
                    </a:cubicBezTo>
                    <a:close/>
                    <a:moveTo>
                      <a:pt x="77461" y="978024"/>
                    </a:moveTo>
                    <a:cubicBezTo>
                      <a:pt x="77168" y="977731"/>
                      <a:pt x="76941" y="977406"/>
                      <a:pt x="76745" y="977048"/>
                    </a:cubicBezTo>
                    <a:cubicBezTo>
                      <a:pt x="72549" y="969077"/>
                      <a:pt x="68417" y="960846"/>
                      <a:pt x="64513" y="952648"/>
                    </a:cubicBezTo>
                    <a:cubicBezTo>
                      <a:pt x="63537" y="950631"/>
                      <a:pt x="64415" y="948191"/>
                      <a:pt x="66432" y="947248"/>
                    </a:cubicBezTo>
                    <a:cubicBezTo>
                      <a:pt x="68449" y="946272"/>
                      <a:pt x="70889" y="947150"/>
                      <a:pt x="71833" y="949167"/>
                    </a:cubicBezTo>
                    <a:cubicBezTo>
                      <a:pt x="75704" y="957300"/>
                      <a:pt x="79771" y="965401"/>
                      <a:pt x="83935" y="973274"/>
                    </a:cubicBezTo>
                    <a:cubicBezTo>
                      <a:pt x="84976" y="975259"/>
                      <a:pt x="84228" y="977731"/>
                      <a:pt x="82243" y="978772"/>
                    </a:cubicBezTo>
                    <a:cubicBezTo>
                      <a:pt x="80617" y="979618"/>
                      <a:pt x="78697" y="979293"/>
                      <a:pt x="77494" y="978056"/>
                    </a:cubicBezTo>
                    <a:close/>
                    <a:moveTo>
                      <a:pt x="360043" y="1257938"/>
                    </a:moveTo>
                    <a:cubicBezTo>
                      <a:pt x="358839" y="1256734"/>
                      <a:pt x="358481" y="1254815"/>
                      <a:pt x="359295" y="1253221"/>
                    </a:cubicBezTo>
                    <a:cubicBezTo>
                      <a:pt x="360336" y="1251236"/>
                      <a:pt x="362776" y="1250455"/>
                      <a:pt x="364760" y="1251464"/>
                    </a:cubicBezTo>
                    <a:cubicBezTo>
                      <a:pt x="372698" y="1255563"/>
                      <a:pt x="380831" y="1259532"/>
                      <a:pt x="388900" y="1263306"/>
                    </a:cubicBezTo>
                    <a:cubicBezTo>
                      <a:pt x="390949" y="1264249"/>
                      <a:pt x="391828" y="1266657"/>
                      <a:pt x="390884" y="1268706"/>
                    </a:cubicBezTo>
                    <a:cubicBezTo>
                      <a:pt x="389941" y="1270756"/>
                      <a:pt x="387533" y="1271634"/>
                      <a:pt x="385484" y="1270691"/>
                    </a:cubicBezTo>
                    <a:cubicBezTo>
                      <a:pt x="377285" y="1266885"/>
                      <a:pt x="369054" y="1262850"/>
                      <a:pt x="361019" y="1258719"/>
                    </a:cubicBezTo>
                    <a:cubicBezTo>
                      <a:pt x="360628" y="1258524"/>
                      <a:pt x="360303" y="1258263"/>
                      <a:pt x="360010" y="1257970"/>
                    </a:cubicBezTo>
                    <a:close/>
                    <a:moveTo>
                      <a:pt x="54265" y="929257"/>
                    </a:moveTo>
                    <a:cubicBezTo>
                      <a:pt x="53907" y="928899"/>
                      <a:pt x="53614" y="928476"/>
                      <a:pt x="53419" y="927988"/>
                    </a:cubicBezTo>
                    <a:cubicBezTo>
                      <a:pt x="49873" y="919692"/>
                      <a:pt x="46457" y="911168"/>
                      <a:pt x="43236" y="902677"/>
                    </a:cubicBezTo>
                    <a:cubicBezTo>
                      <a:pt x="42456" y="900563"/>
                      <a:pt x="43497" y="898220"/>
                      <a:pt x="45611" y="897440"/>
                    </a:cubicBezTo>
                    <a:cubicBezTo>
                      <a:pt x="47693" y="896659"/>
                      <a:pt x="50036" y="897700"/>
                      <a:pt x="50849" y="899782"/>
                    </a:cubicBezTo>
                    <a:cubicBezTo>
                      <a:pt x="54037" y="908175"/>
                      <a:pt x="57421" y="916601"/>
                      <a:pt x="60902" y="924800"/>
                    </a:cubicBezTo>
                    <a:cubicBezTo>
                      <a:pt x="61780" y="926849"/>
                      <a:pt x="60837" y="929257"/>
                      <a:pt x="58755" y="930135"/>
                    </a:cubicBezTo>
                    <a:cubicBezTo>
                      <a:pt x="57193" y="930818"/>
                      <a:pt x="55436" y="930395"/>
                      <a:pt x="54298" y="929257"/>
                    </a:cubicBezTo>
                    <a:close/>
                    <a:moveTo>
                      <a:pt x="408907" y="1280613"/>
                    </a:moveTo>
                    <a:cubicBezTo>
                      <a:pt x="407769" y="1279475"/>
                      <a:pt x="407378" y="1277751"/>
                      <a:pt x="408029" y="1276189"/>
                    </a:cubicBezTo>
                    <a:cubicBezTo>
                      <a:pt x="408907" y="1274107"/>
                      <a:pt x="411282" y="1273131"/>
                      <a:pt x="413332" y="1274009"/>
                    </a:cubicBezTo>
                    <a:cubicBezTo>
                      <a:pt x="421530" y="1277425"/>
                      <a:pt x="429956" y="1280711"/>
                      <a:pt x="438317" y="1283802"/>
                    </a:cubicBezTo>
                    <a:cubicBezTo>
                      <a:pt x="440432" y="1284582"/>
                      <a:pt x="441506" y="1286925"/>
                      <a:pt x="440725" y="1289007"/>
                    </a:cubicBezTo>
                    <a:cubicBezTo>
                      <a:pt x="439944" y="1291122"/>
                      <a:pt x="437602" y="1292195"/>
                      <a:pt x="435519" y="1291414"/>
                    </a:cubicBezTo>
                    <a:cubicBezTo>
                      <a:pt x="427061" y="1288291"/>
                      <a:pt x="418537" y="1284973"/>
                      <a:pt x="410241" y="1281492"/>
                    </a:cubicBezTo>
                    <a:cubicBezTo>
                      <a:pt x="409721" y="1281297"/>
                      <a:pt x="409298" y="1280971"/>
                      <a:pt x="408940" y="1280613"/>
                    </a:cubicBezTo>
                    <a:close/>
                    <a:moveTo>
                      <a:pt x="35136" y="878766"/>
                    </a:moveTo>
                    <a:cubicBezTo>
                      <a:pt x="34713" y="878343"/>
                      <a:pt x="34355" y="877790"/>
                      <a:pt x="34160" y="877171"/>
                    </a:cubicBezTo>
                    <a:cubicBezTo>
                      <a:pt x="31297" y="868615"/>
                      <a:pt x="28596" y="859831"/>
                      <a:pt x="26092" y="851113"/>
                    </a:cubicBezTo>
                    <a:cubicBezTo>
                      <a:pt x="25473" y="848965"/>
                      <a:pt x="26710" y="846721"/>
                      <a:pt x="28857" y="846070"/>
                    </a:cubicBezTo>
                    <a:cubicBezTo>
                      <a:pt x="31004" y="845452"/>
                      <a:pt x="33281" y="846688"/>
                      <a:pt x="33867" y="848835"/>
                    </a:cubicBezTo>
                    <a:cubicBezTo>
                      <a:pt x="36339" y="857456"/>
                      <a:pt x="39040" y="866110"/>
                      <a:pt x="41837" y="874569"/>
                    </a:cubicBezTo>
                    <a:cubicBezTo>
                      <a:pt x="42553" y="876684"/>
                      <a:pt x="41382" y="878993"/>
                      <a:pt x="39267" y="879709"/>
                    </a:cubicBezTo>
                    <a:cubicBezTo>
                      <a:pt x="37771" y="880197"/>
                      <a:pt x="36177" y="879774"/>
                      <a:pt x="35103" y="878733"/>
                    </a:cubicBezTo>
                    <a:close/>
                    <a:moveTo>
                      <a:pt x="459334" y="1299190"/>
                    </a:moveTo>
                    <a:cubicBezTo>
                      <a:pt x="458293" y="1298149"/>
                      <a:pt x="457870" y="1296555"/>
                      <a:pt x="458325" y="1295058"/>
                    </a:cubicBezTo>
                    <a:cubicBezTo>
                      <a:pt x="459008" y="1292911"/>
                      <a:pt x="461318" y="1291740"/>
                      <a:pt x="463433" y="1292455"/>
                    </a:cubicBezTo>
                    <a:cubicBezTo>
                      <a:pt x="471891" y="1295188"/>
                      <a:pt x="480545" y="1297791"/>
                      <a:pt x="489134" y="1300198"/>
                    </a:cubicBezTo>
                    <a:cubicBezTo>
                      <a:pt x="491281" y="1300816"/>
                      <a:pt x="492550" y="1303061"/>
                      <a:pt x="491964" y="1305208"/>
                    </a:cubicBezTo>
                    <a:cubicBezTo>
                      <a:pt x="491346" y="1307356"/>
                      <a:pt x="489134" y="1308624"/>
                      <a:pt x="486954" y="1308039"/>
                    </a:cubicBezTo>
                    <a:cubicBezTo>
                      <a:pt x="478235" y="1305599"/>
                      <a:pt x="469484" y="1302964"/>
                      <a:pt x="460928" y="1300198"/>
                    </a:cubicBezTo>
                    <a:cubicBezTo>
                      <a:pt x="460310" y="1300003"/>
                      <a:pt x="459757" y="1299645"/>
                      <a:pt x="459301" y="1299222"/>
                    </a:cubicBezTo>
                    <a:close/>
                    <a:moveTo>
                      <a:pt x="20203" y="826941"/>
                    </a:moveTo>
                    <a:cubicBezTo>
                      <a:pt x="19682" y="826420"/>
                      <a:pt x="19325" y="825769"/>
                      <a:pt x="19129" y="825021"/>
                    </a:cubicBezTo>
                    <a:cubicBezTo>
                      <a:pt x="16982" y="816270"/>
                      <a:pt x="14998" y="807323"/>
                      <a:pt x="13208" y="798409"/>
                    </a:cubicBezTo>
                    <a:cubicBezTo>
                      <a:pt x="12753" y="796197"/>
                      <a:pt x="14184" y="794082"/>
                      <a:pt x="16397" y="793627"/>
                    </a:cubicBezTo>
                    <a:cubicBezTo>
                      <a:pt x="18576" y="793171"/>
                      <a:pt x="20724" y="794603"/>
                      <a:pt x="21179" y="796815"/>
                    </a:cubicBezTo>
                    <a:cubicBezTo>
                      <a:pt x="22968" y="805599"/>
                      <a:pt x="24920" y="814448"/>
                      <a:pt x="27035" y="823102"/>
                    </a:cubicBezTo>
                    <a:cubicBezTo>
                      <a:pt x="27555" y="825281"/>
                      <a:pt x="26222" y="827461"/>
                      <a:pt x="24042" y="828014"/>
                    </a:cubicBezTo>
                    <a:cubicBezTo>
                      <a:pt x="22610" y="828372"/>
                      <a:pt x="21179" y="827917"/>
                      <a:pt x="20203" y="826941"/>
                    </a:cubicBezTo>
                    <a:close/>
                    <a:moveTo>
                      <a:pt x="511126" y="1313634"/>
                    </a:moveTo>
                    <a:cubicBezTo>
                      <a:pt x="510150" y="1312658"/>
                      <a:pt x="509695" y="1311260"/>
                      <a:pt x="510052" y="1309828"/>
                    </a:cubicBezTo>
                    <a:cubicBezTo>
                      <a:pt x="510573" y="1307648"/>
                      <a:pt x="512753" y="1306282"/>
                      <a:pt x="514932" y="1306803"/>
                    </a:cubicBezTo>
                    <a:cubicBezTo>
                      <a:pt x="523586" y="1308852"/>
                      <a:pt x="532435" y="1310739"/>
                      <a:pt x="541219" y="1312431"/>
                    </a:cubicBezTo>
                    <a:cubicBezTo>
                      <a:pt x="543431" y="1312854"/>
                      <a:pt x="544863" y="1315001"/>
                      <a:pt x="544440" y="1317181"/>
                    </a:cubicBezTo>
                    <a:cubicBezTo>
                      <a:pt x="544017" y="1319393"/>
                      <a:pt x="541902" y="1320824"/>
                      <a:pt x="539690" y="1320401"/>
                    </a:cubicBezTo>
                    <a:cubicBezTo>
                      <a:pt x="530809" y="1318677"/>
                      <a:pt x="521862" y="1316790"/>
                      <a:pt x="513078" y="1314708"/>
                    </a:cubicBezTo>
                    <a:cubicBezTo>
                      <a:pt x="512330" y="1314545"/>
                      <a:pt x="511647" y="1314155"/>
                      <a:pt x="511126" y="1313634"/>
                    </a:cubicBezTo>
                    <a:close/>
                    <a:moveTo>
                      <a:pt x="9532" y="774074"/>
                    </a:moveTo>
                    <a:cubicBezTo>
                      <a:pt x="8947" y="773489"/>
                      <a:pt x="8524" y="772708"/>
                      <a:pt x="8394" y="771862"/>
                    </a:cubicBezTo>
                    <a:cubicBezTo>
                      <a:pt x="6962" y="762916"/>
                      <a:pt x="5693" y="753839"/>
                      <a:pt x="4652" y="744860"/>
                    </a:cubicBezTo>
                    <a:cubicBezTo>
                      <a:pt x="4392" y="742647"/>
                      <a:pt x="5986" y="740598"/>
                      <a:pt x="8198" y="740338"/>
                    </a:cubicBezTo>
                    <a:cubicBezTo>
                      <a:pt x="10411" y="740077"/>
                      <a:pt x="12460" y="741671"/>
                      <a:pt x="12720" y="743884"/>
                    </a:cubicBezTo>
                    <a:cubicBezTo>
                      <a:pt x="13761" y="752765"/>
                      <a:pt x="15030" y="761712"/>
                      <a:pt x="16429" y="770561"/>
                    </a:cubicBezTo>
                    <a:cubicBezTo>
                      <a:pt x="16787" y="772773"/>
                      <a:pt x="15258" y="774855"/>
                      <a:pt x="13046" y="775213"/>
                    </a:cubicBezTo>
                    <a:cubicBezTo>
                      <a:pt x="11712" y="775441"/>
                      <a:pt x="10411" y="774953"/>
                      <a:pt x="9532" y="774074"/>
                    </a:cubicBezTo>
                    <a:close/>
                    <a:moveTo>
                      <a:pt x="563927" y="1323817"/>
                    </a:moveTo>
                    <a:cubicBezTo>
                      <a:pt x="563049" y="1322939"/>
                      <a:pt x="562593" y="1321670"/>
                      <a:pt x="562789" y="1320336"/>
                    </a:cubicBezTo>
                    <a:cubicBezTo>
                      <a:pt x="563114" y="1318124"/>
                      <a:pt x="565196" y="1316595"/>
                      <a:pt x="567408" y="1316920"/>
                    </a:cubicBezTo>
                    <a:cubicBezTo>
                      <a:pt x="576192" y="1318254"/>
                      <a:pt x="585171" y="1319425"/>
                      <a:pt x="594053" y="1320401"/>
                    </a:cubicBezTo>
                    <a:cubicBezTo>
                      <a:pt x="596298" y="1320662"/>
                      <a:pt x="597892" y="1322646"/>
                      <a:pt x="597631" y="1324891"/>
                    </a:cubicBezTo>
                    <a:cubicBezTo>
                      <a:pt x="597404" y="1327136"/>
                      <a:pt x="595387" y="1328730"/>
                      <a:pt x="593142" y="1328470"/>
                    </a:cubicBezTo>
                    <a:cubicBezTo>
                      <a:pt x="584130" y="1327493"/>
                      <a:pt x="575054" y="1326290"/>
                      <a:pt x="566172" y="1324956"/>
                    </a:cubicBezTo>
                    <a:cubicBezTo>
                      <a:pt x="565294" y="1324826"/>
                      <a:pt x="564513" y="1324403"/>
                      <a:pt x="563895" y="1323817"/>
                    </a:cubicBezTo>
                    <a:close/>
                    <a:moveTo>
                      <a:pt x="3188" y="720558"/>
                    </a:moveTo>
                    <a:cubicBezTo>
                      <a:pt x="2537" y="719907"/>
                      <a:pt x="2082" y="718996"/>
                      <a:pt x="2017" y="717987"/>
                    </a:cubicBezTo>
                    <a:cubicBezTo>
                      <a:pt x="1334" y="709041"/>
                      <a:pt x="813" y="699899"/>
                      <a:pt x="456" y="690790"/>
                    </a:cubicBezTo>
                    <a:cubicBezTo>
                      <a:pt x="358" y="688545"/>
                      <a:pt x="2115" y="686658"/>
                      <a:pt x="4359" y="686593"/>
                    </a:cubicBezTo>
                    <a:cubicBezTo>
                      <a:pt x="6604" y="686495"/>
                      <a:pt x="8491" y="688252"/>
                      <a:pt x="8556" y="690497"/>
                    </a:cubicBezTo>
                    <a:cubicBezTo>
                      <a:pt x="8881" y="699476"/>
                      <a:pt x="9402" y="708520"/>
                      <a:pt x="10085" y="717369"/>
                    </a:cubicBezTo>
                    <a:cubicBezTo>
                      <a:pt x="10248" y="719614"/>
                      <a:pt x="8589" y="721566"/>
                      <a:pt x="6344" y="721729"/>
                    </a:cubicBezTo>
                    <a:cubicBezTo>
                      <a:pt x="5108" y="721826"/>
                      <a:pt x="3969" y="721371"/>
                      <a:pt x="3156" y="720558"/>
                    </a:cubicBezTo>
                    <a:close/>
                    <a:moveTo>
                      <a:pt x="617444" y="1329706"/>
                    </a:moveTo>
                    <a:cubicBezTo>
                      <a:pt x="616631" y="1328892"/>
                      <a:pt x="616175" y="1327786"/>
                      <a:pt x="616273" y="1326550"/>
                    </a:cubicBezTo>
                    <a:cubicBezTo>
                      <a:pt x="616435" y="1324305"/>
                      <a:pt x="618355" y="1322614"/>
                      <a:pt x="620600" y="1322776"/>
                    </a:cubicBezTo>
                    <a:cubicBezTo>
                      <a:pt x="629514" y="1323394"/>
                      <a:pt x="638558" y="1323817"/>
                      <a:pt x="647472" y="1324078"/>
                    </a:cubicBezTo>
                    <a:cubicBezTo>
                      <a:pt x="649717" y="1324143"/>
                      <a:pt x="651474" y="1325997"/>
                      <a:pt x="651408" y="1328242"/>
                    </a:cubicBezTo>
                    <a:cubicBezTo>
                      <a:pt x="651343" y="1330487"/>
                      <a:pt x="649489" y="1332243"/>
                      <a:pt x="647244" y="1332178"/>
                    </a:cubicBezTo>
                    <a:cubicBezTo>
                      <a:pt x="638233" y="1331918"/>
                      <a:pt x="629091" y="1331463"/>
                      <a:pt x="620047" y="1330844"/>
                    </a:cubicBezTo>
                    <a:cubicBezTo>
                      <a:pt x="619038" y="1330779"/>
                      <a:pt x="618127" y="1330324"/>
                      <a:pt x="617444" y="1329673"/>
                    </a:cubicBezTo>
                    <a:close/>
                    <a:moveTo>
                      <a:pt x="1204" y="666748"/>
                    </a:moveTo>
                    <a:cubicBezTo>
                      <a:pt x="456" y="666000"/>
                      <a:pt x="0" y="664991"/>
                      <a:pt x="0" y="663852"/>
                    </a:cubicBezTo>
                    <a:cubicBezTo>
                      <a:pt x="0" y="654808"/>
                      <a:pt x="260" y="645667"/>
                      <a:pt x="651" y="636622"/>
                    </a:cubicBezTo>
                    <a:cubicBezTo>
                      <a:pt x="748" y="634378"/>
                      <a:pt x="2635" y="632653"/>
                      <a:pt x="4880" y="632751"/>
                    </a:cubicBezTo>
                    <a:cubicBezTo>
                      <a:pt x="7125" y="632849"/>
                      <a:pt x="8849" y="634735"/>
                      <a:pt x="8751" y="636980"/>
                    </a:cubicBezTo>
                    <a:cubicBezTo>
                      <a:pt x="8361" y="645894"/>
                      <a:pt x="8133" y="654938"/>
                      <a:pt x="8101" y="663885"/>
                    </a:cubicBezTo>
                    <a:cubicBezTo>
                      <a:pt x="8101" y="666130"/>
                      <a:pt x="6279" y="667952"/>
                      <a:pt x="4034" y="667919"/>
                    </a:cubicBezTo>
                    <a:cubicBezTo>
                      <a:pt x="2928" y="667919"/>
                      <a:pt x="1919" y="667464"/>
                      <a:pt x="1171" y="666715"/>
                    </a:cubicBezTo>
                    <a:close/>
                    <a:moveTo>
                      <a:pt x="671253" y="1331267"/>
                    </a:moveTo>
                    <a:cubicBezTo>
                      <a:pt x="670538" y="1330552"/>
                      <a:pt x="670082" y="1329543"/>
                      <a:pt x="670050" y="1328437"/>
                    </a:cubicBezTo>
                    <a:cubicBezTo>
                      <a:pt x="670050" y="1326192"/>
                      <a:pt x="671807" y="1324370"/>
                      <a:pt x="674051" y="1324338"/>
                    </a:cubicBezTo>
                    <a:cubicBezTo>
                      <a:pt x="682966" y="1324240"/>
                      <a:pt x="692010" y="1323947"/>
                      <a:pt x="700956" y="1323459"/>
                    </a:cubicBezTo>
                    <a:cubicBezTo>
                      <a:pt x="703201" y="1323329"/>
                      <a:pt x="705120" y="1325054"/>
                      <a:pt x="705218" y="1327298"/>
                    </a:cubicBezTo>
                    <a:cubicBezTo>
                      <a:pt x="705348" y="1329543"/>
                      <a:pt x="703624" y="1331463"/>
                      <a:pt x="701379" y="1331560"/>
                    </a:cubicBezTo>
                    <a:cubicBezTo>
                      <a:pt x="692335" y="1332048"/>
                      <a:pt x="683193" y="1332341"/>
                      <a:pt x="674149" y="1332439"/>
                    </a:cubicBezTo>
                    <a:cubicBezTo>
                      <a:pt x="673010" y="1332439"/>
                      <a:pt x="671970" y="1331983"/>
                      <a:pt x="671221" y="1331235"/>
                    </a:cubicBezTo>
                    <a:close/>
                    <a:moveTo>
                      <a:pt x="3546" y="612971"/>
                    </a:moveTo>
                    <a:cubicBezTo>
                      <a:pt x="2733" y="612158"/>
                      <a:pt x="2277" y="610986"/>
                      <a:pt x="2375" y="609750"/>
                    </a:cubicBezTo>
                    <a:cubicBezTo>
                      <a:pt x="3123" y="600771"/>
                      <a:pt x="4099" y="591662"/>
                      <a:pt x="5205" y="582683"/>
                    </a:cubicBezTo>
                    <a:cubicBezTo>
                      <a:pt x="5498" y="580470"/>
                      <a:pt x="7515" y="578876"/>
                      <a:pt x="9727" y="579169"/>
                    </a:cubicBezTo>
                    <a:cubicBezTo>
                      <a:pt x="11972" y="579462"/>
                      <a:pt x="13534" y="581479"/>
                      <a:pt x="13241" y="583691"/>
                    </a:cubicBezTo>
                    <a:cubicBezTo>
                      <a:pt x="12135" y="592540"/>
                      <a:pt x="11191" y="601552"/>
                      <a:pt x="10443" y="610433"/>
                    </a:cubicBezTo>
                    <a:cubicBezTo>
                      <a:pt x="10248" y="612678"/>
                      <a:pt x="8296" y="614337"/>
                      <a:pt x="6051" y="614142"/>
                    </a:cubicBezTo>
                    <a:cubicBezTo>
                      <a:pt x="5043" y="614044"/>
                      <a:pt x="4164" y="613622"/>
                      <a:pt x="3514" y="612971"/>
                    </a:cubicBezTo>
                    <a:close/>
                    <a:moveTo>
                      <a:pt x="725031" y="1328470"/>
                    </a:moveTo>
                    <a:cubicBezTo>
                      <a:pt x="724380" y="1327819"/>
                      <a:pt x="723957" y="1326940"/>
                      <a:pt x="723860" y="1325964"/>
                    </a:cubicBezTo>
                    <a:cubicBezTo>
                      <a:pt x="723664" y="1323720"/>
                      <a:pt x="725291" y="1321768"/>
                      <a:pt x="727536" y="1321540"/>
                    </a:cubicBezTo>
                    <a:cubicBezTo>
                      <a:pt x="736417" y="1320727"/>
                      <a:pt x="745396" y="1319686"/>
                      <a:pt x="754278" y="1318514"/>
                    </a:cubicBezTo>
                    <a:cubicBezTo>
                      <a:pt x="756490" y="1318222"/>
                      <a:pt x="758540" y="1319783"/>
                      <a:pt x="758833" y="1321995"/>
                    </a:cubicBezTo>
                    <a:cubicBezTo>
                      <a:pt x="759125" y="1324208"/>
                      <a:pt x="757564" y="1326257"/>
                      <a:pt x="755352" y="1326550"/>
                    </a:cubicBezTo>
                    <a:cubicBezTo>
                      <a:pt x="746373" y="1327754"/>
                      <a:pt x="737263" y="1328795"/>
                      <a:pt x="728284" y="1329608"/>
                    </a:cubicBezTo>
                    <a:cubicBezTo>
                      <a:pt x="727048" y="1329738"/>
                      <a:pt x="725844" y="1329250"/>
                      <a:pt x="725031" y="1328437"/>
                    </a:cubicBezTo>
                    <a:close/>
                    <a:moveTo>
                      <a:pt x="10248" y="559584"/>
                    </a:moveTo>
                    <a:cubicBezTo>
                      <a:pt x="9337" y="558673"/>
                      <a:pt x="8881" y="557372"/>
                      <a:pt x="9109" y="556038"/>
                    </a:cubicBezTo>
                    <a:cubicBezTo>
                      <a:pt x="10606" y="547124"/>
                      <a:pt x="12297" y="538112"/>
                      <a:pt x="14119" y="529296"/>
                    </a:cubicBezTo>
                    <a:cubicBezTo>
                      <a:pt x="14575" y="527084"/>
                      <a:pt x="16722" y="525685"/>
                      <a:pt x="18934" y="526140"/>
                    </a:cubicBezTo>
                    <a:cubicBezTo>
                      <a:pt x="21146" y="526596"/>
                      <a:pt x="22545" y="528743"/>
                      <a:pt x="22090" y="530955"/>
                    </a:cubicBezTo>
                    <a:cubicBezTo>
                      <a:pt x="20268" y="539674"/>
                      <a:pt x="18609" y="548555"/>
                      <a:pt x="17145" y="557372"/>
                    </a:cubicBezTo>
                    <a:cubicBezTo>
                      <a:pt x="16787" y="559584"/>
                      <a:pt x="14672" y="561081"/>
                      <a:pt x="12460" y="560723"/>
                    </a:cubicBezTo>
                    <a:cubicBezTo>
                      <a:pt x="11582" y="560593"/>
                      <a:pt x="10834" y="560170"/>
                      <a:pt x="10248" y="559584"/>
                    </a:cubicBezTo>
                    <a:close/>
                    <a:moveTo>
                      <a:pt x="778450" y="1321312"/>
                    </a:moveTo>
                    <a:cubicBezTo>
                      <a:pt x="777897" y="1320759"/>
                      <a:pt x="777474" y="1320011"/>
                      <a:pt x="777311" y="1319133"/>
                    </a:cubicBezTo>
                    <a:cubicBezTo>
                      <a:pt x="776921" y="1316920"/>
                      <a:pt x="778385" y="1314806"/>
                      <a:pt x="780597" y="1314415"/>
                    </a:cubicBezTo>
                    <a:cubicBezTo>
                      <a:pt x="789414" y="1312854"/>
                      <a:pt x="798295" y="1311129"/>
                      <a:pt x="807014" y="1309210"/>
                    </a:cubicBezTo>
                    <a:cubicBezTo>
                      <a:pt x="809194" y="1308722"/>
                      <a:pt x="811373" y="1310121"/>
                      <a:pt x="811861" y="1312301"/>
                    </a:cubicBezTo>
                    <a:cubicBezTo>
                      <a:pt x="812349" y="1314480"/>
                      <a:pt x="810950" y="1316660"/>
                      <a:pt x="808771" y="1317148"/>
                    </a:cubicBezTo>
                    <a:cubicBezTo>
                      <a:pt x="799954" y="1319067"/>
                      <a:pt x="790943" y="1320824"/>
                      <a:pt x="782029" y="1322418"/>
                    </a:cubicBezTo>
                    <a:cubicBezTo>
                      <a:pt x="780662" y="1322646"/>
                      <a:pt x="779361" y="1322191"/>
                      <a:pt x="778450" y="1321280"/>
                    </a:cubicBezTo>
                    <a:close/>
                    <a:moveTo>
                      <a:pt x="21244" y="506913"/>
                    </a:moveTo>
                    <a:cubicBezTo>
                      <a:pt x="20268" y="505937"/>
                      <a:pt x="19812" y="504473"/>
                      <a:pt x="20171" y="503042"/>
                    </a:cubicBezTo>
                    <a:cubicBezTo>
                      <a:pt x="22383" y="494258"/>
                      <a:pt x="24790" y="485441"/>
                      <a:pt x="27328" y="476820"/>
                    </a:cubicBezTo>
                    <a:cubicBezTo>
                      <a:pt x="27978" y="474673"/>
                      <a:pt x="30223" y="473437"/>
                      <a:pt x="32370" y="474087"/>
                    </a:cubicBezTo>
                    <a:cubicBezTo>
                      <a:pt x="34517" y="474706"/>
                      <a:pt x="35754" y="476983"/>
                      <a:pt x="35103" y="479130"/>
                    </a:cubicBezTo>
                    <a:cubicBezTo>
                      <a:pt x="32598" y="487654"/>
                      <a:pt x="30191" y="496373"/>
                      <a:pt x="28011" y="505026"/>
                    </a:cubicBezTo>
                    <a:cubicBezTo>
                      <a:pt x="27458" y="507206"/>
                      <a:pt x="25246" y="508507"/>
                      <a:pt x="23066" y="507987"/>
                    </a:cubicBezTo>
                    <a:cubicBezTo>
                      <a:pt x="22318" y="507792"/>
                      <a:pt x="21699" y="507434"/>
                      <a:pt x="21179" y="506913"/>
                    </a:cubicBezTo>
                    <a:close/>
                    <a:moveTo>
                      <a:pt x="831153" y="1309828"/>
                    </a:moveTo>
                    <a:cubicBezTo>
                      <a:pt x="830665" y="1309340"/>
                      <a:pt x="830275" y="1308722"/>
                      <a:pt x="830112" y="1307974"/>
                    </a:cubicBezTo>
                    <a:cubicBezTo>
                      <a:pt x="829559" y="1305794"/>
                      <a:pt x="830861" y="1303582"/>
                      <a:pt x="833008" y="1303029"/>
                    </a:cubicBezTo>
                    <a:cubicBezTo>
                      <a:pt x="841661" y="1300784"/>
                      <a:pt x="850380" y="1298311"/>
                      <a:pt x="858937" y="1295709"/>
                    </a:cubicBezTo>
                    <a:cubicBezTo>
                      <a:pt x="861084" y="1295058"/>
                      <a:pt x="863361" y="1296262"/>
                      <a:pt x="864012" y="1298409"/>
                    </a:cubicBezTo>
                    <a:cubicBezTo>
                      <a:pt x="864662" y="1300556"/>
                      <a:pt x="863459" y="1302834"/>
                      <a:pt x="861311" y="1303484"/>
                    </a:cubicBezTo>
                    <a:cubicBezTo>
                      <a:pt x="852658" y="1306119"/>
                      <a:pt x="843841" y="1308624"/>
                      <a:pt x="835058" y="1310902"/>
                    </a:cubicBezTo>
                    <a:cubicBezTo>
                      <a:pt x="833626" y="1311292"/>
                      <a:pt x="832129" y="1310837"/>
                      <a:pt x="831153" y="1309828"/>
                    </a:cubicBezTo>
                    <a:close/>
                    <a:moveTo>
                      <a:pt x="36470" y="455348"/>
                    </a:moveTo>
                    <a:cubicBezTo>
                      <a:pt x="35396" y="454275"/>
                      <a:pt x="34973" y="452681"/>
                      <a:pt x="35493" y="451152"/>
                    </a:cubicBezTo>
                    <a:cubicBezTo>
                      <a:pt x="38389" y="442628"/>
                      <a:pt x="41512" y="434039"/>
                      <a:pt x="44765" y="425613"/>
                    </a:cubicBezTo>
                    <a:cubicBezTo>
                      <a:pt x="45579" y="423531"/>
                      <a:pt x="47921" y="422490"/>
                      <a:pt x="50003" y="423303"/>
                    </a:cubicBezTo>
                    <a:cubicBezTo>
                      <a:pt x="52085" y="424117"/>
                      <a:pt x="53126" y="426459"/>
                      <a:pt x="52313" y="428541"/>
                    </a:cubicBezTo>
                    <a:cubicBezTo>
                      <a:pt x="49092" y="436837"/>
                      <a:pt x="46034" y="445328"/>
                      <a:pt x="43139" y="453754"/>
                    </a:cubicBezTo>
                    <a:cubicBezTo>
                      <a:pt x="42423" y="455869"/>
                      <a:pt x="40113" y="457008"/>
                      <a:pt x="37999" y="456292"/>
                    </a:cubicBezTo>
                    <a:cubicBezTo>
                      <a:pt x="37380" y="456097"/>
                      <a:pt x="36860" y="455739"/>
                      <a:pt x="36437" y="455316"/>
                    </a:cubicBezTo>
                    <a:close/>
                    <a:moveTo>
                      <a:pt x="882751" y="1294082"/>
                    </a:moveTo>
                    <a:cubicBezTo>
                      <a:pt x="882328" y="1293659"/>
                      <a:pt x="882002" y="1293139"/>
                      <a:pt x="881807" y="1292553"/>
                    </a:cubicBezTo>
                    <a:cubicBezTo>
                      <a:pt x="881059" y="1290438"/>
                      <a:pt x="882165" y="1288129"/>
                      <a:pt x="884312" y="1287380"/>
                    </a:cubicBezTo>
                    <a:cubicBezTo>
                      <a:pt x="892771" y="1284420"/>
                      <a:pt x="901262" y="1281264"/>
                      <a:pt x="909558" y="1277946"/>
                    </a:cubicBezTo>
                    <a:cubicBezTo>
                      <a:pt x="911640" y="1277132"/>
                      <a:pt x="914015" y="1278141"/>
                      <a:pt x="914828" y="1280223"/>
                    </a:cubicBezTo>
                    <a:cubicBezTo>
                      <a:pt x="915641" y="1282305"/>
                      <a:pt x="914633" y="1284680"/>
                      <a:pt x="912551" y="1285493"/>
                    </a:cubicBezTo>
                    <a:cubicBezTo>
                      <a:pt x="904125" y="1288844"/>
                      <a:pt x="895536" y="1292033"/>
                      <a:pt x="886980" y="1295026"/>
                    </a:cubicBezTo>
                    <a:cubicBezTo>
                      <a:pt x="885451" y="1295546"/>
                      <a:pt x="883824" y="1295123"/>
                      <a:pt x="882751" y="1294050"/>
                    </a:cubicBezTo>
                    <a:close/>
                    <a:moveTo>
                      <a:pt x="55827" y="405215"/>
                    </a:moveTo>
                    <a:cubicBezTo>
                      <a:pt x="54688" y="404076"/>
                      <a:pt x="54298" y="402287"/>
                      <a:pt x="54981" y="400725"/>
                    </a:cubicBezTo>
                    <a:cubicBezTo>
                      <a:pt x="58559" y="392462"/>
                      <a:pt x="62398" y="384134"/>
                      <a:pt x="66335" y="375968"/>
                    </a:cubicBezTo>
                    <a:cubicBezTo>
                      <a:pt x="67311" y="373951"/>
                      <a:pt x="69751" y="373105"/>
                      <a:pt x="71768" y="374081"/>
                    </a:cubicBezTo>
                    <a:cubicBezTo>
                      <a:pt x="73785" y="375057"/>
                      <a:pt x="74631" y="377497"/>
                      <a:pt x="73655" y="379514"/>
                    </a:cubicBezTo>
                    <a:cubicBezTo>
                      <a:pt x="69751" y="387582"/>
                      <a:pt x="65977" y="395780"/>
                      <a:pt x="62431" y="403979"/>
                    </a:cubicBezTo>
                    <a:cubicBezTo>
                      <a:pt x="61552" y="406028"/>
                      <a:pt x="59145" y="406972"/>
                      <a:pt x="57095" y="406093"/>
                    </a:cubicBezTo>
                    <a:cubicBezTo>
                      <a:pt x="56608" y="405898"/>
                      <a:pt x="56185" y="405605"/>
                      <a:pt x="55827" y="405248"/>
                    </a:cubicBezTo>
                    <a:close/>
                    <a:moveTo>
                      <a:pt x="932917" y="1274172"/>
                    </a:moveTo>
                    <a:cubicBezTo>
                      <a:pt x="932559" y="1273814"/>
                      <a:pt x="932298" y="1273424"/>
                      <a:pt x="932071" y="1272968"/>
                    </a:cubicBezTo>
                    <a:cubicBezTo>
                      <a:pt x="931160" y="1270919"/>
                      <a:pt x="932071" y="1268511"/>
                      <a:pt x="934120" y="1267600"/>
                    </a:cubicBezTo>
                    <a:cubicBezTo>
                      <a:pt x="942286" y="1263957"/>
                      <a:pt x="950517" y="1260085"/>
                      <a:pt x="958520" y="1256116"/>
                    </a:cubicBezTo>
                    <a:cubicBezTo>
                      <a:pt x="960537" y="1255108"/>
                      <a:pt x="962977" y="1255921"/>
                      <a:pt x="963953" y="1257938"/>
                    </a:cubicBezTo>
                    <a:cubicBezTo>
                      <a:pt x="964962" y="1259955"/>
                      <a:pt x="964116" y="1262395"/>
                      <a:pt x="962131" y="1263371"/>
                    </a:cubicBezTo>
                    <a:cubicBezTo>
                      <a:pt x="954031" y="1267405"/>
                      <a:pt x="945702" y="1271309"/>
                      <a:pt x="937406" y="1274985"/>
                    </a:cubicBezTo>
                    <a:cubicBezTo>
                      <a:pt x="935812" y="1275701"/>
                      <a:pt x="934023" y="1275311"/>
                      <a:pt x="932884" y="1274139"/>
                    </a:cubicBezTo>
                    <a:close/>
                    <a:moveTo>
                      <a:pt x="79283" y="356773"/>
                    </a:moveTo>
                    <a:cubicBezTo>
                      <a:pt x="78047" y="355537"/>
                      <a:pt x="77721" y="353618"/>
                      <a:pt x="78567" y="351991"/>
                    </a:cubicBezTo>
                    <a:cubicBezTo>
                      <a:pt x="82829" y="344020"/>
                      <a:pt x="87318" y="336050"/>
                      <a:pt x="91906" y="328242"/>
                    </a:cubicBezTo>
                    <a:cubicBezTo>
                      <a:pt x="93044" y="326322"/>
                      <a:pt x="95549" y="325672"/>
                      <a:pt x="97469" y="326810"/>
                    </a:cubicBezTo>
                    <a:cubicBezTo>
                      <a:pt x="99388" y="327949"/>
                      <a:pt x="100039" y="330454"/>
                      <a:pt x="98900" y="332374"/>
                    </a:cubicBezTo>
                    <a:cubicBezTo>
                      <a:pt x="94378" y="340051"/>
                      <a:pt x="89921" y="347957"/>
                      <a:pt x="85724" y="355830"/>
                    </a:cubicBezTo>
                    <a:cubicBezTo>
                      <a:pt x="84651" y="357814"/>
                      <a:pt x="82211" y="358563"/>
                      <a:pt x="80226" y="357489"/>
                    </a:cubicBezTo>
                    <a:cubicBezTo>
                      <a:pt x="79869" y="357294"/>
                      <a:pt x="79543" y="357066"/>
                      <a:pt x="79283" y="356773"/>
                    </a:cubicBezTo>
                    <a:close/>
                    <a:moveTo>
                      <a:pt x="981261" y="1250293"/>
                    </a:moveTo>
                    <a:cubicBezTo>
                      <a:pt x="981001" y="1250032"/>
                      <a:pt x="980773" y="1249707"/>
                      <a:pt x="980578" y="1249382"/>
                    </a:cubicBezTo>
                    <a:cubicBezTo>
                      <a:pt x="979504" y="1247430"/>
                      <a:pt x="980220" y="1244957"/>
                      <a:pt x="982204" y="1243884"/>
                    </a:cubicBezTo>
                    <a:cubicBezTo>
                      <a:pt x="990044" y="1239589"/>
                      <a:pt x="997885" y="1235100"/>
                      <a:pt x="1005530" y="1230480"/>
                    </a:cubicBezTo>
                    <a:cubicBezTo>
                      <a:pt x="1007450" y="1229309"/>
                      <a:pt x="1009955" y="1229927"/>
                      <a:pt x="1011094" y="1231879"/>
                    </a:cubicBezTo>
                    <a:cubicBezTo>
                      <a:pt x="1012265" y="1233798"/>
                      <a:pt x="1011614" y="1236303"/>
                      <a:pt x="1009694" y="1237442"/>
                    </a:cubicBezTo>
                    <a:cubicBezTo>
                      <a:pt x="1001952" y="1242094"/>
                      <a:pt x="994014" y="1246681"/>
                      <a:pt x="986076" y="1251008"/>
                    </a:cubicBezTo>
                    <a:cubicBezTo>
                      <a:pt x="984449" y="1251887"/>
                      <a:pt x="982497" y="1251561"/>
                      <a:pt x="981261" y="1250325"/>
                    </a:cubicBezTo>
                    <a:close/>
                    <a:moveTo>
                      <a:pt x="106611" y="310349"/>
                    </a:moveTo>
                    <a:cubicBezTo>
                      <a:pt x="105277" y="309015"/>
                      <a:pt x="105016" y="306900"/>
                      <a:pt x="106090" y="305274"/>
                    </a:cubicBezTo>
                    <a:cubicBezTo>
                      <a:pt x="110970" y="297693"/>
                      <a:pt x="116110" y="290113"/>
                      <a:pt x="121316" y="282696"/>
                    </a:cubicBezTo>
                    <a:cubicBezTo>
                      <a:pt x="122617" y="280874"/>
                      <a:pt x="125154" y="280418"/>
                      <a:pt x="126976" y="281720"/>
                    </a:cubicBezTo>
                    <a:cubicBezTo>
                      <a:pt x="128798" y="283021"/>
                      <a:pt x="129254" y="285559"/>
                      <a:pt x="127952" y="287380"/>
                    </a:cubicBezTo>
                    <a:cubicBezTo>
                      <a:pt x="122812" y="294700"/>
                      <a:pt x="117737" y="302183"/>
                      <a:pt x="112890" y="309666"/>
                    </a:cubicBezTo>
                    <a:cubicBezTo>
                      <a:pt x="111686" y="311552"/>
                      <a:pt x="109148" y="312106"/>
                      <a:pt x="107261" y="310869"/>
                    </a:cubicBezTo>
                    <a:cubicBezTo>
                      <a:pt x="107001" y="310707"/>
                      <a:pt x="106806" y="310511"/>
                      <a:pt x="106578" y="310316"/>
                    </a:cubicBezTo>
                    <a:close/>
                    <a:moveTo>
                      <a:pt x="1027393" y="1222477"/>
                    </a:moveTo>
                    <a:cubicBezTo>
                      <a:pt x="1027197" y="1222282"/>
                      <a:pt x="1027034" y="1222087"/>
                      <a:pt x="1026872" y="1221826"/>
                    </a:cubicBezTo>
                    <a:cubicBezTo>
                      <a:pt x="1025636" y="1219939"/>
                      <a:pt x="1026156" y="1217434"/>
                      <a:pt x="1028043" y="1216198"/>
                    </a:cubicBezTo>
                    <a:cubicBezTo>
                      <a:pt x="1035493" y="1211286"/>
                      <a:pt x="1042943" y="1206145"/>
                      <a:pt x="1050198" y="1200940"/>
                    </a:cubicBezTo>
                    <a:cubicBezTo>
                      <a:pt x="1052020" y="1199639"/>
                      <a:pt x="1054558" y="1200029"/>
                      <a:pt x="1055859" y="1201851"/>
                    </a:cubicBezTo>
                    <a:cubicBezTo>
                      <a:pt x="1057160" y="1203673"/>
                      <a:pt x="1056770" y="1206210"/>
                      <a:pt x="1054948" y="1207512"/>
                    </a:cubicBezTo>
                    <a:cubicBezTo>
                      <a:pt x="1047628" y="1212782"/>
                      <a:pt x="1040080" y="1217987"/>
                      <a:pt x="1032533" y="1222965"/>
                    </a:cubicBezTo>
                    <a:cubicBezTo>
                      <a:pt x="1030906" y="1224039"/>
                      <a:pt x="1028759" y="1223778"/>
                      <a:pt x="1027425" y="1222444"/>
                    </a:cubicBezTo>
                    <a:close/>
                    <a:moveTo>
                      <a:pt x="137647" y="266332"/>
                    </a:moveTo>
                    <a:cubicBezTo>
                      <a:pt x="136216" y="264900"/>
                      <a:pt x="136053" y="262623"/>
                      <a:pt x="137289" y="260996"/>
                    </a:cubicBezTo>
                    <a:cubicBezTo>
                      <a:pt x="142787" y="253839"/>
                      <a:pt x="148513" y="246682"/>
                      <a:pt x="154304" y="239752"/>
                    </a:cubicBezTo>
                    <a:cubicBezTo>
                      <a:pt x="155736" y="238028"/>
                      <a:pt x="158306" y="237800"/>
                      <a:pt x="160030" y="239232"/>
                    </a:cubicBezTo>
                    <a:cubicBezTo>
                      <a:pt x="161754" y="240663"/>
                      <a:pt x="161982" y="243233"/>
                      <a:pt x="160550" y="244957"/>
                    </a:cubicBezTo>
                    <a:cubicBezTo>
                      <a:pt x="154824" y="251822"/>
                      <a:pt x="149164" y="258881"/>
                      <a:pt x="143731" y="265941"/>
                    </a:cubicBezTo>
                    <a:cubicBezTo>
                      <a:pt x="142364" y="267730"/>
                      <a:pt x="139827" y="268056"/>
                      <a:pt x="138038" y="266689"/>
                    </a:cubicBezTo>
                    <a:cubicBezTo>
                      <a:pt x="137907" y="266592"/>
                      <a:pt x="137777" y="266462"/>
                      <a:pt x="137647" y="266332"/>
                    </a:cubicBezTo>
                    <a:close/>
                    <a:moveTo>
                      <a:pt x="1071117" y="1191018"/>
                    </a:moveTo>
                    <a:cubicBezTo>
                      <a:pt x="1071117" y="1191018"/>
                      <a:pt x="1070889" y="1190790"/>
                      <a:pt x="1070792" y="1190660"/>
                    </a:cubicBezTo>
                    <a:cubicBezTo>
                      <a:pt x="1069425" y="1188903"/>
                      <a:pt x="1069718" y="1186333"/>
                      <a:pt x="1071475" y="1184966"/>
                    </a:cubicBezTo>
                    <a:cubicBezTo>
                      <a:pt x="1078502" y="1179468"/>
                      <a:pt x="1085497" y="1173743"/>
                      <a:pt x="1092296" y="1167952"/>
                    </a:cubicBezTo>
                    <a:cubicBezTo>
                      <a:pt x="1093988" y="1166488"/>
                      <a:pt x="1096525" y="1166683"/>
                      <a:pt x="1098022" y="1168407"/>
                    </a:cubicBezTo>
                    <a:cubicBezTo>
                      <a:pt x="1099486" y="1170099"/>
                      <a:pt x="1099258" y="1172669"/>
                      <a:pt x="1097566" y="1174133"/>
                    </a:cubicBezTo>
                    <a:cubicBezTo>
                      <a:pt x="1090669" y="1179989"/>
                      <a:pt x="1083577" y="1185780"/>
                      <a:pt x="1076485" y="1191343"/>
                    </a:cubicBezTo>
                    <a:cubicBezTo>
                      <a:pt x="1074858" y="1192612"/>
                      <a:pt x="1072549" y="1192449"/>
                      <a:pt x="1071117" y="1191018"/>
                    </a:cubicBezTo>
                    <a:close/>
                    <a:moveTo>
                      <a:pt x="172165" y="224982"/>
                    </a:moveTo>
                    <a:cubicBezTo>
                      <a:pt x="170636" y="223453"/>
                      <a:pt x="170571" y="221013"/>
                      <a:pt x="172035" y="219386"/>
                    </a:cubicBezTo>
                    <a:cubicBezTo>
                      <a:pt x="178086" y="212685"/>
                      <a:pt x="184397" y="206015"/>
                      <a:pt x="190708" y="199574"/>
                    </a:cubicBezTo>
                    <a:cubicBezTo>
                      <a:pt x="192270" y="197980"/>
                      <a:pt x="194840" y="197947"/>
                      <a:pt x="196467" y="199509"/>
                    </a:cubicBezTo>
                    <a:cubicBezTo>
                      <a:pt x="197996" y="201038"/>
                      <a:pt x="198094" y="203640"/>
                      <a:pt x="196532" y="205267"/>
                    </a:cubicBezTo>
                    <a:cubicBezTo>
                      <a:pt x="190286" y="211644"/>
                      <a:pt x="184072" y="218215"/>
                      <a:pt x="178086" y="224852"/>
                    </a:cubicBezTo>
                    <a:cubicBezTo>
                      <a:pt x="176589" y="226511"/>
                      <a:pt x="174019" y="226641"/>
                      <a:pt x="172360" y="225145"/>
                    </a:cubicBezTo>
                    <a:cubicBezTo>
                      <a:pt x="172295" y="225112"/>
                      <a:pt x="172262" y="225047"/>
                      <a:pt x="172197" y="225015"/>
                    </a:cubicBezTo>
                    <a:close/>
                    <a:moveTo>
                      <a:pt x="1112141" y="1156110"/>
                    </a:moveTo>
                    <a:cubicBezTo>
                      <a:pt x="1112141" y="1156110"/>
                      <a:pt x="1112076" y="1156045"/>
                      <a:pt x="1112011" y="1155979"/>
                    </a:cubicBezTo>
                    <a:cubicBezTo>
                      <a:pt x="1110482" y="1154320"/>
                      <a:pt x="1110579" y="1151750"/>
                      <a:pt x="1112239" y="1150254"/>
                    </a:cubicBezTo>
                    <a:cubicBezTo>
                      <a:pt x="1118810" y="1144202"/>
                      <a:pt x="1125317" y="1137924"/>
                      <a:pt x="1131628" y="1131612"/>
                    </a:cubicBezTo>
                    <a:cubicBezTo>
                      <a:pt x="1134654" y="1128619"/>
                      <a:pt x="1137615" y="1125561"/>
                      <a:pt x="1140542" y="1122535"/>
                    </a:cubicBezTo>
                    <a:cubicBezTo>
                      <a:pt x="1142104" y="1120909"/>
                      <a:pt x="1144674" y="1120876"/>
                      <a:pt x="1146301" y="1122438"/>
                    </a:cubicBezTo>
                    <a:cubicBezTo>
                      <a:pt x="1147927" y="1124000"/>
                      <a:pt x="1147960" y="1126570"/>
                      <a:pt x="1146398" y="1128164"/>
                    </a:cubicBezTo>
                    <a:cubicBezTo>
                      <a:pt x="1143438" y="1131254"/>
                      <a:pt x="1140412" y="1134313"/>
                      <a:pt x="1137387" y="1137371"/>
                    </a:cubicBezTo>
                    <a:cubicBezTo>
                      <a:pt x="1131010" y="1143747"/>
                      <a:pt x="1124406" y="1150091"/>
                      <a:pt x="1117769" y="1156240"/>
                    </a:cubicBezTo>
                    <a:cubicBezTo>
                      <a:pt x="1116175" y="1157736"/>
                      <a:pt x="1113670" y="1157671"/>
                      <a:pt x="1112141" y="1156142"/>
                    </a:cubicBezTo>
                    <a:close/>
                    <a:moveTo>
                      <a:pt x="209903" y="186561"/>
                    </a:moveTo>
                    <a:cubicBezTo>
                      <a:pt x="209903" y="186561"/>
                      <a:pt x="209838" y="186496"/>
                      <a:pt x="209805" y="186463"/>
                    </a:cubicBezTo>
                    <a:cubicBezTo>
                      <a:pt x="208276" y="184836"/>
                      <a:pt x="208341" y="182266"/>
                      <a:pt x="209968" y="180737"/>
                    </a:cubicBezTo>
                    <a:cubicBezTo>
                      <a:pt x="216540" y="174556"/>
                      <a:pt x="223339" y="168407"/>
                      <a:pt x="230171" y="162486"/>
                    </a:cubicBezTo>
                    <a:cubicBezTo>
                      <a:pt x="231863" y="161022"/>
                      <a:pt x="234433" y="161185"/>
                      <a:pt x="235897" y="162877"/>
                    </a:cubicBezTo>
                    <a:cubicBezTo>
                      <a:pt x="237361" y="164568"/>
                      <a:pt x="237198" y="167138"/>
                      <a:pt x="235507" y="168602"/>
                    </a:cubicBezTo>
                    <a:cubicBezTo>
                      <a:pt x="228772" y="174458"/>
                      <a:pt x="222038" y="180509"/>
                      <a:pt x="215531" y="186626"/>
                    </a:cubicBezTo>
                    <a:cubicBezTo>
                      <a:pt x="213937" y="188122"/>
                      <a:pt x="211432" y="188090"/>
                      <a:pt x="209870" y="186528"/>
                    </a:cubicBezTo>
                    <a:close/>
                    <a:moveTo>
                      <a:pt x="1158826" y="1108579"/>
                    </a:moveTo>
                    <a:cubicBezTo>
                      <a:pt x="1157329" y="1107082"/>
                      <a:pt x="1157232" y="1104642"/>
                      <a:pt x="1158663" y="1103016"/>
                    </a:cubicBezTo>
                    <a:cubicBezTo>
                      <a:pt x="1164584" y="1096346"/>
                      <a:pt x="1170473" y="1089449"/>
                      <a:pt x="1176101" y="1082552"/>
                    </a:cubicBezTo>
                    <a:cubicBezTo>
                      <a:pt x="1177532" y="1080828"/>
                      <a:pt x="1180070" y="1080568"/>
                      <a:pt x="1181827" y="1081967"/>
                    </a:cubicBezTo>
                    <a:cubicBezTo>
                      <a:pt x="1183583" y="1083398"/>
                      <a:pt x="1183811" y="1085936"/>
                      <a:pt x="1182412" y="1087693"/>
                    </a:cubicBezTo>
                    <a:cubicBezTo>
                      <a:pt x="1176686" y="1094687"/>
                      <a:pt x="1170733" y="1101649"/>
                      <a:pt x="1164747" y="1108416"/>
                    </a:cubicBezTo>
                    <a:cubicBezTo>
                      <a:pt x="1163250" y="1110108"/>
                      <a:pt x="1160680" y="1110238"/>
                      <a:pt x="1159021" y="1108742"/>
                    </a:cubicBezTo>
                    <a:cubicBezTo>
                      <a:pt x="1158956" y="1108676"/>
                      <a:pt x="1158891" y="1108644"/>
                      <a:pt x="1158858" y="1108579"/>
                    </a:cubicBezTo>
                    <a:close/>
                    <a:moveTo>
                      <a:pt x="250569" y="151262"/>
                    </a:moveTo>
                    <a:cubicBezTo>
                      <a:pt x="250569" y="151262"/>
                      <a:pt x="250374" y="151035"/>
                      <a:pt x="250276" y="150937"/>
                    </a:cubicBezTo>
                    <a:cubicBezTo>
                      <a:pt x="248878" y="149180"/>
                      <a:pt x="249170" y="146643"/>
                      <a:pt x="250927" y="145244"/>
                    </a:cubicBezTo>
                    <a:cubicBezTo>
                      <a:pt x="257987" y="139583"/>
                      <a:pt x="265274" y="134020"/>
                      <a:pt x="272529" y="128684"/>
                    </a:cubicBezTo>
                    <a:cubicBezTo>
                      <a:pt x="274351" y="127351"/>
                      <a:pt x="276888" y="127741"/>
                      <a:pt x="278190" y="129563"/>
                    </a:cubicBezTo>
                    <a:cubicBezTo>
                      <a:pt x="279524" y="131385"/>
                      <a:pt x="279133" y="133922"/>
                      <a:pt x="277311" y="135256"/>
                    </a:cubicBezTo>
                    <a:cubicBezTo>
                      <a:pt x="270121" y="140526"/>
                      <a:pt x="262932" y="146024"/>
                      <a:pt x="255970" y="151620"/>
                    </a:cubicBezTo>
                    <a:cubicBezTo>
                      <a:pt x="254343" y="152921"/>
                      <a:pt x="252001" y="152759"/>
                      <a:pt x="250569" y="151327"/>
                    </a:cubicBezTo>
                    <a:close/>
                    <a:moveTo>
                      <a:pt x="1192921" y="1066904"/>
                    </a:moveTo>
                    <a:cubicBezTo>
                      <a:pt x="1191522" y="1065505"/>
                      <a:pt x="1191326" y="1063228"/>
                      <a:pt x="1192562" y="1061601"/>
                    </a:cubicBezTo>
                    <a:cubicBezTo>
                      <a:pt x="1197930" y="1054476"/>
                      <a:pt x="1203233" y="1047124"/>
                      <a:pt x="1208309" y="1039804"/>
                    </a:cubicBezTo>
                    <a:cubicBezTo>
                      <a:pt x="1209578" y="1037950"/>
                      <a:pt x="1212115" y="1037494"/>
                      <a:pt x="1213969" y="1038763"/>
                    </a:cubicBezTo>
                    <a:cubicBezTo>
                      <a:pt x="1215824" y="1040032"/>
                      <a:pt x="1216279" y="1042569"/>
                      <a:pt x="1215010" y="1044424"/>
                    </a:cubicBezTo>
                    <a:cubicBezTo>
                      <a:pt x="1209870" y="1051874"/>
                      <a:pt x="1204502" y="1059291"/>
                      <a:pt x="1199069" y="1066514"/>
                    </a:cubicBezTo>
                    <a:cubicBezTo>
                      <a:pt x="1197735" y="1068303"/>
                      <a:pt x="1195165" y="1068661"/>
                      <a:pt x="1193376" y="1067327"/>
                    </a:cubicBezTo>
                    <a:cubicBezTo>
                      <a:pt x="1193213" y="1067197"/>
                      <a:pt x="1193083" y="1067099"/>
                      <a:pt x="1192953" y="1066937"/>
                    </a:cubicBezTo>
                    <a:close/>
                    <a:moveTo>
                      <a:pt x="293968" y="119380"/>
                    </a:moveTo>
                    <a:cubicBezTo>
                      <a:pt x="293773" y="119185"/>
                      <a:pt x="293610" y="118990"/>
                      <a:pt x="293480" y="118762"/>
                    </a:cubicBezTo>
                    <a:cubicBezTo>
                      <a:pt x="292244" y="116907"/>
                      <a:pt x="292732" y="114370"/>
                      <a:pt x="294586" y="113134"/>
                    </a:cubicBezTo>
                    <a:cubicBezTo>
                      <a:pt x="302069" y="108091"/>
                      <a:pt x="309779" y="103113"/>
                      <a:pt x="317490" y="98396"/>
                    </a:cubicBezTo>
                    <a:cubicBezTo>
                      <a:pt x="319409" y="97225"/>
                      <a:pt x="321914" y="97811"/>
                      <a:pt x="323085" y="99730"/>
                    </a:cubicBezTo>
                    <a:cubicBezTo>
                      <a:pt x="324256" y="101649"/>
                      <a:pt x="323671" y="104154"/>
                      <a:pt x="321752" y="105326"/>
                    </a:cubicBezTo>
                    <a:cubicBezTo>
                      <a:pt x="314139" y="110010"/>
                      <a:pt x="306526" y="114923"/>
                      <a:pt x="299141" y="119900"/>
                    </a:cubicBezTo>
                    <a:cubicBezTo>
                      <a:pt x="297514" y="121007"/>
                      <a:pt x="295335" y="120746"/>
                      <a:pt x="294001" y="119412"/>
                    </a:cubicBezTo>
                    <a:close/>
                    <a:moveTo>
                      <a:pt x="1223534" y="1022594"/>
                    </a:moveTo>
                    <a:cubicBezTo>
                      <a:pt x="1222233" y="1021293"/>
                      <a:pt x="1221940" y="1019178"/>
                      <a:pt x="1222981" y="1017551"/>
                    </a:cubicBezTo>
                    <a:cubicBezTo>
                      <a:pt x="1227763" y="1010004"/>
                      <a:pt x="1232448" y="1002228"/>
                      <a:pt x="1236872" y="994518"/>
                    </a:cubicBezTo>
                    <a:cubicBezTo>
                      <a:pt x="1237979" y="992566"/>
                      <a:pt x="1240484" y="991915"/>
                      <a:pt x="1242403" y="993022"/>
                    </a:cubicBezTo>
                    <a:cubicBezTo>
                      <a:pt x="1244355" y="994160"/>
                      <a:pt x="1245006" y="996633"/>
                      <a:pt x="1243900" y="998552"/>
                    </a:cubicBezTo>
                    <a:cubicBezTo>
                      <a:pt x="1239410" y="1006360"/>
                      <a:pt x="1234660" y="1014201"/>
                      <a:pt x="1229813" y="1021878"/>
                    </a:cubicBezTo>
                    <a:cubicBezTo>
                      <a:pt x="1228609" y="1023765"/>
                      <a:pt x="1226104" y="1024351"/>
                      <a:pt x="1224217" y="1023147"/>
                    </a:cubicBezTo>
                    <a:cubicBezTo>
                      <a:pt x="1223957" y="1022985"/>
                      <a:pt x="1223729" y="1022789"/>
                      <a:pt x="1223501" y="1022594"/>
                    </a:cubicBezTo>
                    <a:close/>
                    <a:moveTo>
                      <a:pt x="339840" y="91141"/>
                    </a:moveTo>
                    <a:cubicBezTo>
                      <a:pt x="339580" y="90881"/>
                      <a:pt x="339352" y="90588"/>
                      <a:pt x="339157" y="90263"/>
                    </a:cubicBezTo>
                    <a:cubicBezTo>
                      <a:pt x="338050" y="88311"/>
                      <a:pt x="338766" y="85838"/>
                      <a:pt x="340718" y="84732"/>
                    </a:cubicBezTo>
                    <a:cubicBezTo>
                      <a:pt x="348624" y="80308"/>
                      <a:pt x="356692" y="75981"/>
                      <a:pt x="364728" y="71914"/>
                    </a:cubicBezTo>
                    <a:cubicBezTo>
                      <a:pt x="366745" y="70906"/>
                      <a:pt x="369185" y="71687"/>
                      <a:pt x="370193" y="73704"/>
                    </a:cubicBezTo>
                    <a:cubicBezTo>
                      <a:pt x="371202" y="75688"/>
                      <a:pt x="370421" y="78161"/>
                      <a:pt x="368404" y="79169"/>
                    </a:cubicBezTo>
                    <a:cubicBezTo>
                      <a:pt x="360466" y="83203"/>
                      <a:pt x="352463" y="87465"/>
                      <a:pt x="344687" y="91824"/>
                    </a:cubicBezTo>
                    <a:cubicBezTo>
                      <a:pt x="343061" y="92735"/>
                      <a:pt x="341076" y="92410"/>
                      <a:pt x="339840" y="91141"/>
                    </a:cubicBezTo>
                    <a:close/>
                    <a:moveTo>
                      <a:pt x="1250439" y="975909"/>
                    </a:moveTo>
                    <a:cubicBezTo>
                      <a:pt x="1249203" y="974673"/>
                      <a:pt x="1248877" y="972754"/>
                      <a:pt x="1249723" y="971159"/>
                    </a:cubicBezTo>
                    <a:cubicBezTo>
                      <a:pt x="1253855" y="963254"/>
                      <a:pt x="1257889" y="955153"/>
                      <a:pt x="1261695" y="947085"/>
                    </a:cubicBezTo>
                    <a:cubicBezTo>
                      <a:pt x="1262639" y="945068"/>
                      <a:pt x="1265079" y="944190"/>
                      <a:pt x="1267096" y="945133"/>
                    </a:cubicBezTo>
                    <a:cubicBezTo>
                      <a:pt x="1269113" y="946076"/>
                      <a:pt x="1269991" y="948516"/>
                      <a:pt x="1269048" y="950533"/>
                    </a:cubicBezTo>
                    <a:cubicBezTo>
                      <a:pt x="1265176" y="958699"/>
                      <a:pt x="1261110" y="966930"/>
                      <a:pt x="1256913" y="974933"/>
                    </a:cubicBezTo>
                    <a:cubicBezTo>
                      <a:pt x="1255872" y="976918"/>
                      <a:pt x="1253432" y="977698"/>
                      <a:pt x="1251448" y="976657"/>
                    </a:cubicBezTo>
                    <a:cubicBezTo>
                      <a:pt x="1251057" y="976462"/>
                      <a:pt x="1250731" y="976202"/>
                      <a:pt x="1250471" y="975942"/>
                    </a:cubicBezTo>
                    <a:close/>
                    <a:moveTo>
                      <a:pt x="387924" y="66709"/>
                    </a:moveTo>
                    <a:cubicBezTo>
                      <a:pt x="387598" y="66384"/>
                      <a:pt x="387305" y="65993"/>
                      <a:pt x="387110" y="65538"/>
                    </a:cubicBezTo>
                    <a:cubicBezTo>
                      <a:pt x="386167" y="63488"/>
                      <a:pt x="387078" y="61081"/>
                      <a:pt x="389127" y="60170"/>
                    </a:cubicBezTo>
                    <a:cubicBezTo>
                      <a:pt x="397391" y="56396"/>
                      <a:pt x="405817" y="52752"/>
                      <a:pt x="414178" y="49336"/>
                    </a:cubicBezTo>
                    <a:cubicBezTo>
                      <a:pt x="416260" y="48490"/>
                      <a:pt x="418635" y="49466"/>
                      <a:pt x="419481" y="51549"/>
                    </a:cubicBezTo>
                    <a:cubicBezTo>
                      <a:pt x="420327" y="53631"/>
                      <a:pt x="419318" y="56006"/>
                      <a:pt x="417268" y="56851"/>
                    </a:cubicBezTo>
                    <a:cubicBezTo>
                      <a:pt x="409005" y="60235"/>
                      <a:pt x="400676" y="63814"/>
                      <a:pt x="392511" y="67555"/>
                    </a:cubicBezTo>
                    <a:cubicBezTo>
                      <a:pt x="390917" y="68271"/>
                      <a:pt x="389127" y="67913"/>
                      <a:pt x="387956" y="66741"/>
                    </a:cubicBezTo>
                    <a:close/>
                    <a:moveTo>
                      <a:pt x="1273407" y="927207"/>
                    </a:moveTo>
                    <a:cubicBezTo>
                      <a:pt x="1272268" y="926069"/>
                      <a:pt x="1271878" y="924312"/>
                      <a:pt x="1272529" y="922750"/>
                    </a:cubicBezTo>
                    <a:cubicBezTo>
                      <a:pt x="1275977" y="914552"/>
                      <a:pt x="1279328" y="906191"/>
                      <a:pt x="1282451" y="897830"/>
                    </a:cubicBezTo>
                    <a:cubicBezTo>
                      <a:pt x="1283232" y="895715"/>
                      <a:pt x="1285575" y="894674"/>
                      <a:pt x="1287689" y="895455"/>
                    </a:cubicBezTo>
                    <a:cubicBezTo>
                      <a:pt x="1289804" y="896236"/>
                      <a:pt x="1290845" y="898578"/>
                      <a:pt x="1290064" y="900693"/>
                    </a:cubicBezTo>
                    <a:cubicBezTo>
                      <a:pt x="1286908" y="909151"/>
                      <a:pt x="1283525" y="917643"/>
                      <a:pt x="1280011" y="925938"/>
                    </a:cubicBezTo>
                    <a:cubicBezTo>
                      <a:pt x="1279133" y="927988"/>
                      <a:pt x="1276758" y="928964"/>
                      <a:pt x="1274676" y="928086"/>
                    </a:cubicBezTo>
                    <a:cubicBezTo>
                      <a:pt x="1274188" y="927890"/>
                      <a:pt x="1273733" y="927565"/>
                      <a:pt x="1273375" y="927207"/>
                    </a:cubicBezTo>
                    <a:close/>
                    <a:moveTo>
                      <a:pt x="437894" y="46311"/>
                    </a:moveTo>
                    <a:cubicBezTo>
                      <a:pt x="437471" y="45888"/>
                      <a:pt x="437146" y="45400"/>
                      <a:pt x="436951" y="44814"/>
                    </a:cubicBezTo>
                    <a:cubicBezTo>
                      <a:pt x="436203" y="42700"/>
                      <a:pt x="437276" y="40390"/>
                      <a:pt x="439391" y="39609"/>
                    </a:cubicBezTo>
                    <a:cubicBezTo>
                      <a:pt x="447914" y="36518"/>
                      <a:pt x="456601" y="33590"/>
                      <a:pt x="465222" y="30858"/>
                    </a:cubicBezTo>
                    <a:cubicBezTo>
                      <a:pt x="467369" y="30174"/>
                      <a:pt x="469647" y="31378"/>
                      <a:pt x="470330" y="33525"/>
                    </a:cubicBezTo>
                    <a:cubicBezTo>
                      <a:pt x="471013" y="35672"/>
                      <a:pt x="469809" y="37950"/>
                      <a:pt x="467695" y="38633"/>
                    </a:cubicBezTo>
                    <a:cubicBezTo>
                      <a:pt x="459171" y="41333"/>
                      <a:pt x="450582" y="44229"/>
                      <a:pt x="442156" y="47254"/>
                    </a:cubicBezTo>
                    <a:cubicBezTo>
                      <a:pt x="440627" y="47807"/>
                      <a:pt x="438968" y="47384"/>
                      <a:pt x="437894" y="46311"/>
                    </a:cubicBezTo>
                    <a:close/>
                    <a:moveTo>
                      <a:pt x="1292309" y="876911"/>
                    </a:moveTo>
                    <a:cubicBezTo>
                      <a:pt x="1291268" y="875870"/>
                      <a:pt x="1290812" y="874276"/>
                      <a:pt x="1291333" y="872780"/>
                    </a:cubicBezTo>
                    <a:cubicBezTo>
                      <a:pt x="1294131" y="864288"/>
                      <a:pt x="1296766" y="855667"/>
                      <a:pt x="1299206" y="847111"/>
                    </a:cubicBezTo>
                    <a:cubicBezTo>
                      <a:pt x="1299824" y="844964"/>
                      <a:pt x="1302069" y="843695"/>
                      <a:pt x="1304216" y="844313"/>
                    </a:cubicBezTo>
                    <a:cubicBezTo>
                      <a:pt x="1306363" y="844931"/>
                      <a:pt x="1307632" y="847176"/>
                      <a:pt x="1307014" y="849323"/>
                    </a:cubicBezTo>
                    <a:cubicBezTo>
                      <a:pt x="1304541" y="857977"/>
                      <a:pt x="1301874" y="866728"/>
                      <a:pt x="1299043" y="875317"/>
                    </a:cubicBezTo>
                    <a:cubicBezTo>
                      <a:pt x="1298327" y="877464"/>
                      <a:pt x="1296050" y="878603"/>
                      <a:pt x="1293903" y="877887"/>
                    </a:cubicBezTo>
                    <a:cubicBezTo>
                      <a:pt x="1293285" y="877692"/>
                      <a:pt x="1292732" y="877334"/>
                      <a:pt x="1292309" y="876911"/>
                    </a:cubicBezTo>
                    <a:close/>
                    <a:moveTo>
                      <a:pt x="489362" y="30077"/>
                    </a:moveTo>
                    <a:cubicBezTo>
                      <a:pt x="488874" y="29589"/>
                      <a:pt x="488516" y="28971"/>
                      <a:pt x="488320" y="28287"/>
                    </a:cubicBezTo>
                    <a:cubicBezTo>
                      <a:pt x="487735" y="26108"/>
                      <a:pt x="489004" y="23896"/>
                      <a:pt x="491183" y="23310"/>
                    </a:cubicBezTo>
                    <a:cubicBezTo>
                      <a:pt x="499902" y="20935"/>
                      <a:pt x="508784" y="18723"/>
                      <a:pt x="517633" y="16706"/>
                    </a:cubicBezTo>
                    <a:cubicBezTo>
                      <a:pt x="519812" y="16218"/>
                      <a:pt x="521992" y="17584"/>
                      <a:pt x="522480" y="19764"/>
                    </a:cubicBezTo>
                    <a:cubicBezTo>
                      <a:pt x="522968" y="21944"/>
                      <a:pt x="521602" y="24123"/>
                      <a:pt x="519422" y="24611"/>
                    </a:cubicBezTo>
                    <a:cubicBezTo>
                      <a:pt x="510703" y="26596"/>
                      <a:pt x="501887" y="28808"/>
                      <a:pt x="493298" y="31118"/>
                    </a:cubicBezTo>
                    <a:cubicBezTo>
                      <a:pt x="491834" y="31508"/>
                      <a:pt x="490370" y="31053"/>
                      <a:pt x="489362" y="30077"/>
                    </a:cubicBezTo>
                    <a:close/>
                    <a:moveTo>
                      <a:pt x="1307046" y="825184"/>
                    </a:moveTo>
                    <a:cubicBezTo>
                      <a:pt x="1306070" y="824208"/>
                      <a:pt x="1305615" y="822776"/>
                      <a:pt x="1305973" y="821345"/>
                    </a:cubicBezTo>
                    <a:cubicBezTo>
                      <a:pt x="1308055" y="812659"/>
                      <a:pt x="1310007" y="803842"/>
                      <a:pt x="1311731" y="795123"/>
                    </a:cubicBezTo>
                    <a:cubicBezTo>
                      <a:pt x="1312154" y="792911"/>
                      <a:pt x="1314301" y="791479"/>
                      <a:pt x="1316514" y="791935"/>
                    </a:cubicBezTo>
                    <a:cubicBezTo>
                      <a:pt x="1318726" y="792390"/>
                      <a:pt x="1320157" y="794505"/>
                      <a:pt x="1319702" y="796717"/>
                    </a:cubicBezTo>
                    <a:cubicBezTo>
                      <a:pt x="1317945" y="805566"/>
                      <a:pt x="1315993" y="814513"/>
                      <a:pt x="1313846" y="823264"/>
                    </a:cubicBezTo>
                    <a:cubicBezTo>
                      <a:pt x="1313325" y="825444"/>
                      <a:pt x="1311113" y="826778"/>
                      <a:pt x="1308933" y="826257"/>
                    </a:cubicBezTo>
                    <a:cubicBezTo>
                      <a:pt x="1308185" y="826062"/>
                      <a:pt x="1307534" y="825704"/>
                      <a:pt x="1307014" y="825184"/>
                    </a:cubicBezTo>
                    <a:close/>
                    <a:moveTo>
                      <a:pt x="541935" y="18072"/>
                    </a:moveTo>
                    <a:cubicBezTo>
                      <a:pt x="541382" y="17519"/>
                      <a:pt x="540959" y="16771"/>
                      <a:pt x="540829" y="15957"/>
                    </a:cubicBezTo>
                    <a:cubicBezTo>
                      <a:pt x="540406" y="13745"/>
                      <a:pt x="541870" y="11631"/>
                      <a:pt x="544082" y="11208"/>
                    </a:cubicBezTo>
                    <a:cubicBezTo>
                      <a:pt x="552964" y="9548"/>
                      <a:pt x="562008" y="8084"/>
                      <a:pt x="570987" y="6783"/>
                    </a:cubicBezTo>
                    <a:cubicBezTo>
                      <a:pt x="573199" y="6458"/>
                      <a:pt x="575281" y="8019"/>
                      <a:pt x="575574" y="10232"/>
                    </a:cubicBezTo>
                    <a:cubicBezTo>
                      <a:pt x="575899" y="12444"/>
                      <a:pt x="574338" y="14526"/>
                      <a:pt x="572126" y="14819"/>
                    </a:cubicBezTo>
                    <a:cubicBezTo>
                      <a:pt x="563277" y="16088"/>
                      <a:pt x="554363" y="17552"/>
                      <a:pt x="545546" y="19178"/>
                    </a:cubicBezTo>
                    <a:cubicBezTo>
                      <a:pt x="544180" y="19438"/>
                      <a:pt x="542846" y="18983"/>
                      <a:pt x="541935" y="18040"/>
                    </a:cubicBezTo>
                    <a:close/>
                    <a:moveTo>
                      <a:pt x="1317554" y="772415"/>
                    </a:moveTo>
                    <a:cubicBezTo>
                      <a:pt x="1316676" y="771537"/>
                      <a:pt x="1316188" y="770235"/>
                      <a:pt x="1316416" y="768902"/>
                    </a:cubicBezTo>
                    <a:cubicBezTo>
                      <a:pt x="1317815" y="760085"/>
                      <a:pt x="1319018" y="751139"/>
                      <a:pt x="1320060" y="742257"/>
                    </a:cubicBezTo>
                    <a:cubicBezTo>
                      <a:pt x="1320320" y="740012"/>
                      <a:pt x="1322337" y="738418"/>
                      <a:pt x="1324549" y="738678"/>
                    </a:cubicBezTo>
                    <a:cubicBezTo>
                      <a:pt x="1326761" y="738939"/>
                      <a:pt x="1328388" y="740956"/>
                      <a:pt x="1328128" y="743168"/>
                    </a:cubicBezTo>
                    <a:cubicBezTo>
                      <a:pt x="1327087" y="752147"/>
                      <a:pt x="1325851" y="761224"/>
                      <a:pt x="1324451" y="770138"/>
                    </a:cubicBezTo>
                    <a:cubicBezTo>
                      <a:pt x="1324094" y="772350"/>
                      <a:pt x="1322011" y="773879"/>
                      <a:pt x="1319799" y="773521"/>
                    </a:cubicBezTo>
                    <a:cubicBezTo>
                      <a:pt x="1318921" y="773391"/>
                      <a:pt x="1318140" y="772968"/>
                      <a:pt x="1317554" y="772383"/>
                    </a:cubicBezTo>
                    <a:close/>
                    <a:moveTo>
                      <a:pt x="595289" y="10394"/>
                    </a:moveTo>
                    <a:cubicBezTo>
                      <a:pt x="594638" y="9744"/>
                      <a:pt x="594216" y="8898"/>
                      <a:pt x="594118" y="7954"/>
                    </a:cubicBezTo>
                    <a:cubicBezTo>
                      <a:pt x="593890" y="5710"/>
                      <a:pt x="595517" y="3725"/>
                      <a:pt x="597729" y="3497"/>
                    </a:cubicBezTo>
                    <a:cubicBezTo>
                      <a:pt x="606708" y="2586"/>
                      <a:pt x="615850" y="1838"/>
                      <a:pt x="624862" y="1253"/>
                    </a:cubicBezTo>
                    <a:cubicBezTo>
                      <a:pt x="627106" y="1122"/>
                      <a:pt x="629026" y="2814"/>
                      <a:pt x="629156" y="5059"/>
                    </a:cubicBezTo>
                    <a:cubicBezTo>
                      <a:pt x="629286" y="7304"/>
                      <a:pt x="627594" y="9223"/>
                      <a:pt x="625349" y="9353"/>
                    </a:cubicBezTo>
                    <a:cubicBezTo>
                      <a:pt x="616435" y="9906"/>
                      <a:pt x="607391" y="10655"/>
                      <a:pt x="598542" y="11565"/>
                    </a:cubicBezTo>
                    <a:cubicBezTo>
                      <a:pt x="597273" y="11696"/>
                      <a:pt x="596102" y="11240"/>
                      <a:pt x="595256" y="10394"/>
                    </a:cubicBezTo>
                    <a:close/>
                    <a:moveTo>
                      <a:pt x="1323736" y="718963"/>
                    </a:moveTo>
                    <a:cubicBezTo>
                      <a:pt x="1322922" y="718150"/>
                      <a:pt x="1322467" y="717011"/>
                      <a:pt x="1322565" y="715775"/>
                    </a:cubicBezTo>
                    <a:cubicBezTo>
                      <a:pt x="1323248" y="706861"/>
                      <a:pt x="1323736" y="697817"/>
                      <a:pt x="1324028" y="688935"/>
                    </a:cubicBezTo>
                    <a:cubicBezTo>
                      <a:pt x="1324094" y="686691"/>
                      <a:pt x="1325980" y="684934"/>
                      <a:pt x="1328225" y="684999"/>
                    </a:cubicBezTo>
                    <a:cubicBezTo>
                      <a:pt x="1330470" y="685064"/>
                      <a:pt x="1332227" y="686951"/>
                      <a:pt x="1332129" y="689196"/>
                    </a:cubicBezTo>
                    <a:cubicBezTo>
                      <a:pt x="1331836" y="698207"/>
                      <a:pt x="1331316" y="707349"/>
                      <a:pt x="1330633" y="716361"/>
                    </a:cubicBezTo>
                    <a:cubicBezTo>
                      <a:pt x="1330470" y="718606"/>
                      <a:pt x="1328518" y="720265"/>
                      <a:pt x="1326273" y="720102"/>
                    </a:cubicBezTo>
                    <a:cubicBezTo>
                      <a:pt x="1325265" y="720037"/>
                      <a:pt x="1324354" y="719582"/>
                      <a:pt x="1323703" y="718931"/>
                    </a:cubicBezTo>
                    <a:close/>
                    <a:moveTo>
                      <a:pt x="649066" y="7076"/>
                    </a:moveTo>
                    <a:cubicBezTo>
                      <a:pt x="648351" y="6360"/>
                      <a:pt x="647895" y="5384"/>
                      <a:pt x="647895" y="4278"/>
                    </a:cubicBezTo>
                    <a:cubicBezTo>
                      <a:pt x="647862" y="2033"/>
                      <a:pt x="649619" y="179"/>
                      <a:pt x="651864" y="146"/>
                    </a:cubicBezTo>
                    <a:cubicBezTo>
                      <a:pt x="660876" y="-49"/>
                      <a:pt x="670050" y="-49"/>
                      <a:pt x="679094" y="146"/>
                    </a:cubicBezTo>
                    <a:cubicBezTo>
                      <a:pt x="681339" y="179"/>
                      <a:pt x="683128" y="2033"/>
                      <a:pt x="683063" y="4278"/>
                    </a:cubicBezTo>
                    <a:cubicBezTo>
                      <a:pt x="683030" y="6523"/>
                      <a:pt x="681176" y="8312"/>
                      <a:pt x="678931" y="8247"/>
                    </a:cubicBezTo>
                    <a:cubicBezTo>
                      <a:pt x="669985" y="8084"/>
                      <a:pt x="660941" y="8084"/>
                      <a:pt x="652027" y="8247"/>
                    </a:cubicBezTo>
                    <a:cubicBezTo>
                      <a:pt x="650888" y="8247"/>
                      <a:pt x="649814" y="7824"/>
                      <a:pt x="649066" y="7043"/>
                    </a:cubicBezTo>
                    <a:close/>
                    <a:moveTo>
                      <a:pt x="1325590" y="665154"/>
                    </a:moveTo>
                    <a:cubicBezTo>
                      <a:pt x="1324874" y="664438"/>
                      <a:pt x="1324419" y="663430"/>
                      <a:pt x="1324386" y="662291"/>
                    </a:cubicBezTo>
                    <a:cubicBezTo>
                      <a:pt x="1324321" y="653377"/>
                      <a:pt x="1324094" y="644333"/>
                      <a:pt x="1323671" y="635386"/>
                    </a:cubicBezTo>
                    <a:cubicBezTo>
                      <a:pt x="1323573" y="633141"/>
                      <a:pt x="1325297" y="631254"/>
                      <a:pt x="1327542" y="631124"/>
                    </a:cubicBezTo>
                    <a:cubicBezTo>
                      <a:pt x="1329787" y="631027"/>
                      <a:pt x="1331674" y="632751"/>
                      <a:pt x="1331804" y="634996"/>
                    </a:cubicBezTo>
                    <a:cubicBezTo>
                      <a:pt x="1332227" y="644040"/>
                      <a:pt x="1332454" y="653214"/>
                      <a:pt x="1332520" y="662226"/>
                    </a:cubicBezTo>
                    <a:cubicBezTo>
                      <a:pt x="1332520" y="664471"/>
                      <a:pt x="1330730" y="666292"/>
                      <a:pt x="1328485" y="666325"/>
                    </a:cubicBezTo>
                    <a:cubicBezTo>
                      <a:pt x="1327347" y="666325"/>
                      <a:pt x="1326338" y="665870"/>
                      <a:pt x="1325590" y="665121"/>
                    </a:cubicBezTo>
                    <a:close/>
                    <a:moveTo>
                      <a:pt x="702908" y="8084"/>
                    </a:moveTo>
                    <a:cubicBezTo>
                      <a:pt x="702127" y="7304"/>
                      <a:pt x="701640" y="6165"/>
                      <a:pt x="701737" y="4961"/>
                    </a:cubicBezTo>
                    <a:cubicBezTo>
                      <a:pt x="701867" y="2717"/>
                      <a:pt x="703787" y="1025"/>
                      <a:pt x="706031" y="1155"/>
                    </a:cubicBezTo>
                    <a:cubicBezTo>
                      <a:pt x="715076" y="1708"/>
                      <a:pt x="724217" y="2424"/>
                      <a:pt x="733164" y="3335"/>
                    </a:cubicBezTo>
                    <a:cubicBezTo>
                      <a:pt x="735409" y="3562"/>
                      <a:pt x="737036" y="5547"/>
                      <a:pt x="736808" y="7792"/>
                    </a:cubicBezTo>
                    <a:cubicBezTo>
                      <a:pt x="736580" y="10036"/>
                      <a:pt x="734596" y="11663"/>
                      <a:pt x="732351" y="11435"/>
                    </a:cubicBezTo>
                    <a:cubicBezTo>
                      <a:pt x="723502" y="10557"/>
                      <a:pt x="714490" y="9841"/>
                      <a:pt x="705543" y="9288"/>
                    </a:cubicBezTo>
                    <a:cubicBezTo>
                      <a:pt x="704503" y="9223"/>
                      <a:pt x="703592" y="8768"/>
                      <a:pt x="702908" y="8117"/>
                    </a:cubicBezTo>
                    <a:close/>
                    <a:moveTo>
                      <a:pt x="1323085" y="611312"/>
                    </a:moveTo>
                    <a:cubicBezTo>
                      <a:pt x="1322434" y="610661"/>
                      <a:pt x="1322011" y="609783"/>
                      <a:pt x="1321914" y="608807"/>
                    </a:cubicBezTo>
                    <a:cubicBezTo>
                      <a:pt x="1321133" y="599925"/>
                      <a:pt x="1320157" y="590913"/>
                      <a:pt x="1319018" y="582032"/>
                    </a:cubicBezTo>
                    <a:cubicBezTo>
                      <a:pt x="1318726" y="579820"/>
                      <a:pt x="1320320" y="577770"/>
                      <a:pt x="1322532" y="577477"/>
                    </a:cubicBezTo>
                    <a:cubicBezTo>
                      <a:pt x="1324744" y="577185"/>
                      <a:pt x="1326794" y="578779"/>
                      <a:pt x="1327087" y="580991"/>
                    </a:cubicBezTo>
                    <a:cubicBezTo>
                      <a:pt x="1328225" y="589970"/>
                      <a:pt x="1329234" y="599079"/>
                      <a:pt x="1330014" y="608091"/>
                    </a:cubicBezTo>
                    <a:cubicBezTo>
                      <a:pt x="1330210" y="610336"/>
                      <a:pt x="1328551" y="612288"/>
                      <a:pt x="1326338" y="612483"/>
                    </a:cubicBezTo>
                    <a:cubicBezTo>
                      <a:pt x="1325102" y="612580"/>
                      <a:pt x="1323931" y="612125"/>
                      <a:pt x="1323117" y="611312"/>
                    </a:cubicBezTo>
                    <a:close/>
                    <a:moveTo>
                      <a:pt x="756458" y="13452"/>
                    </a:moveTo>
                    <a:cubicBezTo>
                      <a:pt x="755579" y="12574"/>
                      <a:pt x="755124" y="11338"/>
                      <a:pt x="755319" y="10004"/>
                    </a:cubicBezTo>
                    <a:cubicBezTo>
                      <a:pt x="755644" y="7792"/>
                      <a:pt x="757694" y="6230"/>
                      <a:pt x="759906" y="6555"/>
                    </a:cubicBezTo>
                    <a:cubicBezTo>
                      <a:pt x="768885" y="7824"/>
                      <a:pt x="777929" y="9288"/>
                      <a:pt x="786778" y="10915"/>
                    </a:cubicBezTo>
                    <a:cubicBezTo>
                      <a:pt x="788991" y="11305"/>
                      <a:pt x="790454" y="13452"/>
                      <a:pt x="790032" y="15632"/>
                    </a:cubicBezTo>
                    <a:cubicBezTo>
                      <a:pt x="789641" y="17844"/>
                      <a:pt x="787526" y="19308"/>
                      <a:pt x="785314" y="18885"/>
                    </a:cubicBezTo>
                    <a:cubicBezTo>
                      <a:pt x="776563" y="17291"/>
                      <a:pt x="767649" y="15827"/>
                      <a:pt x="758800" y="14591"/>
                    </a:cubicBezTo>
                    <a:cubicBezTo>
                      <a:pt x="757889" y="14461"/>
                      <a:pt x="757108" y="14038"/>
                      <a:pt x="756490" y="13452"/>
                    </a:cubicBezTo>
                    <a:close/>
                    <a:moveTo>
                      <a:pt x="1316220" y="557860"/>
                    </a:moveTo>
                    <a:cubicBezTo>
                      <a:pt x="1315635" y="557274"/>
                      <a:pt x="1315245" y="556526"/>
                      <a:pt x="1315082" y="555680"/>
                    </a:cubicBezTo>
                    <a:cubicBezTo>
                      <a:pt x="1313585" y="546831"/>
                      <a:pt x="1311894" y="537950"/>
                      <a:pt x="1310040" y="529231"/>
                    </a:cubicBezTo>
                    <a:cubicBezTo>
                      <a:pt x="1309584" y="527051"/>
                      <a:pt x="1310983" y="524871"/>
                      <a:pt x="1313163" y="524416"/>
                    </a:cubicBezTo>
                    <a:cubicBezTo>
                      <a:pt x="1315342" y="523961"/>
                      <a:pt x="1317522" y="525359"/>
                      <a:pt x="1317977" y="527539"/>
                    </a:cubicBezTo>
                    <a:cubicBezTo>
                      <a:pt x="1319832" y="536356"/>
                      <a:pt x="1321556" y="545367"/>
                      <a:pt x="1323085" y="554314"/>
                    </a:cubicBezTo>
                    <a:cubicBezTo>
                      <a:pt x="1323475" y="556526"/>
                      <a:pt x="1321979" y="558608"/>
                      <a:pt x="1319767" y="558999"/>
                    </a:cubicBezTo>
                    <a:cubicBezTo>
                      <a:pt x="1318433" y="559226"/>
                      <a:pt x="1317099" y="558771"/>
                      <a:pt x="1316220" y="557860"/>
                    </a:cubicBezTo>
                    <a:close/>
                    <a:moveTo>
                      <a:pt x="809389" y="23115"/>
                    </a:moveTo>
                    <a:cubicBezTo>
                      <a:pt x="808445" y="22171"/>
                      <a:pt x="807990" y="20772"/>
                      <a:pt x="808283" y="19341"/>
                    </a:cubicBezTo>
                    <a:cubicBezTo>
                      <a:pt x="808771" y="17161"/>
                      <a:pt x="810950" y="15762"/>
                      <a:pt x="813130" y="16283"/>
                    </a:cubicBezTo>
                    <a:cubicBezTo>
                      <a:pt x="821947" y="18267"/>
                      <a:pt x="830828" y="20447"/>
                      <a:pt x="839547" y="22789"/>
                    </a:cubicBezTo>
                    <a:cubicBezTo>
                      <a:pt x="841727" y="23375"/>
                      <a:pt x="842995" y="25587"/>
                      <a:pt x="842410" y="27767"/>
                    </a:cubicBezTo>
                    <a:cubicBezTo>
                      <a:pt x="841824" y="29947"/>
                      <a:pt x="839612" y="31215"/>
                      <a:pt x="837432" y="30630"/>
                    </a:cubicBezTo>
                    <a:cubicBezTo>
                      <a:pt x="828844" y="28320"/>
                      <a:pt x="820059" y="26173"/>
                      <a:pt x="811341" y="24188"/>
                    </a:cubicBezTo>
                    <a:cubicBezTo>
                      <a:pt x="810560" y="24026"/>
                      <a:pt x="809877" y="23635"/>
                      <a:pt x="809356" y="23115"/>
                    </a:cubicBezTo>
                    <a:close/>
                    <a:moveTo>
                      <a:pt x="1305062" y="505091"/>
                    </a:moveTo>
                    <a:cubicBezTo>
                      <a:pt x="1304574" y="504603"/>
                      <a:pt x="1304183" y="503953"/>
                      <a:pt x="1303988" y="503237"/>
                    </a:cubicBezTo>
                    <a:cubicBezTo>
                      <a:pt x="1301776" y="494551"/>
                      <a:pt x="1299369" y="485832"/>
                      <a:pt x="1296798" y="477276"/>
                    </a:cubicBezTo>
                    <a:cubicBezTo>
                      <a:pt x="1296148" y="475128"/>
                      <a:pt x="1297384" y="472851"/>
                      <a:pt x="1299531" y="472233"/>
                    </a:cubicBezTo>
                    <a:cubicBezTo>
                      <a:pt x="1301678" y="471582"/>
                      <a:pt x="1303955" y="472819"/>
                      <a:pt x="1304574" y="474966"/>
                    </a:cubicBezTo>
                    <a:cubicBezTo>
                      <a:pt x="1307177" y="483620"/>
                      <a:pt x="1309617" y="492469"/>
                      <a:pt x="1311829" y="501252"/>
                    </a:cubicBezTo>
                    <a:cubicBezTo>
                      <a:pt x="1312382" y="503432"/>
                      <a:pt x="1311080" y="505644"/>
                      <a:pt x="1308901" y="506198"/>
                    </a:cubicBezTo>
                    <a:cubicBezTo>
                      <a:pt x="1307469" y="506555"/>
                      <a:pt x="1306005" y="506100"/>
                      <a:pt x="1305029" y="505124"/>
                    </a:cubicBezTo>
                    <a:close/>
                    <a:moveTo>
                      <a:pt x="861344" y="37071"/>
                    </a:moveTo>
                    <a:cubicBezTo>
                      <a:pt x="860303" y="36030"/>
                      <a:pt x="859880" y="34469"/>
                      <a:pt x="860335" y="32972"/>
                    </a:cubicBezTo>
                    <a:cubicBezTo>
                      <a:pt x="861019" y="30825"/>
                      <a:pt x="863296" y="29654"/>
                      <a:pt x="865411" y="30305"/>
                    </a:cubicBezTo>
                    <a:cubicBezTo>
                      <a:pt x="873999" y="32972"/>
                      <a:pt x="882685" y="35900"/>
                      <a:pt x="891177" y="38926"/>
                    </a:cubicBezTo>
                    <a:cubicBezTo>
                      <a:pt x="893291" y="39674"/>
                      <a:pt x="894398" y="42016"/>
                      <a:pt x="893649" y="44131"/>
                    </a:cubicBezTo>
                    <a:cubicBezTo>
                      <a:pt x="892901" y="46246"/>
                      <a:pt x="890559" y="47352"/>
                      <a:pt x="888444" y="46604"/>
                    </a:cubicBezTo>
                    <a:cubicBezTo>
                      <a:pt x="880051" y="43611"/>
                      <a:pt x="871494" y="40715"/>
                      <a:pt x="863003" y="38080"/>
                    </a:cubicBezTo>
                    <a:cubicBezTo>
                      <a:pt x="862352" y="37885"/>
                      <a:pt x="861800" y="37527"/>
                      <a:pt x="861344" y="37071"/>
                    </a:cubicBezTo>
                    <a:close/>
                    <a:moveTo>
                      <a:pt x="1289641" y="453429"/>
                    </a:moveTo>
                    <a:cubicBezTo>
                      <a:pt x="1289218" y="453006"/>
                      <a:pt x="1288893" y="452485"/>
                      <a:pt x="1288665" y="451867"/>
                    </a:cubicBezTo>
                    <a:cubicBezTo>
                      <a:pt x="1285737" y="443376"/>
                      <a:pt x="1282614" y="434885"/>
                      <a:pt x="1279393" y="426557"/>
                    </a:cubicBezTo>
                    <a:cubicBezTo>
                      <a:pt x="1278580" y="424475"/>
                      <a:pt x="1279621" y="422100"/>
                      <a:pt x="1281703" y="421286"/>
                    </a:cubicBezTo>
                    <a:cubicBezTo>
                      <a:pt x="1283785" y="420473"/>
                      <a:pt x="1286160" y="421514"/>
                      <a:pt x="1286973" y="423596"/>
                    </a:cubicBezTo>
                    <a:cubicBezTo>
                      <a:pt x="1290259" y="432022"/>
                      <a:pt x="1293415" y="440611"/>
                      <a:pt x="1296375" y="449200"/>
                    </a:cubicBezTo>
                    <a:cubicBezTo>
                      <a:pt x="1297091" y="451314"/>
                      <a:pt x="1295985" y="453624"/>
                      <a:pt x="1293870" y="454372"/>
                    </a:cubicBezTo>
                    <a:cubicBezTo>
                      <a:pt x="1292341" y="454893"/>
                      <a:pt x="1290747" y="454470"/>
                      <a:pt x="1289674" y="453396"/>
                    </a:cubicBezTo>
                    <a:close/>
                    <a:moveTo>
                      <a:pt x="911933" y="55160"/>
                    </a:moveTo>
                    <a:cubicBezTo>
                      <a:pt x="910827" y="54054"/>
                      <a:pt x="910404" y="52329"/>
                      <a:pt x="911055" y="50768"/>
                    </a:cubicBezTo>
                    <a:cubicBezTo>
                      <a:pt x="911900" y="48686"/>
                      <a:pt x="914275" y="47677"/>
                      <a:pt x="916357" y="48523"/>
                    </a:cubicBezTo>
                    <a:cubicBezTo>
                      <a:pt x="924718" y="51906"/>
                      <a:pt x="933112" y="55518"/>
                      <a:pt x="941310" y="59226"/>
                    </a:cubicBezTo>
                    <a:cubicBezTo>
                      <a:pt x="943360" y="60170"/>
                      <a:pt x="944271" y="62545"/>
                      <a:pt x="943327" y="64594"/>
                    </a:cubicBezTo>
                    <a:cubicBezTo>
                      <a:pt x="942416" y="66644"/>
                      <a:pt x="940009" y="67555"/>
                      <a:pt x="937959" y="66611"/>
                    </a:cubicBezTo>
                    <a:cubicBezTo>
                      <a:pt x="929858" y="62935"/>
                      <a:pt x="921563" y="59389"/>
                      <a:pt x="913299" y="56038"/>
                    </a:cubicBezTo>
                    <a:cubicBezTo>
                      <a:pt x="912779" y="55843"/>
                      <a:pt x="912323" y="55518"/>
                      <a:pt x="911965" y="55160"/>
                    </a:cubicBezTo>
                    <a:close/>
                    <a:moveTo>
                      <a:pt x="1270024" y="403165"/>
                    </a:moveTo>
                    <a:cubicBezTo>
                      <a:pt x="1269666" y="402808"/>
                      <a:pt x="1269373" y="402385"/>
                      <a:pt x="1269178" y="401929"/>
                    </a:cubicBezTo>
                    <a:cubicBezTo>
                      <a:pt x="1265567" y="393731"/>
                      <a:pt x="1261760" y="385467"/>
                      <a:pt x="1257856" y="377464"/>
                    </a:cubicBezTo>
                    <a:cubicBezTo>
                      <a:pt x="1256880" y="375447"/>
                      <a:pt x="1257694" y="373007"/>
                      <a:pt x="1259711" y="372031"/>
                    </a:cubicBezTo>
                    <a:cubicBezTo>
                      <a:pt x="1261728" y="371055"/>
                      <a:pt x="1264168" y="371869"/>
                      <a:pt x="1265144" y="373886"/>
                    </a:cubicBezTo>
                    <a:cubicBezTo>
                      <a:pt x="1269113" y="382019"/>
                      <a:pt x="1272984" y="390347"/>
                      <a:pt x="1276628" y="398676"/>
                    </a:cubicBezTo>
                    <a:cubicBezTo>
                      <a:pt x="1277539" y="400725"/>
                      <a:pt x="1276595" y="403133"/>
                      <a:pt x="1274546" y="404011"/>
                    </a:cubicBezTo>
                    <a:cubicBezTo>
                      <a:pt x="1272984" y="404694"/>
                      <a:pt x="1271195" y="404304"/>
                      <a:pt x="1270056" y="403165"/>
                    </a:cubicBezTo>
                    <a:close/>
                    <a:moveTo>
                      <a:pt x="960928" y="77347"/>
                    </a:moveTo>
                    <a:cubicBezTo>
                      <a:pt x="959724" y="76144"/>
                      <a:pt x="959366" y="74257"/>
                      <a:pt x="960179" y="72662"/>
                    </a:cubicBezTo>
                    <a:cubicBezTo>
                      <a:pt x="961188" y="70645"/>
                      <a:pt x="963628" y="69865"/>
                      <a:pt x="965645" y="70873"/>
                    </a:cubicBezTo>
                    <a:cubicBezTo>
                      <a:pt x="973713" y="74940"/>
                      <a:pt x="981814" y="79234"/>
                      <a:pt x="989719" y="83594"/>
                    </a:cubicBezTo>
                    <a:cubicBezTo>
                      <a:pt x="991671" y="84700"/>
                      <a:pt x="992387" y="87172"/>
                      <a:pt x="991281" y="89124"/>
                    </a:cubicBezTo>
                    <a:cubicBezTo>
                      <a:pt x="990207" y="91076"/>
                      <a:pt x="987735" y="91792"/>
                      <a:pt x="985750" y="90686"/>
                    </a:cubicBezTo>
                    <a:cubicBezTo>
                      <a:pt x="977975" y="86359"/>
                      <a:pt x="969972" y="82130"/>
                      <a:pt x="961968" y="78096"/>
                    </a:cubicBezTo>
                    <a:cubicBezTo>
                      <a:pt x="961578" y="77900"/>
                      <a:pt x="961220" y="77640"/>
                      <a:pt x="960928" y="77347"/>
                    </a:cubicBezTo>
                    <a:close/>
                    <a:moveTo>
                      <a:pt x="1246372" y="354691"/>
                    </a:moveTo>
                    <a:cubicBezTo>
                      <a:pt x="1246112" y="354431"/>
                      <a:pt x="1245852" y="354106"/>
                      <a:pt x="1245657" y="353748"/>
                    </a:cubicBezTo>
                    <a:cubicBezTo>
                      <a:pt x="1241427" y="345875"/>
                      <a:pt x="1236938" y="338002"/>
                      <a:pt x="1232383" y="330357"/>
                    </a:cubicBezTo>
                    <a:cubicBezTo>
                      <a:pt x="1231244" y="328437"/>
                      <a:pt x="1231863" y="325932"/>
                      <a:pt x="1233782" y="324793"/>
                    </a:cubicBezTo>
                    <a:cubicBezTo>
                      <a:pt x="1235701" y="323655"/>
                      <a:pt x="1238206" y="324273"/>
                      <a:pt x="1239345" y="326225"/>
                    </a:cubicBezTo>
                    <a:cubicBezTo>
                      <a:pt x="1243965" y="334000"/>
                      <a:pt x="1248487" y="341971"/>
                      <a:pt x="1252781" y="349909"/>
                    </a:cubicBezTo>
                    <a:cubicBezTo>
                      <a:pt x="1253855" y="351893"/>
                      <a:pt x="1253107" y="354333"/>
                      <a:pt x="1251122" y="355407"/>
                    </a:cubicBezTo>
                    <a:cubicBezTo>
                      <a:pt x="1249495" y="356285"/>
                      <a:pt x="1247543" y="355960"/>
                      <a:pt x="1246307" y="354691"/>
                    </a:cubicBezTo>
                    <a:close/>
                    <a:moveTo>
                      <a:pt x="1008003" y="103504"/>
                    </a:moveTo>
                    <a:cubicBezTo>
                      <a:pt x="1006701" y="102202"/>
                      <a:pt x="1006409" y="100153"/>
                      <a:pt x="1007417" y="98526"/>
                    </a:cubicBezTo>
                    <a:cubicBezTo>
                      <a:pt x="1008588" y="96607"/>
                      <a:pt x="1011094" y="96021"/>
                      <a:pt x="1013013" y="97192"/>
                    </a:cubicBezTo>
                    <a:cubicBezTo>
                      <a:pt x="1020723" y="101910"/>
                      <a:pt x="1028434" y="106822"/>
                      <a:pt x="1035949" y="111865"/>
                    </a:cubicBezTo>
                    <a:cubicBezTo>
                      <a:pt x="1037803" y="113134"/>
                      <a:pt x="1038324" y="115639"/>
                      <a:pt x="1037055" y="117493"/>
                    </a:cubicBezTo>
                    <a:cubicBezTo>
                      <a:pt x="1035819" y="119347"/>
                      <a:pt x="1033281" y="119868"/>
                      <a:pt x="1031427" y="118599"/>
                    </a:cubicBezTo>
                    <a:cubicBezTo>
                      <a:pt x="1024009" y="113654"/>
                      <a:pt x="1016396" y="108774"/>
                      <a:pt x="1008751" y="104122"/>
                    </a:cubicBezTo>
                    <a:cubicBezTo>
                      <a:pt x="1008458" y="103959"/>
                      <a:pt x="1008231" y="103764"/>
                      <a:pt x="1008003" y="103536"/>
                    </a:cubicBezTo>
                    <a:close/>
                    <a:moveTo>
                      <a:pt x="1218849" y="308397"/>
                    </a:moveTo>
                    <a:cubicBezTo>
                      <a:pt x="1218654" y="308202"/>
                      <a:pt x="1218459" y="307974"/>
                      <a:pt x="1218329" y="307746"/>
                    </a:cubicBezTo>
                    <a:cubicBezTo>
                      <a:pt x="1213481" y="300263"/>
                      <a:pt x="1208374" y="292781"/>
                      <a:pt x="1203201" y="285526"/>
                    </a:cubicBezTo>
                    <a:cubicBezTo>
                      <a:pt x="1201899" y="283704"/>
                      <a:pt x="1202322" y="281167"/>
                      <a:pt x="1204144" y="279865"/>
                    </a:cubicBezTo>
                    <a:cubicBezTo>
                      <a:pt x="1205966" y="278564"/>
                      <a:pt x="1208504" y="278987"/>
                      <a:pt x="1209805" y="280809"/>
                    </a:cubicBezTo>
                    <a:cubicBezTo>
                      <a:pt x="1215043" y="288194"/>
                      <a:pt x="1220216" y="295774"/>
                      <a:pt x="1225128" y="303322"/>
                    </a:cubicBezTo>
                    <a:cubicBezTo>
                      <a:pt x="1226364" y="305209"/>
                      <a:pt x="1225811" y="307714"/>
                      <a:pt x="1223924" y="308950"/>
                    </a:cubicBezTo>
                    <a:cubicBezTo>
                      <a:pt x="1222298" y="310023"/>
                      <a:pt x="1220183" y="309763"/>
                      <a:pt x="1218849" y="308429"/>
                    </a:cubicBezTo>
                    <a:close/>
                    <a:moveTo>
                      <a:pt x="1052768" y="133434"/>
                    </a:moveTo>
                    <a:cubicBezTo>
                      <a:pt x="1051370" y="132035"/>
                      <a:pt x="1051174" y="129823"/>
                      <a:pt x="1052378" y="128164"/>
                    </a:cubicBezTo>
                    <a:cubicBezTo>
                      <a:pt x="1053712" y="126342"/>
                      <a:pt x="1056249" y="125952"/>
                      <a:pt x="1058039" y="127285"/>
                    </a:cubicBezTo>
                    <a:cubicBezTo>
                      <a:pt x="1065326" y="132588"/>
                      <a:pt x="1072613" y="138151"/>
                      <a:pt x="1079706" y="143780"/>
                    </a:cubicBezTo>
                    <a:cubicBezTo>
                      <a:pt x="1081463" y="145146"/>
                      <a:pt x="1081755" y="147716"/>
                      <a:pt x="1080356" y="149473"/>
                    </a:cubicBezTo>
                    <a:cubicBezTo>
                      <a:pt x="1078957" y="151230"/>
                      <a:pt x="1076420" y="151523"/>
                      <a:pt x="1074663" y="150124"/>
                    </a:cubicBezTo>
                    <a:cubicBezTo>
                      <a:pt x="1067669" y="144560"/>
                      <a:pt x="1060446" y="139095"/>
                      <a:pt x="1053256" y="133825"/>
                    </a:cubicBezTo>
                    <a:cubicBezTo>
                      <a:pt x="1053093" y="133694"/>
                      <a:pt x="1052931" y="133564"/>
                      <a:pt x="1052768" y="133402"/>
                    </a:cubicBezTo>
                    <a:close/>
                    <a:moveTo>
                      <a:pt x="1187650" y="264510"/>
                    </a:moveTo>
                    <a:cubicBezTo>
                      <a:pt x="1187650" y="264510"/>
                      <a:pt x="1187422" y="264249"/>
                      <a:pt x="1187292" y="264119"/>
                    </a:cubicBezTo>
                    <a:cubicBezTo>
                      <a:pt x="1181827" y="257060"/>
                      <a:pt x="1176134" y="250033"/>
                      <a:pt x="1170408" y="243201"/>
                    </a:cubicBezTo>
                    <a:cubicBezTo>
                      <a:pt x="1168976" y="241476"/>
                      <a:pt x="1169171" y="238906"/>
                      <a:pt x="1170896" y="237475"/>
                    </a:cubicBezTo>
                    <a:cubicBezTo>
                      <a:pt x="1172620" y="236043"/>
                      <a:pt x="1175157" y="236239"/>
                      <a:pt x="1176622" y="237963"/>
                    </a:cubicBezTo>
                    <a:cubicBezTo>
                      <a:pt x="1182445" y="244892"/>
                      <a:pt x="1188203" y="252017"/>
                      <a:pt x="1193734" y="259142"/>
                    </a:cubicBezTo>
                    <a:cubicBezTo>
                      <a:pt x="1195100" y="260931"/>
                      <a:pt x="1194775" y="263469"/>
                      <a:pt x="1193018" y="264835"/>
                    </a:cubicBezTo>
                    <a:cubicBezTo>
                      <a:pt x="1191391" y="266104"/>
                      <a:pt x="1189082" y="265909"/>
                      <a:pt x="1187650" y="264510"/>
                    </a:cubicBezTo>
                    <a:close/>
                    <a:moveTo>
                      <a:pt x="1094963" y="166911"/>
                    </a:moveTo>
                    <a:cubicBezTo>
                      <a:pt x="1093467" y="165414"/>
                      <a:pt x="1093369" y="163007"/>
                      <a:pt x="1094768" y="161380"/>
                    </a:cubicBezTo>
                    <a:cubicBezTo>
                      <a:pt x="1096232" y="159688"/>
                      <a:pt x="1098802" y="159493"/>
                      <a:pt x="1100494" y="160957"/>
                    </a:cubicBezTo>
                    <a:cubicBezTo>
                      <a:pt x="1107359" y="166846"/>
                      <a:pt x="1114158" y="172962"/>
                      <a:pt x="1120762" y="179143"/>
                    </a:cubicBezTo>
                    <a:cubicBezTo>
                      <a:pt x="1122389" y="180640"/>
                      <a:pt x="1122487" y="183242"/>
                      <a:pt x="1120957" y="184869"/>
                    </a:cubicBezTo>
                    <a:cubicBezTo>
                      <a:pt x="1119428" y="186496"/>
                      <a:pt x="1116858" y="186593"/>
                      <a:pt x="1115232" y="185064"/>
                    </a:cubicBezTo>
                    <a:cubicBezTo>
                      <a:pt x="1108725" y="178980"/>
                      <a:pt x="1101991" y="172929"/>
                      <a:pt x="1095191" y="167106"/>
                    </a:cubicBezTo>
                    <a:cubicBezTo>
                      <a:pt x="1095126" y="167041"/>
                      <a:pt x="1095029" y="166976"/>
                      <a:pt x="1094963" y="166911"/>
                    </a:cubicBezTo>
                    <a:close/>
                    <a:moveTo>
                      <a:pt x="1152970" y="223290"/>
                    </a:moveTo>
                    <a:cubicBezTo>
                      <a:pt x="1152970" y="223290"/>
                      <a:pt x="1152872" y="223193"/>
                      <a:pt x="1152840" y="223160"/>
                    </a:cubicBezTo>
                    <a:cubicBezTo>
                      <a:pt x="1146821" y="216556"/>
                      <a:pt x="1140607" y="210017"/>
                      <a:pt x="1134329" y="203640"/>
                    </a:cubicBezTo>
                    <a:cubicBezTo>
                      <a:pt x="1132767" y="202046"/>
                      <a:pt x="1132767" y="199476"/>
                      <a:pt x="1134361" y="197882"/>
                    </a:cubicBezTo>
                    <a:cubicBezTo>
                      <a:pt x="1135955" y="196320"/>
                      <a:pt x="1138525" y="196255"/>
                      <a:pt x="1140119" y="197915"/>
                    </a:cubicBezTo>
                    <a:cubicBezTo>
                      <a:pt x="1146463" y="204356"/>
                      <a:pt x="1152775" y="210993"/>
                      <a:pt x="1158858" y="217662"/>
                    </a:cubicBezTo>
                    <a:cubicBezTo>
                      <a:pt x="1160355" y="219321"/>
                      <a:pt x="1160257" y="221891"/>
                      <a:pt x="1158598" y="223388"/>
                    </a:cubicBezTo>
                    <a:cubicBezTo>
                      <a:pt x="1156972" y="224852"/>
                      <a:pt x="1154532" y="224787"/>
                      <a:pt x="1153003" y="223258"/>
                    </a:cubicBezTo>
                    <a:close/>
                  </a:path>
                </a:pathLst>
              </a:custGeom>
              <a:solidFill>
                <a:schemeClr val="accent5"/>
              </a:solidFill>
              <a:ln w="0" cap="flat">
                <a:noFill/>
                <a:prstDash val="solid"/>
                <a:miter/>
              </a:ln>
            </p:spPr>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sp>
            <p:nvSpPr>
              <p:cNvPr id="74" name="Free-form: Shape 75">
                <a:extLst>
                  <a:ext uri="{FF2B5EF4-FFF2-40B4-BE49-F238E27FC236}">
                    <a16:creationId xmlns:a16="http://schemas.microsoft.com/office/drawing/2014/main" id="{385687E7-EB0F-E4B8-B5E1-65EA418C1EB0}"/>
                  </a:ext>
                </a:extLst>
              </p:cNvPr>
              <p:cNvSpPr/>
              <p:nvPr/>
            </p:nvSpPr>
            <p:spPr>
              <a:xfrm>
                <a:off x="3832802" y="2684755"/>
                <a:ext cx="900708" cy="900709"/>
              </a:xfrm>
              <a:custGeom>
                <a:avLst/>
                <a:gdLst>
                  <a:gd name="connsiteX0" fmla="*/ 900709 w 900708"/>
                  <a:gd name="connsiteY0" fmla="*/ 214100 h 900709"/>
                  <a:gd name="connsiteX1" fmla="*/ 866810 w 900708"/>
                  <a:gd name="connsiteY1" fmla="*/ 0 h 900709"/>
                  <a:gd name="connsiteX2" fmla="*/ 827412 w 900708"/>
                  <a:gd name="connsiteY2" fmla="*/ 39397 h 900709"/>
                  <a:gd name="connsiteX3" fmla="*/ 665138 w 900708"/>
                  <a:gd name="connsiteY3" fmla="*/ 665138 h 900709"/>
                  <a:gd name="connsiteX4" fmla="*/ 39398 w 900708"/>
                  <a:gd name="connsiteY4" fmla="*/ 827412 h 900709"/>
                  <a:gd name="connsiteX5" fmla="*/ 0 w 900708"/>
                  <a:gd name="connsiteY5" fmla="*/ 866810 h 900709"/>
                  <a:gd name="connsiteX6" fmla="*/ 214100 w 900708"/>
                  <a:gd name="connsiteY6" fmla="*/ 900709 h 900709"/>
                  <a:gd name="connsiteX7" fmla="*/ 699590 w 900708"/>
                  <a:gd name="connsiteY7" fmla="*/ 699623 h 900709"/>
                  <a:gd name="connsiteX8" fmla="*/ 900676 w 900708"/>
                  <a:gd name="connsiteY8" fmla="*/ 214132 h 9007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00708" h="900709">
                    <a:moveTo>
                      <a:pt x="900709" y="214100"/>
                    </a:moveTo>
                    <a:cubicBezTo>
                      <a:pt x="900709" y="140250"/>
                      <a:pt x="889127" y="68189"/>
                      <a:pt x="866810" y="0"/>
                    </a:cubicBezTo>
                    <a:lnTo>
                      <a:pt x="827412" y="39397"/>
                    </a:lnTo>
                    <a:cubicBezTo>
                      <a:pt x="888347" y="254701"/>
                      <a:pt x="834309" y="495998"/>
                      <a:pt x="665138" y="665138"/>
                    </a:cubicBezTo>
                    <a:cubicBezTo>
                      <a:pt x="495999" y="834277"/>
                      <a:pt x="254701" y="888347"/>
                      <a:pt x="39398" y="827412"/>
                    </a:cubicBezTo>
                    <a:lnTo>
                      <a:pt x="0" y="866810"/>
                    </a:lnTo>
                    <a:cubicBezTo>
                      <a:pt x="68222" y="889095"/>
                      <a:pt x="140250" y="900709"/>
                      <a:pt x="214100" y="900709"/>
                    </a:cubicBezTo>
                    <a:cubicBezTo>
                      <a:pt x="397489" y="900709"/>
                      <a:pt x="569913" y="829299"/>
                      <a:pt x="699590" y="699623"/>
                    </a:cubicBezTo>
                    <a:cubicBezTo>
                      <a:pt x="829267" y="569946"/>
                      <a:pt x="900676" y="397521"/>
                      <a:pt x="900676" y="214132"/>
                    </a:cubicBezTo>
                    <a:close/>
                  </a:path>
                </a:pathLst>
              </a:custGeom>
              <a:solidFill>
                <a:srgbClr val="4AB9D3"/>
              </a:solidFill>
              <a:ln w="0" cap="flat">
                <a:noFill/>
                <a:prstDash val="solid"/>
                <a:miter/>
              </a:ln>
            </p:spPr>
            <p:txBody>
              <a:bodyPr rtlCol="0" anchor="ct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grpSp>
      <p:sp>
        <p:nvSpPr>
          <p:cNvPr id="45" name="TextBox 32">
            <a:extLst>
              <a:ext uri="{FF2B5EF4-FFF2-40B4-BE49-F238E27FC236}">
                <a16:creationId xmlns:a16="http://schemas.microsoft.com/office/drawing/2014/main" id="{1E1E949B-B36A-0061-266E-354ED1FB8215}"/>
              </a:ext>
            </a:extLst>
          </p:cNvPr>
          <p:cNvSpPr txBox="1">
            <a:spLocks/>
          </p:cNvSpPr>
          <p:nvPr/>
        </p:nvSpPr>
        <p:spPr>
          <a:xfrm>
            <a:off x="6650008" y="2430651"/>
            <a:ext cx="1404000" cy="1315708"/>
          </a:xfrm>
          <a:prstGeom prst="rect">
            <a:avLst/>
          </a:prstGeom>
        </p:spPr>
        <p:txBody>
          <a:bodyPr vert="horz" wrap="square" lIns="0" tIns="0" rIns="0" bIns="0" rtlCol="0" anchor="t">
            <a:noAutofit/>
          </a:bodyPr>
          <a:lstStyle>
            <a:defPPr>
              <a:defRPr lang="en-US"/>
            </a:defPPr>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72000" eaLnBrk="0" fontAlgn="base" hangingPunct="0">
              <a:spcBef>
                <a:spcPct val="50000"/>
              </a:spcBef>
              <a:spcAft>
                <a:spcPct val="0"/>
              </a:spcAft>
              <a:buClr>
                <a:schemeClr val="tx2"/>
              </a:buClr>
            </a:pPr>
            <a:r>
              <a:rPr lang="da-DK" sz="900" b="1" noProof="0">
                <a:solidFill>
                  <a:srgbClr val="024D78"/>
                </a:solidFill>
              </a:rPr>
              <a:t>IKT-</a:t>
            </a:r>
            <a:r>
              <a:rPr lang="da-DK" sz="900" b="1" noProof="0" err="1">
                <a:solidFill>
                  <a:srgbClr val="024D78"/>
                </a:solidFill>
              </a:rPr>
              <a:t>governance</a:t>
            </a:r>
            <a:r>
              <a:rPr lang="da-DK" sz="900" b="1" noProof="0">
                <a:solidFill>
                  <a:srgbClr val="024D78"/>
                </a:solidFill>
              </a:rPr>
              <a:t> og </a:t>
            </a:r>
            <a:r>
              <a:rPr lang="da-DK" sz="900" b="1" noProof="0" err="1">
                <a:solidFill>
                  <a:srgbClr val="024D78"/>
                </a:solidFill>
              </a:rPr>
              <a:t>risikostrying</a:t>
            </a:r>
            <a:endParaRPr lang="da-DK" sz="900" b="1" noProof="0">
              <a:solidFill>
                <a:srgbClr val="024D78"/>
              </a:solidFill>
            </a:endParaRP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a:solidFill>
                  <a:schemeClr val="tx1"/>
                </a:solidFill>
              </a:rPr>
              <a:t>Fælles ramme for risikostyring for alle IKT-risici og implementering af relevante værktøjer</a:t>
            </a: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a:solidFill>
                  <a:schemeClr val="tx1"/>
                </a:solidFill>
              </a:rPr>
              <a:t>Etablering af proces for identifikation, dokumentation og vurdering af IKT-risici.</a:t>
            </a:r>
          </a:p>
        </p:txBody>
      </p:sp>
      <p:sp>
        <p:nvSpPr>
          <p:cNvPr id="46" name="TextBox 32">
            <a:extLst>
              <a:ext uri="{FF2B5EF4-FFF2-40B4-BE49-F238E27FC236}">
                <a16:creationId xmlns:a16="http://schemas.microsoft.com/office/drawing/2014/main" id="{A97F7E37-CBC4-2080-7CAE-7EEF61DA4DF4}"/>
              </a:ext>
            </a:extLst>
          </p:cNvPr>
          <p:cNvSpPr txBox="1">
            <a:spLocks/>
          </p:cNvSpPr>
          <p:nvPr/>
        </p:nvSpPr>
        <p:spPr>
          <a:xfrm>
            <a:off x="7634784" y="4308119"/>
            <a:ext cx="1404000" cy="1697792"/>
          </a:xfrm>
          <a:prstGeom prst="rect">
            <a:avLst/>
          </a:prstGeom>
        </p:spPr>
        <p:txBody>
          <a:bodyPr vert="horz" wrap="square" lIns="0" tIns="0" rIns="0" bIns="0" rtlCol="0" anchor="t">
            <a:noAutofit/>
          </a:bodyPr>
          <a:lstStyle>
            <a:defPPr>
              <a:defRPr lang="en-US"/>
            </a:defPPr>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72000" eaLnBrk="0" fontAlgn="base" hangingPunct="0">
              <a:spcBef>
                <a:spcPct val="50000"/>
              </a:spcBef>
              <a:spcAft>
                <a:spcPct val="0"/>
              </a:spcAft>
              <a:buClr>
                <a:schemeClr val="tx1"/>
              </a:buClr>
            </a:pPr>
            <a:r>
              <a:rPr lang="da-DK" sz="900" b="1" noProof="0">
                <a:solidFill>
                  <a:srgbClr val="0580A7"/>
                </a:solidFill>
              </a:rPr>
              <a:t>IKT-hændelses-rapportering</a:t>
            </a: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a:solidFill>
                  <a:srgbClr val="000000"/>
                </a:solidFill>
              </a:rPr>
              <a:t>Sikr et fuldstændigt overblik over hændelser på tværs af organisationen</a:t>
            </a: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a:solidFill>
                  <a:srgbClr val="000000"/>
                </a:solidFill>
              </a:rPr>
              <a:t>Hold styr på relevante rapporteringskrav</a:t>
            </a: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a:solidFill>
                  <a:srgbClr val="000000"/>
                </a:solidFill>
              </a:rPr>
              <a:t>Definer klare ansvarsområder for rapportering.</a:t>
            </a:r>
            <a:endParaRPr lang="da-DK" sz="800" b="0" noProof="0">
              <a:solidFill>
                <a:schemeClr val="tx1"/>
              </a:solidFill>
            </a:endParaRPr>
          </a:p>
        </p:txBody>
      </p:sp>
      <p:sp>
        <p:nvSpPr>
          <p:cNvPr id="48" name="TextBox 32">
            <a:extLst>
              <a:ext uri="{FF2B5EF4-FFF2-40B4-BE49-F238E27FC236}">
                <a16:creationId xmlns:a16="http://schemas.microsoft.com/office/drawing/2014/main" id="{1F15B871-FF7E-F10C-6FC6-F22C55C0BC10}"/>
              </a:ext>
            </a:extLst>
          </p:cNvPr>
          <p:cNvSpPr txBox="1">
            <a:spLocks/>
          </p:cNvSpPr>
          <p:nvPr/>
        </p:nvSpPr>
        <p:spPr>
          <a:xfrm>
            <a:off x="8687294" y="2430651"/>
            <a:ext cx="1404000" cy="1419350"/>
          </a:xfrm>
          <a:prstGeom prst="rect">
            <a:avLst/>
          </a:prstGeom>
        </p:spPr>
        <p:txBody>
          <a:bodyPr vert="horz" wrap="square" lIns="0" tIns="0" rIns="0" bIns="0" rtlCol="0" anchor="t">
            <a:noAutofit/>
          </a:bodyPr>
          <a:lstStyle>
            <a:defPPr>
              <a:defRPr lang="en-US"/>
            </a:defPPr>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72000" eaLnBrk="0" fontAlgn="base" hangingPunct="0">
              <a:spcBef>
                <a:spcPct val="50000"/>
              </a:spcBef>
              <a:spcAft>
                <a:spcPct val="0"/>
              </a:spcAft>
              <a:buClr>
                <a:schemeClr val="tx1"/>
              </a:buClr>
            </a:pPr>
            <a:r>
              <a:rPr lang="da-DK" sz="900" b="1" noProof="0">
                <a:solidFill>
                  <a:srgbClr val="4AB9D3"/>
                </a:solidFill>
              </a:rPr>
              <a:t>IKT-resilienstest, beredskab og </a:t>
            </a:r>
            <a:r>
              <a:rPr lang="da-DK" sz="900" b="1" noProof="0" err="1">
                <a:solidFill>
                  <a:srgbClr val="4AB9D3"/>
                </a:solidFill>
              </a:rPr>
              <a:t>mitigering</a:t>
            </a:r>
            <a:endParaRPr lang="da-DK" sz="900" b="1" noProof="0">
              <a:solidFill>
                <a:srgbClr val="4AB9D3"/>
              </a:solidFill>
            </a:endParaRP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a:solidFill>
                  <a:srgbClr val="000000"/>
                </a:solidFill>
              </a:rPr>
              <a:t>Udarbejd ramme for kontrol og test</a:t>
            </a: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a:solidFill>
                  <a:srgbClr val="000000"/>
                </a:solidFill>
              </a:rPr>
              <a:t>Dokument</a:t>
            </a:r>
            <a:r>
              <a:rPr lang="da-DK" sz="800" b="0" noProof="0" dirty="0">
                <a:solidFill>
                  <a:srgbClr val="000000"/>
                </a:solidFill>
              </a:rPr>
              <a:t>ér</a:t>
            </a:r>
            <a:r>
              <a:rPr lang="da-DK" sz="800" b="0" noProof="0">
                <a:solidFill>
                  <a:srgbClr val="000000"/>
                </a:solidFill>
              </a:rPr>
              <a:t> kontroller – især nøglekontroller</a:t>
            </a: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a:solidFill>
                  <a:srgbClr val="000000"/>
                </a:solidFill>
              </a:rPr>
              <a:t>Implementer systemer </a:t>
            </a:r>
            <a:br>
              <a:rPr lang="da-DK" sz="800" b="0" noProof="0" dirty="0">
                <a:solidFill>
                  <a:srgbClr val="000000"/>
                </a:solidFill>
              </a:rPr>
            </a:br>
            <a:r>
              <a:rPr lang="da-DK" sz="800" b="0" noProof="0">
                <a:solidFill>
                  <a:srgbClr val="000000"/>
                </a:solidFill>
              </a:rPr>
              <a:t>til at understøtte testaktiviteter.</a:t>
            </a:r>
            <a:endParaRPr lang="da-DK" sz="800" b="0" noProof="0">
              <a:solidFill>
                <a:schemeClr val="tx1"/>
              </a:solidFill>
            </a:endParaRPr>
          </a:p>
        </p:txBody>
      </p:sp>
      <p:sp>
        <p:nvSpPr>
          <p:cNvPr id="47" name="TextBox 32">
            <a:extLst>
              <a:ext uri="{FF2B5EF4-FFF2-40B4-BE49-F238E27FC236}">
                <a16:creationId xmlns:a16="http://schemas.microsoft.com/office/drawing/2014/main" id="{FA9C49FC-C8CE-1956-F760-A8166F7F39C1}"/>
              </a:ext>
            </a:extLst>
          </p:cNvPr>
          <p:cNvSpPr txBox="1">
            <a:spLocks/>
          </p:cNvSpPr>
          <p:nvPr/>
        </p:nvSpPr>
        <p:spPr>
          <a:xfrm>
            <a:off x="9730477" y="4308119"/>
            <a:ext cx="1404000" cy="1552654"/>
          </a:xfrm>
          <a:prstGeom prst="rect">
            <a:avLst/>
          </a:prstGeom>
        </p:spPr>
        <p:txBody>
          <a:bodyPr vert="horz" wrap="square" lIns="0" tIns="0" rIns="0" bIns="0" rtlCol="0" anchor="t">
            <a:noAutofit/>
          </a:bodyPr>
          <a:lstStyle>
            <a:defPPr>
              <a:defRPr lang="en-US"/>
            </a:defPPr>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72000" eaLnBrk="0" fontAlgn="base" hangingPunct="0">
              <a:spcBef>
                <a:spcPct val="50000"/>
              </a:spcBef>
              <a:spcAft>
                <a:spcPct val="0"/>
              </a:spcAft>
              <a:buClr>
                <a:schemeClr val="tx1"/>
              </a:buClr>
            </a:pPr>
            <a:r>
              <a:rPr lang="da-DK" sz="900" b="1" noProof="0">
                <a:solidFill>
                  <a:srgbClr val="64778A"/>
                </a:solidFill>
              </a:rPr>
              <a:t>IKT-tredjeparts-risikostyring</a:t>
            </a: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a:solidFill>
                  <a:srgbClr val="000000"/>
                </a:solidFill>
              </a:rPr>
              <a:t>Etabler risiko-klassifikationsprocesser for tredjepartsleverandører</a:t>
            </a: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a:solidFill>
                  <a:srgbClr val="000000"/>
                </a:solidFill>
              </a:rPr>
              <a:t>Udarbejd rammeværk for håndtering af tredjepartsrisici</a:t>
            </a: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a:solidFill>
                  <a:srgbClr val="000000"/>
                </a:solidFill>
              </a:rPr>
              <a:t>Implementér og udfør monitoreringsaktiviteter.</a:t>
            </a:r>
            <a:endParaRPr lang="da-DK" sz="800" b="0" noProof="0">
              <a:solidFill>
                <a:schemeClr val="tx1"/>
              </a:solidFill>
            </a:endParaRPr>
          </a:p>
        </p:txBody>
      </p:sp>
      <p:sp>
        <p:nvSpPr>
          <p:cNvPr id="49" name="TextBox 32">
            <a:extLst>
              <a:ext uri="{FF2B5EF4-FFF2-40B4-BE49-F238E27FC236}">
                <a16:creationId xmlns:a16="http://schemas.microsoft.com/office/drawing/2014/main" id="{37B04C8C-3E83-8DC6-029C-F7246FC082D3}"/>
              </a:ext>
            </a:extLst>
          </p:cNvPr>
          <p:cNvSpPr txBox="1">
            <a:spLocks/>
          </p:cNvSpPr>
          <p:nvPr/>
        </p:nvSpPr>
        <p:spPr>
          <a:xfrm>
            <a:off x="10518840" y="2430651"/>
            <a:ext cx="1404000" cy="999870"/>
          </a:xfrm>
          <a:prstGeom prst="rect">
            <a:avLst/>
          </a:prstGeom>
        </p:spPr>
        <p:txBody>
          <a:bodyPr vert="horz" wrap="square" lIns="0" tIns="0" rIns="0" bIns="0" rtlCol="0" anchor="t">
            <a:noAutofit/>
          </a:bodyPr>
          <a:lstStyle>
            <a:defPPr>
              <a:defRPr lang="en-US"/>
            </a:defPPr>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72000" eaLnBrk="0" fontAlgn="base" hangingPunct="0">
              <a:spcBef>
                <a:spcPct val="50000"/>
              </a:spcBef>
              <a:spcAft>
                <a:spcPct val="0"/>
              </a:spcAft>
              <a:buClr>
                <a:schemeClr val="tx1"/>
              </a:buClr>
            </a:pPr>
            <a:r>
              <a:rPr lang="da-DK" sz="900" b="1" noProof="0" dirty="0">
                <a:solidFill>
                  <a:srgbClr val="A2B3C9"/>
                </a:solidFill>
              </a:rPr>
              <a:t>Ordninger for informationsudveksling</a:t>
            </a:r>
            <a:endParaRPr lang="da-DK" sz="900" noProof="0" dirty="0">
              <a:solidFill>
                <a:srgbClr val="A2B3C9"/>
              </a:solidFill>
            </a:endParaRPr>
          </a:p>
          <a:p>
            <a:pPr marL="243450" indent="-171450" eaLnBrk="0" fontAlgn="base" hangingPunct="0">
              <a:spcBef>
                <a:spcPct val="50000"/>
              </a:spcBef>
              <a:spcAft>
                <a:spcPct val="0"/>
              </a:spcAft>
              <a:buClr>
                <a:schemeClr val="tx1"/>
              </a:buClr>
              <a:buFont typeface="Arial" panose="020B0604020202020204" pitchFamily="34" charset="0"/>
              <a:buChar char="•"/>
            </a:pPr>
            <a:r>
              <a:rPr lang="da-DK" sz="800" b="0" noProof="0" dirty="0">
                <a:solidFill>
                  <a:srgbClr val="000000"/>
                </a:solidFill>
              </a:rPr>
              <a:t>Definér klare retningslinjer for, hvilken type information der skal deles.</a:t>
            </a:r>
            <a:endParaRPr lang="da-DK" sz="800" b="0" noProof="0" dirty="0">
              <a:solidFill>
                <a:schemeClr val="tx1"/>
              </a:solidFill>
            </a:endParaRPr>
          </a:p>
        </p:txBody>
      </p:sp>
      <p:cxnSp>
        <p:nvCxnSpPr>
          <p:cNvPr id="53" name="Straight Connector 52">
            <a:extLst>
              <a:ext uri="{FF2B5EF4-FFF2-40B4-BE49-F238E27FC236}">
                <a16:creationId xmlns:a16="http://schemas.microsoft.com/office/drawing/2014/main" id="{47449806-867D-B701-7284-A5247E026477}"/>
              </a:ext>
              <a:ext uri="{C183D7F6-B498-43B3-948B-1728B52AA6E4}">
                <adec:decorative xmlns:adec="http://schemas.microsoft.com/office/drawing/2017/decorative" val="1"/>
              </a:ext>
            </a:extLst>
          </p:cNvPr>
          <p:cNvCxnSpPr>
            <a:cxnSpLocks/>
          </p:cNvCxnSpPr>
          <p:nvPr/>
        </p:nvCxnSpPr>
        <p:spPr>
          <a:xfrm flipV="1">
            <a:off x="9668259" y="3915058"/>
            <a:ext cx="299314" cy="231527"/>
          </a:xfrm>
          <a:prstGeom prst="line">
            <a:avLst/>
          </a:prstGeom>
          <a:ln w="6350">
            <a:solidFill>
              <a:schemeClr val="tx1"/>
            </a:solidFill>
            <a:prstDash val="sysDash"/>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0B1F87D6-9D33-A012-213D-39F4A58F7ADB}"/>
              </a:ext>
              <a:ext uri="{C183D7F6-B498-43B3-948B-1728B52AA6E4}">
                <adec:decorative xmlns:adec="http://schemas.microsoft.com/office/drawing/2017/decorative" val="1"/>
              </a:ext>
            </a:extLst>
          </p:cNvPr>
          <p:cNvCxnSpPr>
            <a:cxnSpLocks/>
          </p:cNvCxnSpPr>
          <p:nvPr/>
        </p:nvCxnSpPr>
        <p:spPr>
          <a:xfrm>
            <a:off x="10709411" y="3921234"/>
            <a:ext cx="298901" cy="230400"/>
          </a:xfrm>
          <a:prstGeom prst="line">
            <a:avLst/>
          </a:prstGeom>
          <a:ln w="6350">
            <a:solidFill>
              <a:schemeClr val="tx1"/>
            </a:solidFill>
            <a:prstDash val="sysDash"/>
          </a:ln>
        </p:spPr>
        <p:style>
          <a:lnRef idx="1">
            <a:schemeClr val="accent1"/>
          </a:lnRef>
          <a:fillRef idx="0">
            <a:schemeClr val="accent1"/>
          </a:fillRef>
          <a:effectRef idx="0">
            <a:schemeClr val="accent1"/>
          </a:effectRef>
          <a:fontRef idx="minor">
            <a:schemeClr val="tx1"/>
          </a:fontRef>
        </p:style>
      </p:cxnSp>
      <p:grpSp>
        <p:nvGrpSpPr>
          <p:cNvPr id="93" name="Group 92">
            <a:extLst>
              <a:ext uri="{FF2B5EF4-FFF2-40B4-BE49-F238E27FC236}">
                <a16:creationId xmlns:a16="http://schemas.microsoft.com/office/drawing/2014/main" id="{E67C224A-AF39-3ECC-B965-DE27E1431CEE}"/>
              </a:ext>
              <a:ext uri="{C183D7F6-B498-43B3-948B-1728B52AA6E4}">
                <adec:decorative xmlns:adec="http://schemas.microsoft.com/office/drawing/2017/decorative" val="1"/>
              </a:ext>
            </a:extLst>
          </p:cNvPr>
          <p:cNvGrpSpPr/>
          <p:nvPr/>
        </p:nvGrpSpPr>
        <p:grpSpPr>
          <a:xfrm>
            <a:off x="6927729" y="4036434"/>
            <a:ext cx="669874" cy="669874"/>
            <a:chOff x="7679483" y="3072215"/>
            <a:chExt cx="669874" cy="669874"/>
          </a:xfrm>
        </p:grpSpPr>
        <p:grpSp>
          <p:nvGrpSpPr>
            <p:cNvPr id="50" name="Group 49">
              <a:extLst>
                <a:ext uri="{FF2B5EF4-FFF2-40B4-BE49-F238E27FC236}">
                  <a16:creationId xmlns:a16="http://schemas.microsoft.com/office/drawing/2014/main" id="{D343C215-86C5-4018-9079-294A25512A2F}"/>
                </a:ext>
              </a:extLst>
            </p:cNvPr>
            <p:cNvGrpSpPr/>
            <p:nvPr/>
          </p:nvGrpSpPr>
          <p:grpSpPr>
            <a:xfrm>
              <a:off x="7679483" y="3072215"/>
              <a:ext cx="669874" cy="669874"/>
              <a:chOff x="1381099" y="2878716"/>
              <a:chExt cx="1440000" cy="1440000"/>
            </a:xfrm>
          </p:grpSpPr>
          <p:sp>
            <p:nvSpPr>
              <p:cNvPr id="61" name="Free-form: Shape 51">
                <a:extLst>
                  <a:ext uri="{FF2B5EF4-FFF2-40B4-BE49-F238E27FC236}">
                    <a16:creationId xmlns:a16="http://schemas.microsoft.com/office/drawing/2014/main" id="{BBE116E9-3012-4508-DE9C-1A6480DB8CBC}"/>
                  </a:ext>
                </a:extLst>
              </p:cNvPr>
              <p:cNvSpPr/>
              <p:nvPr/>
            </p:nvSpPr>
            <p:spPr>
              <a:xfrm rot="18900000">
                <a:off x="1489384" y="2979594"/>
                <a:ext cx="1203210" cy="1203194"/>
              </a:xfrm>
              <a:custGeom>
                <a:avLst/>
                <a:gdLst>
                  <a:gd name="connsiteX0" fmla="*/ 1130392 w 1130392"/>
                  <a:gd name="connsiteY0" fmla="*/ 565196 h 1130392"/>
                  <a:gd name="connsiteX1" fmla="*/ 565196 w 1130392"/>
                  <a:gd name="connsiteY1" fmla="*/ 1130393 h 1130392"/>
                  <a:gd name="connsiteX2" fmla="*/ 0 w 1130392"/>
                  <a:gd name="connsiteY2" fmla="*/ 565196 h 1130392"/>
                  <a:gd name="connsiteX3" fmla="*/ 565196 w 1130392"/>
                  <a:gd name="connsiteY3" fmla="*/ 0 h 1130392"/>
                  <a:gd name="connsiteX4" fmla="*/ 1130392 w 1130392"/>
                  <a:gd name="connsiteY4" fmla="*/ 565196 h 11303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0392" h="1130392">
                    <a:moveTo>
                      <a:pt x="1130392" y="565196"/>
                    </a:moveTo>
                    <a:cubicBezTo>
                      <a:pt x="1130392" y="877346"/>
                      <a:pt x="877346" y="1130393"/>
                      <a:pt x="565196" y="1130393"/>
                    </a:cubicBezTo>
                    <a:cubicBezTo>
                      <a:pt x="253047" y="1130393"/>
                      <a:pt x="0" y="877346"/>
                      <a:pt x="0" y="565196"/>
                    </a:cubicBezTo>
                    <a:cubicBezTo>
                      <a:pt x="0" y="253047"/>
                      <a:pt x="253047" y="0"/>
                      <a:pt x="565196" y="0"/>
                    </a:cubicBezTo>
                    <a:cubicBezTo>
                      <a:pt x="877346" y="0"/>
                      <a:pt x="1130392" y="253047"/>
                      <a:pt x="1130392" y="565196"/>
                    </a:cubicBezTo>
                    <a:close/>
                  </a:path>
                </a:pathLst>
              </a:custGeom>
              <a:solidFill>
                <a:srgbClr val="024D78"/>
              </a:solidFill>
              <a:ln w="0" cap="flat">
                <a:noFill/>
                <a:prstDash val="solid"/>
                <a:miter/>
              </a:ln>
            </p:spPr>
            <p:txBody>
              <a:bodyPr rtlCol="0" anchor="ct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nvGrpSpPr>
              <p:cNvPr id="62" name="Group 61">
                <a:extLst>
                  <a:ext uri="{FF2B5EF4-FFF2-40B4-BE49-F238E27FC236}">
                    <a16:creationId xmlns:a16="http://schemas.microsoft.com/office/drawing/2014/main" id="{1AB720BA-FBD7-9189-E96F-078874527D8D}"/>
                  </a:ext>
                </a:extLst>
              </p:cNvPr>
              <p:cNvGrpSpPr/>
              <p:nvPr/>
            </p:nvGrpSpPr>
            <p:grpSpPr>
              <a:xfrm>
                <a:off x="1381099" y="2878716"/>
                <a:ext cx="1440000" cy="1440000"/>
                <a:chOff x="1381099" y="2878716"/>
                <a:chExt cx="1440000" cy="1440000"/>
              </a:xfrm>
            </p:grpSpPr>
            <p:sp>
              <p:nvSpPr>
                <p:cNvPr id="63" name="Free-form: Shape 58">
                  <a:extLst>
                    <a:ext uri="{FF2B5EF4-FFF2-40B4-BE49-F238E27FC236}">
                      <a16:creationId xmlns:a16="http://schemas.microsoft.com/office/drawing/2014/main" id="{28CB4B30-0C71-5C87-3504-EBA526C6592C}"/>
                    </a:ext>
                  </a:extLst>
                </p:cNvPr>
                <p:cNvSpPr/>
                <p:nvPr/>
              </p:nvSpPr>
              <p:spPr>
                <a:xfrm>
                  <a:off x="1381099" y="2878716"/>
                  <a:ext cx="1418358" cy="1418287"/>
                </a:xfrm>
                <a:custGeom>
                  <a:avLst/>
                  <a:gdLst>
                    <a:gd name="connsiteX0" fmla="*/ 195133 w 1332519"/>
                    <a:gd name="connsiteY0" fmla="*/ 1137371 h 1332470"/>
                    <a:gd name="connsiteX1" fmla="*/ 187781 w 1332519"/>
                    <a:gd name="connsiteY1" fmla="*/ 1129921 h 1332470"/>
                    <a:gd name="connsiteX2" fmla="*/ 187878 w 1332519"/>
                    <a:gd name="connsiteY2" fmla="*/ 1124162 h 1332470"/>
                    <a:gd name="connsiteX3" fmla="*/ 193636 w 1332519"/>
                    <a:gd name="connsiteY3" fmla="*/ 1124260 h 1332470"/>
                    <a:gd name="connsiteX4" fmla="*/ 212766 w 1332519"/>
                    <a:gd name="connsiteY4" fmla="*/ 1143194 h 1332470"/>
                    <a:gd name="connsiteX5" fmla="*/ 212896 w 1332519"/>
                    <a:gd name="connsiteY5" fmla="*/ 1148952 h 1332470"/>
                    <a:gd name="connsiteX6" fmla="*/ 207170 w 1332519"/>
                    <a:gd name="connsiteY6" fmla="*/ 1149082 h 1332470"/>
                    <a:gd name="connsiteX7" fmla="*/ 195166 w 1332519"/>
                    <a:gd name="connsiteY7" fmla="*/ 1137371 h 1332470"/>
                    <a:gd name="connsiteX8" fmla="*/ 169562 w 1332519"/>
                    <a:gd name="connsiteY8" fmla="*/ 1110336 h 1332470"/>
                    <a:gd name="connsiteX9" fmla="*/ 169399 w 1332519"/>
                    <a:gd name="connsiteY9" fmla="*/ 1110173 h 1332470"/>
                    <a:gd name="connsiteX10" fmla="*/ 151669 w 1332519"/>
                    <a:gd name="connsiteY10" fmla="*/ 1089514 h 1332470"/>
                    <a:gd name="connsiteX11" fmla="*/ 152222 w 1332519"/>
                    <a:gd name="connsiteY11" fmla="*/ 1083789 h 1332470"/>
                    <a:gd name="connsiteX12" fmla="*/ 157948 w 1332519"/>
                    <a:gd name="connsiteY12" fmla="*/ 1084342 h 1332470"/>
                    <a:gd name="connsiteX13" fmla="*/ 175483 w 1332519"/>
                    <a:gd name="connsiteY13" fmla="*/ 1104740 h 1332470"/>
                    <a:gd name="connsiteX14" fmla="*/ 175158 w 1332519"/>
                    <a:gd name="connsiteY14" fmla="*/ 1110466 h 1332470"/>
                    <a:gd name="connsiteX15" fmla="*/ 169595 w 1332519"/>
                    <a:gd name="connsiteY15" fmla="*/ 1110303 h 1332470"/>
                    <a:gd name="connsiteX16" fmla="*/ 226853 w 1332519"/>
                    <a:gd name="connsiteY16" fmla="*/ 1167073 h 1332470"/>
                    <a:gd name="connsiteX17" fmla="*/ 226690 w 1332519"/>
                    <a:gd name="connsiteY17" fmla="*/ 1161510 h 1332470"/>
                    <a:gd name="connsiteX18" fmla="*/ 232416 w 1332519"/>
                    <a:gd name="connsiteY18" fmla="*/ 1161152 h 1332470"/>
                    <a:gd name="connsiteX19" fmla="*/ 252977 w 1332519"/>
                    <a:gd name="connsiteY19" fmla="*/ 1178492 h 1332470"/>
                    <a:gd name="connsiteX20" fmla="*/ 253595 w 1332519"/>
                    <a:gd name="connsiteY20" fmla="*/ 1184218 h 1332470"/>
                    <a:gd name="connsiteX21" fmla="*/ 247869 w 1332519"/>
                    <a:gd name="connsiteY21" fmla="*/ 1184804 h 1332470"/>
                    <a:gd name="connsiteX22" fmla="*/ 227048 w 1332519"/>
                    <a:gd name="connsiteY22" fmla="*/ 1167268 h 1332470"/>
                    <a:gd name="connsiteX23" fmla="*/ 226853 w 1332519"/>
                    <a:gd name="connsiteY23" fmla="*/ 1167073 h 1332470"/>
                    <a:gd name="connsiteX24" fmla="*/ 135305 w 1332519"/>
                    <a:gd name="connsiteY24" fmla="*/ 1068791 h 1332470"/>
                    <a:gd name="connsiteX25" fmla="*/ 134947 w 1332519"/>
                    <a:gd name="connsiteY25" fmla="*/ 1068368 h 1332470"/>
                    <a:gd name="connsiteX26" fmla="*/ 118941 w 1332519"/>
                    <a:gd name="connsiteY26" fmla="*/ 1046343 h 1332470"/>
                    <a:gd name="connsiteX27" fmla="*/ 119949 w 1332519"/>
                    <a:gd name="connsiteY27" fmla="*/ 1040682 h 1332470"/>
                    <a:gd name="connsiteX28" fmla="*/ 125610 w 1332519"/>
                    <a:gd name="connsiteY28" fmla="*/ 1041691 h 1332470"/>
                    <a:gd name="connsiteX29" fmla="*/ 141421 w 1332519"/>
                    <a:gd name="connsiteY29" fmla="*/ 1063456 h 1332470"/>
                    <a:gd name="connsiteX30" fmla="*/ 140640 w 1332519"/>
                    <a:gd name="connsiteY30" fmla="*/ 1069149 h 1332470"/>
                    <a:gd name="connsiteX31" fmla="*/ 135305 w 1332519"/>
                    <a:gd name="connsiteY31" fmla="*/ 1068791 h 1332470"/>
                    <a:gd name="connsiteX32" fmla="*/ 268723 w 1332519"/>
                    <a:gd name="connsiteY32" fmla="*/ 1200973 h 1332470"/>
                    <a:gd name="connsiteX33" fmla="*/ 268332 w 1332519"/>
                    <a:gd name="connsiteY33" fmla="*/ 1195670 h 1332470"/>
                    <a:gd name="connsiteX34" fmla="*/ 274026 w 1332519"/>
                    <a:gd name="connsiteY34" fmla="*/ 1194824 h 1332470"/>
                    <a:gd name="connsiteX35" fmla="*/ 295920 w 1332519"/>
                    <a:gd name="connsiteY35" fmla="*/ 1210440 h 1332470"/>
                    <a:gd name="connsiteX36" fmla="*/ 296994 w 1332519"/>
                    <a:gd name="connsiteY36" fmla="*/ 1216068 h 1332470"/>
                    <a:gd name="connsiteX37" fmla="*/ 291366 w 1332519"/>
                    <a:gd name="connsiteY37" fmla="*/ 1217142 h 1332470"/>
                    <a:gd name="connsiteX38" fmla="*/ 269178 w 1332519"/>
                    <a:gd name="connsiteY38" fmla="*/ 1201330 h 1332470"/>
                    <a:gd name="connsiteX39" fmla="*/ 268723 w 1332519"/>
                    <a:gd name="connsiteY39" fmla="*/ 1200940 h 1332470"/>
                    <a:gd name="connsiteX40" fmla="*/ 104529 w 1332519"/>
                    <a:gd name="connsiteY40" fmla="*/ 1024611 h 1332470"/>
                    <a:gd name="connsiteX41" fmla="*/ 103976 w 1332519"/>
                    <a:gd name="connsiteY41" fmla="*/ 1023928 h 1332470"/>
                    <a:gd name="connsiteX42" fmla="*/ 89824 w 1332519"/>
                    <a:gd name="connsiteY42" fmla="*/ 1000667 h 1332470"/>
                    <a:gd name="connsiteX43" fmla="*/ 91288 w 1332519"/>
                    <a:gd name="connsiteY43" fmla="*/ 995104 h 1332470"/>
                    <a:gd name="connsiteX44" fmla="*/ 96851 w 1332519"/>
                    <a:gd name="connsiteY44" fmla="*/ 996568 h 1332470"/>
                    <a:gd name="connsiteX45" fmla="*/ 110840 w 1332519"/>
                    <a:gd name="connsiteY45" fmla="*/ 1019536 h 1332470"/>
                    <a:gd name="connsiteX46" fmla="*/ 109604 w 1332519"/>
                    <a:gd name="connsiteY46" fmla="*/ 1025132 h 1332470"/>
                    <a:gd name="connsiteX47" fmla="*/ 104561 w 1332519"/>
                    <a:gd name="connsiteY47" fmla="*/ 1024579 h 1332470"/>
                    <a:gd name="connsiteX48" fmla="*/ 313195 w 1332519"/>
                    <a:gd name="connsiteY48" fmla="*/ 1231326 h 1332470"/>
                    <a:gd name="connsiteX49" fmla="*/ 312610 w 1332519"/>
                    <a:gd name="connsiteY49" fmla="*/ 1226316 h 1332470"/>
                    <a:gd name="connsiteX50" fmla="*/ 318205 w 1332519"/>
                    <a:gd name="connsiteY50" fmla="*/ 1225014 h 1332470"/>
                    <a:gd name="connsiteX51" fmla="*/ 341304 w 1332519"/>
                    <a:gd name="connsiteY51" fmla="*/ 1238776 h 1332470"/>
                    <a:gd name="connsiteX52" fmla="*/ 342833 w 1332519"/>
                    <a:gd name="connsiteY52" fmla="*/ 1244307 h 1332470"/>
                    <a:gd name="connsiteX53" fmla="*/ 337302 w 1332519"/>
                    <a:gd name="connsiteY53" fmla="*/ 1245836 h 1332470"/>
                    <a:gd name="connsiteX54" fmla="*/ 313911 w 1332519"/>
                    <a:gd name="connsiteY54" fmla="*/ 1231912 h 1332470"/>
                    <a:gd name="connsiteX55" fmla="*/ 313195 w 1332519"/>
                    <a:gd name="connsiteY55" fmla="*/ 1231326 h 1332470"/>
                    <a:gd name="connsiteX56" fmla="*/ 77461 w 1332519"/>
                    <a:gd name="connsiteY56" fmla="*/ 978024 h 1332470"/>
                    <a:gd name="connsiteX57" fmla="*/ 76745 w 1332519"/>
                    <a:gd name="connsiteY57" fmla="*/ 977048 h 1332470"/>
                    <a:gd name="connsiteX58" fmla="*/ 64513 w 1332519"/>
                    <a:gd name="connsiteY58" fmla="*/ 952648 h 1332470"/>
                    <a:gd name="connsiteX59" fmla="*/ 66432 w 1332519"/>
                    <a:gd name="connsiteY59" fmla="*/ 947248 h 1332470"/>
                    <a:gd name="connsiteX60" fmla="*/ 71833 w 1332519"/>
                    <a:gd name="connsiteY60" fmla="*/ 949167 h 1332470"/>
                    <a:gd name="connsiteX61" fmla="*/ 83935 w 1332519"/>
                    <a:gd name="connsiteY61" fmla="*/ 973274 h 1332470"/>
                    <a:gd name="connsiteX62" fmla="*/ 82243 w 1332519"/>
                    <a:gd name="connsiteY62" fmla="*/ 978772 h 1332470"/>
                    <a:gd name="connsiteX63" fmla="*/ 77494 w 1332519"/>
                    <a:gd name="connsiteY63" fmla="*/ 978056 h 1332470"/>
                    <a:gd name="connsiteX64" fmla="*/ 360043 w 1332519"/>
                    <a:gd name="connsiteY64" fmla="*/ 1257938 h 1332470"/>
                    <a:gd name="connsiteX65" fmla="*/ 359295 w 1332519"/>
                    <a:gd name="connsiteY65" fmla="*/ 1253221 h 1332470"/>
                    <a:gd name="connsiteX66" fmla="*/ 364760 w 1332519"/>
                    <a:gd name="connsiteY66" fmla="*/ 1251464 h 1332470"/>
                    <a:gd name="connsiteX67" fmla="*/ 388900 w 1332519"/>
                    <a:gd name="connsiteY67" fmla="*/ 1263306 h 1332470"/>
                    <a:gd name="connsiteX68" fmla="*/ 390884 w 1332519"/>
                    <a:gd name="connsiteY68" fmla="*/ 1268706 h 1332470"/>
                    <a:gd name="connsiteX69" fmla="*/ 385484 w 1332519"/>
                    <a:gd name="connsiteY69" fmla="*/ 1270691 h 1332470"/>
                    <a:gd name="connsiteX70" fmla="*/ 361019 w 1332519"/>
                    <a:gd name="connsiteY70" fmla="*/ 1258719 h 1332470"/>
                    <a:gd name="connsiteX71" fmla="*/ 360010 w 1332519"/>
                    <a:gd name="connsiteY71" fmla="*/ 1257970 h 1332470"/>
                    <a:gd name="connsiteX72" fmla="*/ 54265 w 1332519"/>
                    <a:gd name="connsiteY72" fmla="*/ 929257 h 1332470"/>
                    <a:gd name="connsiteX73" fmla="*/ 53419 w 1332519"/>
                    <a:gd name="connsiteY73" fmla="*/ 927988 h 1332470"/>
                    <a:gd name="connsiteX74" fmla="*/ 43236 w 1332519"/>
                    <a:gd name="connsiteY74" fmla="*/ 902677 h 1332470"/>
                    <a:gd name="connsiteX75" fmla="*/ 45611 w 1332519"/>
                    <a:gd name="connsiteY75" fmla="*/ 897440 h 1332470"/>
                    <a:gd name="connsiteX76" fmla="*/ 50849 w 1332519"/>
                    <a:gd name="connsiteY76" fmla="*/ 899782 h 1332470"/>
                    <a:gd name="connsiteX77" fmla="*/ 60902 w 1332519"/>
                    <a:gd name="connsiteY77" fmla="*/ 924800 h 1332470"/>
                    <a:gd name="connsiteX78" fmla="*/ 58755 w 1332519"/>
                    <a:gd name="connsiteY78" fmla="*/ 930135 h 1332470"/>
                    <a:gd name="connsiteX79" fmla="*/ 54298 w 1332519"/>
                    <a:gd name="connsiteY79" fmla="*/ 929257 h 1332470"/>
                    <a:gd name="connsiteX80" fmla="*/ 408907 w 1332519"/>
                    <a:gd name="connsiteY80" fmla="*/ 1280613 h 1332470"/>
                    <a:gd name="connsiteX81" fmla="*/ 408029 w 1332519"/>
                    <a:gd name="connsiteY81" fmla="*/ 1276189 h 1332470"/>
                    <a:gd name="connsiteX82" fmla="*/ 413332 w 1332519"/>
                    <a:gd name="connsiteY82" fmla="*/ 1274009 h 1332470"/>
                    <a:gd name="connsiteX83" fmla="*/ 438317 w 1332519"/>
                    <a:gd name="connsiteY83" fmla="*/ 1283802 h 1332470"/>
                    <a:gd name="connsiteX84" fmla="*/ 440725 w 1332519"/>
                    <a:gd name="connsiteY84" fmla="*/ 1289007 h 1332470"/>
                    <a:gd name="connsiteX85" fmla="*/ 435519 w 1332519"/>
                    <a:gd name="connsiteY85" fmla="*/ 1291414 h 1332470"/>
                    <a:gd name="connsiteX86" fmla="*/ 410241 w 1332519"/>
                    <a:gd name="connsiteY86" fmla="*/ 1281492 h 1332470"/>
                    <a:gd name="connsiteX87" fmla="*/ 408940 w 1332519"/>
                    <a:gd name="connsiteY87" fmla="*/ 1280613 h 1332470"/>
                    <a:gd name="connsiteX88" fmla="*/ 35103 w 1332519"/>
                    <a:gd name="connsiteY88" fmla="*/ 878831 h 1332470"/>
                    <a:gd name="connsiteX89" fmla="*/ 34127 w 1332519"/>
                    <a:gd name="connsiteY89" fmla="*/ 877237 h 1332470"/>
                    <a:gd name="connsiteX90" fmla="*/ 26059 w 1332519"/>
                    <a:gd name="connsiteY90" fmla="*/ 851178 h 1332470"/>
                    <a:gd name="connsiteX91" fmla="*/ 28824 w 1332519"/>
                    <a:gd name="connsiteY91" fmla="*/ 846135 h 1332470"/>
                    <a:gd name="connsiteX92" fmla="*/ 33867 w 1332519"/>
                    <a:gd name="connsiteY92" fmla="*/ 848900 h 1332470"/>
                    <a:gd name="connsiteX93" fmla="*/ 41837 w 1332519"/>
                    <a:gd name="connsiteY93" fmla="*/ 874634 h 1332470"/>
                    <a:gd name="connsiteX94" fmla="*/ 39267 w 1332519"/>
                    <a:gd name="connsiteY94" fmla="*/ 879774 h 1332470"/>
                    <a:gd name="connsiteX95" fmla="*/ 35103 w 1332519"/>
                    <a:gd name="connsiteY95" fmla="*/ 878798 h 1332470"/>
                    <a:gd name="connsiteX96" fmla="*/ 459301 w 1332519"/>
                    <a:gd name="connsiteY96" fmla="*/ 1299255 h 1332470"/>
                    <a:gd name="connsiteX97" fmla="*/ 458293 w 1332519"/>
                    <a:gd name="connsiteY97" fmla="*/ 1295123 h 1332470"/>
                    <a:gd name="connsiteX98" fmla="*/ 463400 w 1332519"/>
                    <a:gd name="connsiteY98" fmla="*/ 1292520 h 1332470"/>
                    <a:gd name="connsiteX99" fmla="*/ 489101 w 1332519"/>
                    <a:gd name="connsiteY99" fmla="*/ 1300263 h 1332470"/>
                    <a:gd name="connsiteX100" fmla="*/ 491932 w 1332519"/>
                    <a:gd name="connsiteY100" fmla="*/ 1305273 h 1332470"/>
                    <a:gd name="connsiteX101" fmla="*/ 486922 w 1332519"/>
                    <a:gd name="connsiteY101" fmla="*/ 1308104 h 1332470"/>
                    <a:gd name="connsiteX102" fmla="*/ 460895 w 1332519"/>
                    <a:gd name="connsiteY102" fmla="*/ 1300263 h 1332470"/>
                    <a:gd name="connsiteX103" fmla="*/ 459269 w 1332519"/>
                    <a:gd name="connsiteY103" fmla="*/ 1299287 h 1332470"/>
                    <a:gd name="connsiteX104" fmla="*/ 20170 w 1332519"/>
                    <a:gd name="connsiteY104" fmla="*/ 826973 h 1332470"/>
                    <a:gd name="connsiteX105" fmla="*/ 19097 w 1332519"/>
                    <a:gd name="connsiteY105" fmla="*/ 825054 h 1332470"/>
                    <a:gd name="connsiteX106" fmla="*/ 13176 w 1332519"/>
                    <a:gd name="connsiteY106" fmla="*/ 798442 h 1332470"/>
                    <a:gd name="connsiteX107" fmla="*/ 16364 w 1332519"/>
                    <a:gd name="connsiteY107" fmla="*/ 793659 h 1332470"/>
                    <a:gd name="connsiteX108" fmla="*/ 21146 w 1332519"/>
                    <a:gd name="connsiteY108" fmla="*/ 796847 h 1332470"/>
                    <a:gd name="connsiteX109" fmla="*/ 27002 w 1332519"/>
                    <a:gd name="connsiteY109" fmla="*/ 823134 h 1332470"/>
                    <a:gd name="connsiteX110" fmla="*/ 24009 w 1332519"/>
                    <a:gd name="connsiteY110" fmla="*/ 828047 h 1332470"/>
                    <a:gd name="connsiteX111" fmla="*/ 20170 w 1332519"/>
                    <a:gd name="connsiteY111" fmla="*/ 826973 h 1332470"/>
                    <a:gd name="connsiteX112" fmla="*/ 511094 w 1332519"/>
                    <a:gd name="connsiteY112" fmla="*/ 1313667 h 1332470"/>
                    <a:gd name="connsiteX113" fmla="*/ 510020 w 1332519"/>
                    <a:gd name="connsiteY113" fmla="*/ 1309861 h 1332470"/>
                    <a:gd name="connsiteX114" fmla="*/ 514900 w 1332519"/>
                    <a:gd name="connsiteY114" fmla="*/ 1306835 h 1332470"/>
                    <a:gd name="connsiteX115" fmla="*/ 541187 w 1332519"/>
                    <a:gd name="connsiteY115" fmla="*/ 1312463 h 1332470"/>
                    <a:gd name="connsiteX116" fmla="*/ 544407 w 1332519"/>
                    <a:gd name="connsiteY116" fmla="*/ 1317213 h 1332470"/>
                    <a:gd name="connsiteX117" fmla="*/ 539658 w 1332519"/>
                    <a:gd name="connsiteY117" fmla="*/ 1320434 h 1332470"/>
                    <a:gd name="connsiteX118" fmla="*/ 513046 w 1332519"/>
                    <a:gd name="connsiteY118" fmla="*/ 1314741 h 1332470"/>
                    <a:gd name="connsiteX119" fmla="*/ 511094 w 1332519"/>
                    <a:gd name="connsiteY119" fmla="*/ 1313667 h 1332470"/>
                    <a:gd name="connsiteX120" fmla="*/ 9500 w 1332519"/>
                    <a:gd name="connsiteY120" fmla="*/ 774139 h 1332470"/>
                    <a:gd name="connsiteX121" fmla="*/ 8361 w 1332519"/>
                    <a:gd name="connsiteY121" fmla="*/ 771927 h 1332470"/>
                    <a:gd name="connsiteX122" fmla="*/ 4620 w 1332519"/>
                    <a:gd name="connsiteY122" fmla="*/ 744925 h 1332470"/>
                    <a:gd name="connsiteX123" fmla="*/ 8166 w 1332519"/>
                    <a:gd name="connsiteY123" fmla="*/ 740403 h 1332470"/>
                    <a:gd name="connsiteX124" fmla="*/ 12688 w 1332519"/>
                    <a:gd name="connsiteY124" fmla="*/ 743949 h 1332470"/>
                    <a:gd name="connsiteX125" fmla="*/ 16397 w 1332519"/>
                    <a:gd name="connsiteY125" fmla="*/ 770626 h 1332470"/>
                    <a:gd name="connsiteX126" fmla="*/ 13013 w 1332519"/>
                    <a:gd name="connsiteY126" fmla="*/ 775278 h 1332470"/>
                    <a:gd name="connsiteX127" fmla="*/ 9500 w 1332519"/>
                    <a:gd name="connsiteY127" fmla="*/ 774139 h 1332470"/>
                    <a:gd name="connsiteX128" fmla="*/ 563895 w 1332519"/>
                    <a:gd name="connsiteY128" fmla="*/ 1323882 h 1332470"/>
                    <a:gd name="connsiteX129" fmla="*/ 562756 w 1332519"/>
                    <a:gd name="connsiteY129" fmla="*/ 1320401 h 1332470"/>
                    <a:gd name="connsiteX130" fmla="*/ 567376 w 1332519"/>
                    <a:gd name="connsiteY130" fmla="*/ 1316985 h 1332470"/>
                    <a:gd name="connsiteX131" fmla="*/ 594020 w 1332519"/>
                    <a:gd name="connsiteY131" fmla="*/ 1320466 h 1332470"/>
                    <a:gd name="connsiteX132" fmla="*/ 597599 w 1332519"/>
                    <a:gd name="connsiteY132" fmla="*/ 1324956 h 1332470"/>
                    <a:gd name="connsiteX133" fmla="*/ 593109 w 1332519"/>
                    <a:gd name="connsiteY133" fmla="*/ 1328535 h 1332470"/>
                    <a:gd name="connsiteX134" fmla="*/ 566139 w 1332519"/>
                    <a:gd name="connsiteY134" fmla="*/ 1325021 h 1332470"/>
                    <a:gd name="connsiteX135" fmla="*/ 563862 w 1332519"/>
                    <a:gd name="connsiteY135" fmla="*/ 1323882 h 1332470"/>
                    <a:gd name="connsiteX136" fmla="*/ 3188 w 1332519"/>
                    <a:gd name="connsiteY136" fmla="*/ 720623 h 1332470"/>
                    <a:gd name="connsiteX137" fmla="*/ 2017 w 1332519"/>
                    <a:gd name="connsiteY137" fmla="*/ 718053 h 1332470"/>
                    <a:gd name="connsiteX138" fmla="*/ 455 w 1332519"/>
                    <a:gd name="connsiteY138" fmla="*/ 690855 h 1332470"/>
                    <a:gd name="connsiteX139" fmla="*/ 4359 w 1332519"/>
                    <a:gd name="connsiteY139" fmla="*/ 686658 h 1332470"/>
                    <a:gd name="connsiteX140" fmla="*/ 8556 w 1332519"/>
                    <a:gd name="connsiteY140" fmla="*/ 690562 h 1332470"/>
                    <a:gd name="connsiteX141" fmla="*/ 10085 w 1332519"/>
                    <a:gd name="connsiteY141" fmla="*/ 717434 h 1332470"/>
                    <a:gd name="connsiteX142" fmla="*/ 6344 w 1332519"/>
                    <a:gd name="connsiteY142" fmla="*/ 721794 h 1332470"/>
                    <a:gd name="connsiteX143" fmla="*/ 3156 w 1332519"/>
                    <a:gd name="connsiteY143" fmla="*/ 720623 h 1332470"/>
                    <a:gd name="connsiteX144" fmla="*/ 617444 w 1332519"/>
                    <a:gd name="connsiteY144" fmla="*/ 1329771 h 1332470"/>
                    <a:gd name="connsiteX145" fmla="*/ 616273 w 1332519"/>
                    <a:gd name="connsiteY145" fmla="*/ 1326615 h 1332470"/>
                    <a:gd name="connsiteX146" fmla="*/ 620600 w 1332519"/>
                    <a:gd name="connsiteY146" fmla="*/ 1322841 h 1332470"/>
                    <a:gd name="connsiteX147" fmla="*/ 647472 w 1332519"/>
                    <a:gd name="connsiteY147" fmla="*/ 1324143 h 1332470"/>
                    <a:gd name="connsiteX148" fmla="*/ 651408 w 1332519"/>
                    <a:gd name="connsiteY148" fmla="*/ 1328307 h 1332470"/>
                    <a:gd name="connsiteX149" fmla="*/ 647244 w 1332519"/>
                    <a:gd name="connsiteY149" fmla="*/ 1332243 h 1332470"/>
                    <a:gd name="connsiteX150" fmla="*/ 620047 w 1332519"/>
                    <a:gd name="connsiteY150" fmla="*/ 1330910 h 1332470"/>
                    <a:gd name="connsiteX151" fmla="*/ 617444 w 1332519"/>
                    <a:gd name="connsiteY151" fmla="*/ 1329738 h 1332470"/>
                    <a:gd name="connsiteX152" fmla="*/ 1204 w 1332519"/>
                    <a:gd name="connsiteY152" fmla="*/ 666780 h 1332470"/>
                    <a:gd name="connsiteX153" fmla="*/ 0 w 1332519"/>
                    <a:gd name="connsiteY153" fmla="*/ 663885 h 1332470"/>
                    <a:gd name="connsiteX154" fmla="*/ 651 w 1332519"/>
                    <a:gd name="connsiteY154" fmla="*/ 636655 h 1332470"/>
                    <a:gd name="connsiteX155" fmla="*/ 4880 w 1332519"/>
                    <a:gd name="connsiteY155" fmla="*/ 632783 h 1332470"/>
                    <a:gd name="connsiteX156" fmla="*/ 8751 w 1332519"/>
                    <a:gd name="connsiteY156" fmla="*/ 637013 h 1332470"/>
                    <a:gd name="connsiteX157" fmla="*/ 8101 w 1332519"/>
                    <a:gd name="connsiteY157" fmla="*/ 663918 h 1332470"/>
                    <a:gd name="connsiteX158" fmla="*/ 4034 w 1332519"/>
                    <a:gd name="connsiteY158" fmla="*/ 667952 h 1332470"/>
                    <a:gd name="connsiteX159" fmla="*/ 1171 w 1332519"/>
                    <a:gd name="connsiteY159" fmla="*/ 666748 h 1332470"/>
                    <a:gd name="connsiteX160" fmla="*/ 671254 w 1332519"/>
                    <a:gd name="connsiteY160" fmla="*/ 1331300 h 1332470"/>
                    <a:gd name="connsiteX161" fmla="*/ 670050 w 1332519"/>
                    <a:gd name="connsiteY161" fmla="*/ 1328470 h 1332470"/>
                    <a:gd name="connsiteX162" fmla="*/ 674051 w 1332519"/>
                    <a:gd name="connsiteY162" fmla="*/ 1324370 h 1332470"/>
                    <a:gd name="connsiteX163" fmla="*/ 700956 w 1332519"/>
                    <a:gd name="connsiteY163" fmla="*/ 1323492 h 1332470"/>
                    <a:gd name="connsiteX164" fmla="*/ 705218 w 1332519"/>
                    <a:gd name="connsiteY164" fmla="*/ 1327331 h 1332470"/>
                    <a:gd name="connsiteX165" fmla="*/ 701379 w 1332519"/>
                    <a:gd name="connsiteY165" fmla="*/ 1331593 h 1332470"/>
                    <a:gd name="connsiteX166" fmla="*/ 674149 w 1332519"/>
                    <a:gd name="connsiteY166" fmla="*/ 1332471 h 1332470"/>
                    <a:gd name="connsiteX167" fmla="*/ 671221 w 1332519"/>
                    <a:gd name="connsiteY167" fmla="*/ 1331267 h 1332470"/>
                    <a:gd name="connsiteX168" fmla="*/ 3546 w 1332519"/>
                    <a:gd name="connsiteY168" fmla="*/ 613003 h 1332470"/>
                    <a:gd name="connsiteX169" fmla="*/ 2375 w 1332519"/>
                    <a:gd name="connsiteY169" fmla="*/ 609783 h 1332470"/>
                    <a:gd name="connsiteX170" fmla="*/ 5205 w 1332519"/>
                    <a:gd name="connsiteY170" fmla="*/ 582715 h 1332470"/>
                    <a:gd name="connsiteX171" fmla="*/ 9727 w 1332519"/>
                    <a:gd name="connsiteY171" fmla="*/ 579202 h 1332470"/>
                    <a:gd name="connsiteX172" fmla="*/ 13241 w 1332519"/>
                    <a:gd name="connsiteY172" fmla="*/ 583724 h 1332470"/>
                    <a:gd name="connsiteX173" fmla="*/ 10443 w 1332519"/>
                    <a:gd name="connsiteY173" fmla="*/ 610466 h 1332470"/>
                    <a:gd name="connsiteX174" fmla="*/ 6051 w 1332519"/>
                    <a:gd name="connsiteY174" fmla="*/ 614175 h 1332470"/>
                    <a:gd name="connsiteX175" fmla="*/ 3514 w 1332519"/>
                    <a:gd name="connsiteY175" fmla="*/ 613003 h 1332470"/>
                    <a:gd name="connsiteX176" fmla="*/ 725031 w 1332519"/>
                    <a:gd name="connsiteY176" fmla="*/ 1328502 h 1332470"/>
                    <a:gd name="connsiteX177" fmla="*/ 723860 w 1332519"/>
                    <a:gd name="connsiteY177" fmla="*/ 1325997 h 1332470"/>
                    <a:gd name="connsiteX178" fmla="*/ 727536 w 1332519"/>
                    <a:gd name="connsiteY178" fmla="*/ 1321573 h 1332470"/>
                    <a:gd name="connsiteX179" fmla="*/ 754278 w 1332519"/>
                    <a:gd name="connsiteY179" fmla="*/ 1318547 h 1332470"/>
                    <a:gd name="connsiteX180" fmla="*/ 758833 w 1332519"/>
                    <a:gd name="connsiteY180" fmla="*/ 1322028 h 1332470"/>
                    <a:gd name="connsiteX181" fmla="*/ 755351 w 1332519"/>
                    <a:gd name="connsiteY181" fmla="*/ 1326583 h 1332470"/>
                    <a:gd name="connsiteX182" fmla="*/ 728284 w 1332519"/>
                    <a:gd name="connsiteY182" fmla="*/ 1329641 h 1332470"/>
                    <a:gd name="connsiteX183" fmla="*/ 725031 w 1332519"/>
                    <a:gd name="connsiteY183" fmla="*/ 1328470 h 1332470"/>
                    <a:gd name="connsiteX184" fmla="*/ 10248 w 1332519"/>
                    <a:gd name="connsiteY184" fmla="*/ 559584 h 1332470"/>
                    <a:gd name="connsiteX185" fmla="*/ 9109 w 1332519"/>
                    <a:gd name="connsiteY185" fmla="*/ 556038 h 1332470"/>
                    <a:gd name="connsiteX186" fmla="*/ 14119 w 1332519"/>
                    <a:gd name="connsiteY186" fmla="*/ 529296 h 1332470"/>
                    <a:gd name="connsiteX187" fmla="*/ 18934 w 1332519"/>
                    <a:gd name="connsiteY187" fmla="*/ 526140 h 1332470"/>
                    <a:gd name="connsiteX188" fmla="*/ 22090 w 1332519"/>
                    <a:gd name="connsiteY188" fmla="*/ 530955 h 1332470"/>
                    <a:gd name="connsiteX189" fmla="*/ 17145 w 1332519"/>
                    <a:gd name="connsiteY189" fmla="*/ 557372 h 1332470"/>
                    <a:gd name="connsiteX190" fmla="*/ 12460 w 1332519"/>
                    <a:gd name="connsiteY190" fmla="*/ 560723 h 1332470"/>
                    <a:gd name="connsiteX191" fmla="*/ 10248 w 1332519"/>
                    <a:gd name="connsiteY191" fmla="*/ 559584 h 1332470"/>
                    <a:gd name="connsiteX192" fmla="*/ 778450 w 1332519"/>
                    <a:gd name="connsiteY192" fmla="*/ 1321312 h 1332470"/>
                    <a:gd name="connsiteX193" fmla="*/ 777311 w 1332519"/>
                    <a:gd name="connsiteY193" fmla="*/ 1319133 h 1332470"/>
                    <a:gd name="connsiteX194" fmla="*/ 780597 w 1332519"/>
                    <a:gd name="connsiteY194" fmla="*/ 1314415 h 1332470"/>
                    <a:gd name="connsiteX195" fmla="*/ 807014 w 1332519"/>
                    <a:gd name="connsiteY195" fmla="*/ 1309210 h 1332470"/>
                    <a:gd name="connsiteX196" fmla="*/ 811861 w 1332519"/>
                    <a:gd name="connsiteY196" fmla="*/ 1312301 h 1332470"/>
                    <a:gd name="connsiteX197" fmla="*/ 808771 w 1332519"/>
                    <a:gd name="connsiteY197" fmla="*/ 1317148 h 1332470"/>
                    <a:gd name="connsiteX198" fmla="*/ 782029 w 1332519"/>
                    <a:gd name="connsiteY198" fmla="*/ 1322418 h 1332470"/>
                    <a:gd name="connsiteX199" fmla="*/ 778450 w 1332519"/>
                    <a:gd name="connsiteY199" fmla="*/ 1321280 h 1332470"/>
                    <a:gd name="connsiteX200" fmla="*/ 21244 w 1332519"/>
                    <a:gd name="connsiteY200" fmla="*/ 506913 h 1332470"/>
                    <a:gd name="connsiteX201" fmla="*/ 20170 w 1332519"/>
                    <a:gd name="connsiteY201" fmla="*/ 503042 h 1332470"/>
                    <a:gd name="connsiteX202" fmla="*/ 27328 w 1332519"/>
                    <a:gd name="connsiteY202" fmla="*/ 476820 h 1332470"/>
                    <a:gd name="connsiteX203" fmla="*/ 32370 w 1332519"/>
                    <a:gd name="connsiteY203" fmla="*/ 474087 h 1332470"/>
                    <a:gd name="connsiteX204" fmla="*/ 35103 w 1332519"/>
                    <a:gd name="connsiteY204" fmla="*/ 479130 h 1332470"/>
                    <a:gd name="connsiteX205" fmla="*/ 28011 w 1332519"/>
                    <a:gd name="connsiteY205" fmla="*/ 505026 h 1332470"/>
                    <a:gd name="connsiteX206" fmla="*/ 23066 w 1332519"/>
                    <a:gd name="connsiteY206" fmla="*/ 507987 h 1332470"/>
                    <a:gd name="connsiteX207" fmla="*/ 21179 w 1332519"/>
                    <a:gd name="connsiteY207" fmla="*/ 506913 h 1332470"/>
                    <a:gd name="connsiteX208" fmla="*/ 831153 w 1332519"/>
                    <a:gd name="connsiteY208" fmla="*/ 1309828 h 1332470"/>
                    <a:gd name="connsiteX209" fmla="*/ 830112 w 1332519"/>
                    <a:gd name="connsiteY209" fmla="*/ 1307974 h 1332470"/>
                    <a:gd name="connsiteX210" fmla="*/ 833008 w 1332519"/>
                    <a:gd name="connsiteY210" fmla="*/ 1303029 h 1332470"/>
                    <a:gd name="connsiteX211" fmla="*/ 858937 w 1332519"/>
                    <a:gd name="connsiteY211" fmla="*/ 1295709 h 1332470"/>
                    <a:gd name="connsiteX212" fmla="*/ 864012 w 1332519"/>
                    <a:gd name="connsiteY212" fmla="*/ 1298409 h 1332470"/>
                    <a:gd name="connsiteX213" fmla="*/ 861311 w 1332519"/>
                    <a:gd name="connsiteY213" fmla="*/ 1303484 h 1332470"/>
                    <a:gd name="connsiteX214" fmla="*/ 835057 w 1332519"/>
                    <a:gd name="connsiteY214" fmla="*/ 1310902 h 1332470"/>
                    <a:gd name="connsiteX215" fmla="*/ 831153 w 1332519"/>
                    <a:gd name="connsiteY215" fmla="*/ 1309828 h 1332470"/>
                    <a:gd name="connsiteX216" fmla="*/ 36470 w 1332519"/>
                    <a:gd name="connsiteY216" fmla="*/ 455381 h 1332470"/>
                    <a:gd name="connsiteX217" fmla="*/ 35494 w 1332519"/>
                    <a:gd name="connsiteY217" fmla="*/ 451184 h 1332470"/>
                    <a:gd name="connsiteX218" fmla="*/ 44765 w 1332519"/>
                    <a:gd name="connsiteY218" fmla="*/ 425646 h 1332470"/>
                    <a:gd name="connsiteX219" fmla="*/ 50003 w 1332519"/>
                    <a:gd name="connsiteY219" fmla="*/ 423336 h 1332470"/>
                    <a:gd name="connsiteX220" fmla="*/ 52313 w 1332519"/>
                    <a:gd name="connsiteY220" fmla="*/ 428574 h 1332470"/>
                    <a:gd name="connsiteX221" fmla="*/ 43139 w 1332519"/>
                    <a:gd name="connsiteY221" fmla="*/ 453787 h 1332470"/>
                    <a:gd name="connsiteX222" fmla="*/ 37999 w 1332519"/>
                    <a:gd name="connsiteY222" fmla="*/ 456324 h 1332470"/>
                    <a:gd name="connsiteX223" fmla="*/ 36437 w 1332519"/>
                    <a:gd name="connsiteY223" fmla="*/ 455348 h 1332470"/>
                    <a:gd name="connsiteX224" fmla="*/ 882751 w 1332519"/>
                    <a:gd name="connsiteY224" fmla="*/ 1294115 h 1332470"/>
                    <a:gd name="connsiteX225" fmla="*/ 881807 w 1332519"/>
                    <a:gd name="connsiteY225" fmla="*/ 1292586 h 1332470"/>
                    <a:gd name="connsiteX226" fmla="*/ 884312 w 1332519"/>
                    <a:gd name="connsiteY226" fmla="*/ 1287413 h 1332470"/>
                    <a:gd name="connsiteX227" fmla="*/ 909558 w 1332519"/>
                    <a:gd name="connsiteY227" fmla="*/ 1277978 h 1332470"/>
                    <a:gd name="connsiteX228" fmla="*/ 914828 w 1332519"/>
                    <a:gd name="connsiteY228" fmla="*/ 1280256 h 1332470"/>
                    <a:gd name="connsiteX229" fmla="*/ 912551 w 1332519"/>
                    <a:gd name="connsiteY229" fmla="*/ 1285526 h 1332470"/>
                    <a:gd name="connsiteX230" fmla="*/ 886980 w 1332519"/>
                    <a:gd name="connsiteY230" fmla="*/ 1295058 h 1332470"/>
                    <a:gd name="connsiteX231" fmla="*/ 882751 w 1332519"/>
                    <a:gd name="connsiteY231" fmla="*/ 1294082 h 1332470"/>
                    <a:gd name="connsiteX232" fmla="*/ 55827 w 1332519"/>
                    <a:gd name="connsiteY232" fmla="*/ 405248 h 1332470"/>
                    <a:gd name="connsiteX233" fmla="*/ 54981 w 1332519"/>
                    <a:gd name="connsiteY233" fmla="*/ 400758 h 1332470"/>
                    <a:gd name="connsiteX234" fmla="*/ 66335 w 1332519"/>
                    <a:gd name="connsiteY234" fmla="*/ 376000 h 1332470"/>
                    <a:gd name="connsiteX235" fmla="*/ 71768 w 1332519"/>
                    <a:gd name="connsiteY235" fmla="*/ 374113 h 1332470"/>
                    <a:gd name="connsiteX236" fmla="*/ 73655 w 1332519"/>
                    <a:gd name="connsiteY236" fmla="*/ 379546 h 1332470"/>
                    <a:gd name="connsiteX237" fmla="*/ 62431 w 1332519"/>
                    <a:gd name="connsiteY237" fmla="*/ 404011 h 1332470"/>
                    <a:gd name="connsiteX238" fmla="*/ 57095 w 1332519"/>
                    <a:gd name="connsiteY238" fmla="*/ 406126 h 1332470"/>
                    <a:gd name="connsiteX239" fmla="*/ 55827 w 1332519"/>
                    <a:gd name="connsiteY239" fmla="*/ 405280 h 1332470"/>
                    <a:gd name="connsiteX240" fmla="*/ 932917 w 1332519"/>
                    <a:gd name="connsiteY240" fmla="*/ 1274204 h 1332470"/>
                    <a:gd name="connsiteX241" fmla="*/ 932071 w 1332519"/>
                    <a:gd name="connsiteY241" fmla="*/ 1273001 h 1332470"/>
                    <a:gd name="connsiteX242" fmla="*/ 934120 w 1332519"/>
                    <a:gd name="connsiteY242" fmla="*/ 1267633 h 1332470"/>
                    <a:gd name="connsiteX243" fmla="*/ 958520 w 1332519"/>
                    <a:gd name="connsiteY243" fmla="*/ 1256149 h 1332470"/>
                    <a:gd name="connsiteX244" fmla="*/ 963953 w 1332519"/>
                    <a:gd name="connsiteY244" fmla="*/ 1257970 h 1332470"/>
                    <a:gd name="connsiteX245" fmla="*/ 962131 w 1332519"/>
                    <a:gd name="connsiteY245" fmla="*/ 1263404 h 1332470"/>
                    <a:gd name="connsiteX246" fmla="*/ 937406 w 1332519"/>
                    <a:gd name="connsiteY246" fmla="*/ 1275018 h 1332470"/>
                    <a:gd name="connsiteX247" fmla="*/ 932884 w 1332519"/>
                    <a:gd name="connsiteY247" fmla="*/ 1274172 h 1332470"/>
                    <a:gd name="connsiteX248" fmla="*/ 79283 w 1332519"/>
                    <a:gd name="connsiteY248" fmla="*/ 356773 h 1332470"/>
                    <a:gd name="connsiteX249" fmla="*/ 78567 w 1332519"/>
                    <a:gd name="connsiteY249" fmla="*/ 351991 h 1332470"/>
                    <a:gd name="connsiteX250" fmla="*/ 91906 w 1332519"/>
                    <a:gd name="connsiteY250" fmla="*/ 328242 h 1332470"/>
                    <a:gd name="connsiteX251" fmla="*/ 97469 w 1332519"/>
                    <a:gd name="connsiteY251" fmla="*/ 326810 h 1332470"/>
                    <a:gd name="connsiteX252" fmla="*/ 98900 w 1332519"/>
                    <a:gd name="connsiteY252" fmla="*/ 332374 h 1332470"/>
                    <a:gd name="connsiteX253" fmla="*/ 85724 w 1332519"/>
                    <a:gd name="connsiteY253" fmla="*/ 355830 h 1332470"/>
                    <a:gd name="connsiteX254" fmla="*/ 80226 w 1332519"/>
                    <a:gd name="connsiteY254" fmla="*/ 357489 h 1332470"/>
                    <a:gd name="connsiteX255" fmla="*/ 79283 w 1332519"/>
                    <a:gd name="connsiteY255" fmla="*/ 356773 h 1332470"/>
                    <a:gd name="connsiteX256" fmla="*/ 981261 w 1332519"/>
                    <a:gd name="connsiteY256" fmla="*/ 1250293 h 1332470"/>
                    <a:gd name="connsiteX257" fmla="*/ 980578 w 1332519"/>
                    <a:gd name="connsiteY257" fmla="*/ 1249382 h 1332470"/>
                    <a:gd name="connsiteX258" fmla="*/ 982204 w 1332519"/>
                    <a:gd name="connsiteY258" fmla="*/ 1243884 h 1332470"/>
                    <a:gd name="connsiteX259" fmla="*/ 1005530 w 1332519"/>
                    <a:gd name="connsiteY259" fmla="*/ 1230480 h 1332470"/>
                    <a:gd name="connsiteX260" fmla="*/ 1011093 w 1332519"/>
                    <a:gd name="connsiteY260" fmla="*/ 1231879 h 1332470"/>
                    <a:gd name="connsiteX261" fmla="*/ 1009694 w 1332519"/>
                    <a:gd name="connsiteY261" fmla="*/ 1237442 h 1332470"/>
                    <a:gd name="connsiteX262" fmla="*/ 986076 w 1332519"/>
                    <a:gd name="connsiteY262" fmla="*/ 1251008 h 1332470"/>
                    <a:gd name="connsiteX263" fmla="*/ 981261 w 1332519"/>
                    <a:gd name="connsiteY263" fmla="*/ 1250325 h 1332470"/>
                    <a:gd name="connsiteX264" fmla="*/ 106643 w 1332519"/>
                    <a:gd name="connsiteY264" fmla="*/ 310349 h 1332470"/>
                    <a:gd name="connsiteX265" fmla="*/ 106090 w 1332519"/>
                    <a:gd name="connsiteY265" fmla="*/ 305274 h 1332470"/>
                    <a:gd name="connsiteX266" fmla="*/ 121316 w 1332519"/>
                    <a:gd name="connsiteY266" fmla="*/ 282696 h 1332470"/>
                    <a:gd name="connsiteX267" fmla="*/ 126976 w 1332519"/>
                    <a:gd name="connsiteY267" fmla="*/ 281720 h 1332470"/>
                    <a:gd name="connsiteX268" fmla="*/ 127952 w 1332519"/>
                    <a:gd name="connsiteY268" fmla="*/ 287380 h 1332470"/>
                    <a:gd name="connsiteX269" fmla="*/ 112890 w 1332519"/>
                    <a:gd name="connsiteY269" fmla="*/ 309666 h 1332470"/>
                    <a:gd name="connsiteX270" fmla="*/ 107261 w 1332519"/>
                    <a:gd name="connsiteY270" fmla="*/ 310869 h 1332470"/>
                    <a:gd name="connsiteX271" fmla="*/ 106578 w 1332519"/>
                    <a:gd name="connsiteY271" fmla="*/ 310316 h 1332470"/>
                    <a:gd name="connsiteX272" fmla="*/ 1027425 w 1332519"/>
                    <a:gd name="connsiteY272" fmla="*/ 1222477 h 1332470"/>
                    <a:gd name="connsiteX273" fmla="*/ 1026904 w 1332519"/>
                    <a:gd name="connsiteY273" fmla="*/ 1221826 h 1332470"/>
                    <a:gd name="connsiteX274" fmla="*/ 1028076 w 1332519"/>
                    <a:gd name="connsiteY274" fmla="*/ 1216198 h 1332470"/>
                    <a:gd name="connsiteX275" fmla="*/ 1050231 w 1332519"/>
                    <a:gd name="connsiteY275" fmla="*/ 1200940 h 1332470"/>
                    <a:gd name="connsiteX276" fmla="*/ 1055891 w 1332519"/>
                    <a:gd name="connsiteY276" fmla="*/ 1201851 h 1332470"/>
                    <a:gd name="connsiteX277" fmla="*/ 1054981 w 1332519"/>
                    <a:gd name="connsiteY277" fmla="*/ 1207512 h 1332470"/>
                    <a:gd name="connsiteX278" fmla="*/ 1032565 w 1332519"/>
                    <a:gd name="connsiteY278" fmla="*/ 1222965 h 1332470"/>
                    <a:gd name="connsiteX279" fmla="*/ 1027458 w 1332519"/>
                    <a:gd name="connsiteY279" fmla="*/ 1222444 h 1332470"/>
                    <a:gd name="connsiteX280" fmla="*/ 137680 w 1332519"/>
                    <a:gd name="connsiteY280" fmla="*/ 266332 h 1332470"/>
                    <a:gd name="connsiteX281" fmla="*/ 137322 w 1332519"/>
                    <a:gd name="connsiteY281" fmla="*/ 260996 h 1332470"/>
                    <a:gd name="connsiteX282" fmla="*/ 154337 w 1332519"/>
                    <a:gd name="connsiteY282" fmla="*/ 239752 h 1332470"/>
                    <a:gd name="connsiteX283" fmla="*/ 160062 w 1332519"/>
                    <a:gd name="connsiteY283" fmla="*/ 239232 h 1332470"/>
                    <a:gd name="connsiteX284" fmla="*/ 160583 w 1332519"/>
                    <a:gd name="connsiteY284" fmla="*/ 244957 h 1332470"/>
                    <a:gd name="connsiteX285" fmla="*/ 143763 w 1332519"/>
                    <a:gd name="connsiteY285" fmla="*/ 265941 h 1332470"/>
                    <a:gd name="connsiteX286" fmla="*/ 138070 w 1332519"/>
                    <a:gd name="connsiteY286" fmla="*/ 266689 h 1332470"/>
                    <a:gd name="connsiteX287" fmla="*/ 137680 w 1332519"/>
                    <a:gd name="connsiteY287" fmla="*/ 266332 h 1332470"/>
                    <a:gd name="connsiteX288" fmla="*/ 1071149 w 1332519"/>
                    <a:gd name="connsiteY288" fmla="*/ 1191018 h 1332470"/>
                    <a:gd name="connsiteX289" fmla="*/ 1070824 w 1332519"/>
                    <a:gd name="connsiteY289" fmla="*/ 1190660 h 1332470"/>
                    <a:gd name="connsiteX290" fmla="*/ 1071507 w 1332519"/>
                    <a:gd name="connsiteY290" fmla="*/ 1184966 h 1332470"/>
                    <a:gd name="connsiteX291" fmla="*/ 1092328 w 1332519"/>
                    <a:gd name="connsiteY291" fmla="*/ 1167952 h 1332470"/>
                    <a:gd name="connsiteX292" fmla="*/ 1098054 w 1332519"/>
                    <a:gd name="connsiteY292" fmla="*/ 1168407 h 1332470"/>
                    <a:gd name="connsiteX293" fmla="*/ 1097599 w 1332519"/>
                    <a:gd name="connsiteY293" fmla="*/ 1174133 h 1332470"/>
                    <a:gd name="connsiteX294" fmla="*/ 1076517 w 1332519"/>
                    <a:gd name="connsiteY294" fmla="*/ 1191343 h 1332470"/>
                    <a:gd name="connsiteX295" fmla="*/ 1071149 w 1332519"/>
                    <a:gd name="connsiteY295" fmla="*/ 1191018 h 1332470"/>
                    <a:gd name="connsiteX296" fmla="*/ 172165 w 1332519"/>
                    <a:gd name="connsiteY296" fmla="*/ 224982 h 1332470"/>
                    <a:gd name="connsiteX297" fmla="*/ 172035 w 1332519"/>
                    <a:gd name="connsiteY297" fmla="*/ 219386 h 1332470"/>
                    <a:gd name="connsiteX298" fmla="*/ 190709 w 1332519"/>
                    <a:gd name="connsiteY298" fmla="*/ 199574 h 1332470"/>
                    <a:gd name="connsiteX299" fmla="*/ 196467 w 1332519"/>
                    <a:gd name="connsiteY299" fmla="*/ 199509 h 1332470"/>
                    <a:gd name="connsiteX300" fmla="*/ 196532 w 1332519"/>
                    <a:gd name="connsiteY300" fmla="*/ 205267 h 1332470"/>
                    <a:gd name="connsiteX301" fmla="*/ 178086 w 1332519"/>
                    <a:gd name="connsiteY301" fmla="*/ 224852 h 1332470"/>
                    <a:gd name="connsiteX302" fmla="*/ 172360 w 1332519"/>
                    <a:gd name="connsiteY302" fmla="*/ 225145 h 1332470"/>
                    <a:gd name="connsiteX303" fmla="*/ 172197 w 1332519"/>
                    <a:gd name="connsiteY303" fmla="*/ 225015 h 1332470"/>
                    <a:gd name="connsiteX304" fmla="*/ 1112141 w 1332519"/>
                    <a:gd name="connsiteY304" fmla="*/ 1156110 h 1332470"/>
                    <a:gd name="connsiteX305" fmla="*/ 1112011 w 1332519"/>
                    <a:gd name="connsiteY305" fmla="*/ 1155979 h 1332470"/>
                    <a:gd name="connsiteX306" fmla="*/ 1112239 w 1332519"/>
                    <a:gd name="connsiteY306" fmla="*/ 1150254 h 1332470"/>
                    <a:gd name="connsiteX307" fmla="*/ 1131628 w 1332519"/>
                    <a:gd name="connsiteY307" fmla="*/ 1131612 h 1332470"/>
                    <a:gd name="connsiteX308" fmla="*/ 1140542 w 1332519"/>
                    <a:gd name="connsiteY308" fmla="*/ 1122535 h 1332470"/>
                    <a:gd name="connsiteX309" fmla="*/ 1146301 w 1332519"/>
                    <a:gd name="connsiteY309" fmla="*/ 1122438 h 1332470"/>
                    <a:gd name="connsiteX310" fmla="*/ 1146398 w 1332519"/>
                    <a:gd name="connsiteY310" fmla="*/ 1128164 h 1332470"/>
                    <a:gd name="connsiteX311" fmla="*/ 1137387 w 1332519"/>
                    <a:gd name="connsiteY311" fmla="*/ 1137371 h 1332470"/>
                    <a:gd name="connsiteX312" fmla="*/ 1117769 w 1332519"/>
                    <a:gd name="connsiteY312" fmla="*/ 1156240 h 1332470"/>
                    <a:gd name="connsiteX313" fmla="*/ 1112141 w 1332519"/>
                    <a:gd name="connsiteY313" fmla="*/ 1156142 h 1332470"/>
                    <a:gd name="connsiteX314" fmla="*/ 209903 w 1332519"/>
                    <a:gd name="connsiteY314" fmla="*/ 186561 h 1332470"/>
                    <a:gd name="connsiteX315" fmla="*/ 209805 w 1332519"/>
                    <a:gd name="connsiteY315" fmla="*/ 186463 h 1332470"/>
                    <a:gd name="connsiteX316" fmla="*/ 209968 w 1332519"/>
                    <a:gd name="connsiteY316" fmla="*/ 180737 h 1332470"/>
                    <a:gd name="connsiteX317" fmla="*/ 230171 w 1332519"/>
                    <a:gd name="connsiteY317" fmla="*/ 162486 h 1332470"/>
                    <a:gd name="connsiteX318" fmla="*/ 235897 w 1332519"/>
                    <a:gd name="connsiteY318" fmla="*/ 162877 h 1332470"/>
                    <a:gd name="connsiteX319" fmla="*/ 235506 w 1332519"/>
                    <a:gd name="connsiteY319" fmla="*/ 168602 h 1332470"/>
                    <a:gd name="connsiteX320" fmla="*/ 215531 w 1332519"/>
                    <a:gd name="connsiteY320" fmla="*/ 186626 h 1332470"/>
                    <a:gd name="connsiteX321" fmla="*/ 209870 w 1332519"/>
                    <a:gd name="connsiteY321" fmla="*/ 186528 h 1332470"/>
                    <a:gd name="connsiteX322" fmla="*/ 1158826 w 1332519"/>
                    <a:gd name="connsiteY322" fmla="*/ 1108579 h 1332470"/>
                    <a:gd name="connsiteX323" fmla="*/ 1158663 w 1332519"/>
                    <a:gd name="connsiteY323" fmla="*/ 1103016 h 1332470"/>
                    <a:gd name="connsiteX324" fmla="*/ 1176101 w 1332519"/>
                    <a:gd name="connsiteY324" fmla="*/ 1082552 h 1332470"/>
                    <a:gd name="connsiteX325" fmla="*/ 1181827 w 1332519"/>
                    <a:gd name="connsiteY325" fmla="*/ 1081967 h 1332470"/>
                    <a:gd name="connsiteX326" fmla="*/ 1182412 w 1332519"/>
                    <a:gd name="connsiteY326" fmla="*/ 1087693 h 1332470"/>
                    <a:gd name="connsiteX327" fmla="*/ 1164747 w 1332519"/>
                    <a:gd name="connsiteY327" fmla="*/ 1108416 h 1332470"/>
                    <a:gd name="connsiteX328" fmla="*/ 1159021 w 1332519"/>
                    <a:gd name="connsiteY328" fmla="*/ 1108742 h 1332470"/>
                    <a:gd name="connsiteX329" fmla="*/ 1158858 w 1332519"/>
                    <a:gd name="connsiteY329" fmla="*/ 1108579 h 1332470"/>
                    <a:gd name="connsiteX330" fmla="*/ 250602 w 1332519"/>
                    <a:gd name="connsiteY330" fmla="*/ 151262 h 1332470"/>
                    <a:gd name="connsiteX331" fmla="*/ 250309 w 1332519"/>
                    <a:gd name="connsiteY331" fmla="*/ 150937 h 1332470"/>
                    <a:gd name="connsiteX332" fmla="*/ 250960 w 1332519"/>
                    <a:gd name="connsiteY332" fmla="*/ 145244 h 1332470"/>
                    <a:gd name="connsiteX333" fmla="*/ 272562 w 1332519"/>
                    <a:gd name="connsiteY333" fmla="*/ 128684 h 1332470"/>
                    <a:gd name="connsiteX334" fmla="*/ 278222 w 1332519"/>
                    <a:gd name="connsiteY334" fmla="*/ 129563 h 1332470"/>
                    <a:gd name="connsiteX335" fmla="*/ 277344 w 1332519"/>
                    <a:gd name="connsiteY335" fmla="*/ 135256 h 1332470"/>
                    <a:gd name="connsiteX336" fmla="*/ 256002 w 1332519"/>
                    <a:gd name="connsiteY336" fmla="*/ 151620 h 1332470"/>
                    <a:gd name="connsiteX337" fmla="*/ 250602 w 1332519"/>
                    <a:gd name="connsiteY337" fmla="*/ 151327 h 1332470"/>
                    <a:gd name="connsiteX338" fmla="*/ 1192953 w 1332519"/>
                    <a:gd name="connsiteY338" fmla="*/ 1066904 h 1332470"/>
                    <a:gd name="connsiteX339" fmla="*/ 1192595 w 1332519"/>
                    <a:gd name="connsiteY339" fmla="*/ 1061601 h 1332470"/>
                    <a:gd name="connsiteX340" fmla="*/ 1208341 w 1332519"/>
                    <a:gd name="connsiteY340" fmla="*/ 1039804 h 1332470"/>
                    <a:gd name="connsiteX341" fmla="*/ 1214002 w 1332519"/>
                    <a:gd name="connsiteY341" fmla="*/ 1038763 h 1332470"/>
                    <a:gd name="connsiteX342" fmla="*/ 1215043 w 1332519"/>
                    <a:gd name="connsiteY342" fmla="*/ 1044424 h 1332470"/>
                    <a:gd name="connsiteX343" fmla="*/ 1199102 w 1332519"/>
                    <a:gd name="connsiteY343" fmla="*/ 1066514 h 1332470"/>
                    <a:gd name="connsiteX344" fmla="*/ 1193408 w 1332519"/>
                    <a:gd name="connsiteY344" fmla="*/ 1067327 h 1332470"/>
                    <a:gd name="connsiteX345" fmla="*/ 1192986 w 1332519"/>
                    <a:gd name="connsiteY345" fmla="*/ 1066937 h 1332470"/>
                    <a:gd name="connsiteX346" fmla="*/ 294001 w 1332519"/>
                    <a:gd name="connsiteY346" fmla="*/ 119380 h 1332470"/>
                    <a:gd name="connsiteX347" fmla="*/ 293513 w 1332519"/>
                    <a:gd name="connsiteY347" fmla="*/ 118762 h 1332470"/>
                    <a:gd name="connsiteX348" fmla="*/ 294619 w 1332519"/>
                    <a:gd name="connsiteY348" fmla="*/ 113134 h 1332470"/>
                    <a:gd name="connsiteX349" fmla="*/ 317522 w 1332519"/>
                    <a:gd name="connsiteY349" fmla="*/ 98396 h 1332470"/>
                    <a:gd name="connsiteX350" fmla="*/ 323118 w 1332519"/>
                    <a:gd name="connsiteY350" fmla="*/ 99730 h 1332470"/>
                    <a:gd name="connsiteX351" fmla="*/ 321784 w 1332519"/>
                    <a:gd name="connsiteY351" fmla="*/ 105326 h 1332470"/>
                    <a:gd name="connsiteX352" fmla="*/ 299174 w 1332519"/>
                    <a:gd name="connsiteY352" fmla="*/ 119900 h 1332470"/>
                    <a:gd name="connsiteX353" fmla="*/ 294033 w 1332519"/>
                    <a:gd name="connsiteY353" fmla="*/ 119412 h 1332470"/>
                    <a:gd name="connsiteX354" fmla="*/ 1223567 w 1332519"/>
                    <a:gd name="connsiteY354" fmla="*/ 1022594 h 1332470"/>
                    <a:gd name="connsiteX355" fmla="*/ 1223014 w 1332519"/>
                    <a:gd name="connsiteY355" fmla="*/ 1017551 h 1332470"/>
                    <a:gd name="connsiteX356" fmla="*/ 1236905 w 1332519"/>
                    <a:gd name="connsiteY356" fmla="*/ 994518 h 1332470"/>
                    <a:gd name="connsiteX357" fmla="*/ 1242436 w 1332519"/>
                    <a:gd name="connsiteY357" fmla="*/ 993022 h 1332470"/>
                    <a:gd name="connsiteX358" fmla="*/ 1243932 w 1332519"/>
                    <a:gd name="connsiteY358" fmla="*/ 998552 h 1332470"/>
                    <a:gd name="connsiteX359" fmla="*/ 1229845 w 1332519"/>
                    <a:gd name="connsiteY359" fmla="*/ 1021878 h 1332470"/>
                    <a:gd name="connsiteX360" fmla="*/ 1224250 w 1332519"/>
                    <a:gd name="connsiteY360" fmla="*/ 1023147 h 1332470"/>
                    <a:gd name="connsiteX361" fmla="*/ 1223534 w 1332519"/>
                    <a:gd name="connsiteY361" fmla="*/ 1022594 h 1332470"/>
                    <a:gd name="connsiteX362" fmla="*/ 339872 w 1332519"/>
                    <a:gd name="connsiteY362" fmla="*/ 91141 h 1332470"/>
                    <a:gd name="connsiteX363" fmla="*/ 339189 w 1332519"/>
                    <a:gd name="connsiteY363" fmla="*/ 90263 h 1332470"/>
                    <a:gd name="connsiteX364" fmla="*/ 340751 w 1332519"/>
                    <a:gd name="connsiteY364" fmla="*/ 84732 h 1332470"/>
                    <a:gd name="connsiteX365" fmla="*/ 364760 w 1332519"/>
                    <a:gd name="connsiteY365" fmla="*/ 71914 h 1332470"/>
                    <a:gd name="connsiteX366" fmla="*/ 370226 w 1332519"/>
                    <a:gd name="connsiteY366" fmla="*/ 73704 h 1332470"/>
                    <a:gd name="connsiteX367" fmla="*/ 368436 w 1332519"/>
                    <a:gd name="connsiteY367" fmla="*/ 79169 h 1332470"/>
                    <a:gd name="connsiteX368" fmla="*/ 344720 w 1332519"/>
                    <a:gd name="connsiteY368" fmla="*/ 91824 h 1332470"/>
                    <a:gd name="connsiteX369" fmla="*/ 339872 w 1332519"/>
                    <a:gd name="connsiteY369" fmla="*/ 91141 h 1332470"/>
                    <a:gd name="connsiteX370" fmla="*/ 1250471 w 1332519"/>
                    <a:gd name="connsiteY370" fmla="*/ 975909 h 1332470"/>
                    <a:gd name="connsiteX371" fmla="*/ 1249756 w 1332519"/>
                    <a:gd name="connsiteY371" fmla="*/ 971159 h 1332470"/>
                    <a:gd name="connsiteX372" fmla="*/ 1261728 w 1332519"/>
                    <a:gd name="connsiteY372" fmla="*/ 947085 h 1332470"/>
                    <a:gd name="connsiteX373" fmla="*/ 1267128 w 1332519"/>
                    <a:gd name="connsiteY373" fmla="*/ 945133 h 1332470"/>
                    <a:gd name="connsiteX374" fmla="*/ 1269080 w 1332519"/>
                    <a:gd name="connsiteY374" fmla="*/ 950533 h 1332470"/>
                    <a:gd name="connsiteX375" fmla="*/ 1256978 w 1332519"/>
                    <a:gd name="connsiteY375" fmla="*/ 974933 h 1332470"/>
                    <a:gd name="connsiteX376" fmla="*/ 1251512 w 1332519"/>
                    <a:gd name="connsiteY376" fmla="*/ 976657 h 1332470"/>
                    <a:gd name="connsiteX377" fmla="*/ 1250537 w 1332519"/>
                    <a:gd name="connsiteY377" fmla="*/ 975942 h 1332470"/>
                    <a:gd name="connsiteX378" fmla="*/ 387956 w 1332519"/>
                    <a:gd name="connsiteY378" fmla="*/ 66709 h 1332470"/>
                    <a:gd name="connsiteX379" fmla="*/ 387143 w 1332519"/>
                    <a:gd name="connsiteY379" fmla="*/ 65538 h 1332470"/>
                    <a:gd name="connsiteX380" fmla="*/ 389160 w 1332519"/>
                    <a:gd name="connsiteY380" fmla="*/ 60170 h 1332470"/>
                    <a:gd name="connsiteX381" fmla="*/ 414210 w 1332519"/>
                    <a:gd name="connsiteY381" fmla="*/ 49336 h 1332470"/>
                    <a:gd name="connsiteX382" fmla="*/ 419513 w 1332519"/>
                    <a:gd name="connsiteY382" fmla="*/ 51549 h 1332470"/>
                    <a:gd name="connsiteX383" fmla="*/ 417301 w 1332519"/>
                    <a:gd name="connsiteY383" fmla="*/ 56851 h 1332470"/>
                    <a:gd name="connsiteX384" fmla="*/ 392543 w 1332519"/>
                    <a:gd name="connsiteY384" fmla="*/ 67555 h 1332470"/>
                    <a:gd name="connsiteX385" fmla="*/ 387989 w 1332519"/>
                    <a:gd name="connsiteY385" fmla="*/ 66741 h 1332470"/>
                    <a:gd name="connsiteX386" fmla="*/ 1273440 w 1332519"/>
                    <a:gd name="connsiteY386" fmla="*/ 927207 h 1332470"/>
                    <a:gd name="connsiteX387" fmla="*/ 1272561 w 1332519"/>
                    <a:gd name="connsiteY387" fmla="*/ 922750 h 1332470"/>
                    <a:gd name="connsiteX388" fmla="*/ 1282484 w 1332519"/>
                    <a:gd name="connsiteY388" fmla="*/ 897830 h 1332470"/>
                    <a:gd name="connsiteX389" fmla="*/ 1287722 w 1332519"/>
                    <a:gd name="connsiteY389" fmla="*/ 895455 h 1332470"/>
                    <a:gd name="connsiteX390" fmla="*/ 1290097 w 1332519"/>
                    <a:gd name="connsiteY390" fmla="*/ 900693 h 1332470"/>
                    <a:gd name="connsiteX391" fmla="*/ 1280044 w 1332519"/>
                    <a:gd name="connsiteY391" fmla="*/ 925938 h 1332470"/>
                    <a:gd name="connsiteX392" fmla="*/ 1274709 w 1332519"/>
                    <a:gd name="connsiteY392" fmla="*/ 928086 h 1332470"/>
                    <a:gd name="connsiteX393" fmla="*/ 1273407 w 1332519"/>
                    <a:gd name="connsiteY393" fmla="*/ 927207 h 1332470"/>
                    <a:gd name="connsiteX394" fmla="*/ 437927 w 1332519"/>
                    <a:gd name="connsiteY394" fmla="*/ 46311 h 1332470"/>
                    <a:gd name="connsiteX395" fmla="*/ 436983 w 1332519"/>
                    <a:gd name="connsiteY395" fmla="*/ 44814 h 1332470"/>
                    <a:gd name="connsiteX396" fmla="*/ 439423 w 1332519"/>
                    <a:gd name="connsiteY396" fmla="*/ 39609 h 1332470"/>
                    <a:gd name="connsiteX397" fmla="*/ 465255 w 1332519"/>
                    <a:gd name="connsiteY397" fmla="*/ 30858 h 1332470"/>
                    <a:gd name="connsiteX398" fmla="*/ 470362 w 1332519"/>
                    <a:gd name="connsiteY398" fmla="*/ 33525 h 1332470"/>
                    <a:gd name="connsiteX399" fmla="*/ 467727 w 1332519"/>
                    <a:gd name="connsiteY399" fmla="*/ 38633 h 1332470"/>
                    <a:gd name="connsiteX400" fmla="*/ 442189 w 1332519"/>
                    <a:gd name="connsiteY400" fmla="*/ 47254 h 1332470"/>
                    <a:gd name="connsiteX401" fmla="*/ 437927 w 1332519"/>
                    <a:gd name="connsiteY401" fmla="*/ 46311 h 1332470"/>
                    <a:gd name="connsiteX402" fmla="*/ 1292341 w 1332519"/>
                    <a:gd name="connsiteY402" fmla="*/ 876911 h 1332470"/>
                    <a:gd name="connsiteX403" fmla="*/ 1291365 w 1332519"/>
                    <a:gd name="connsiteY403" fmla="*/ 872780 h 1332470"/>
                    <a:gd name="connsiteX404" fmla="*/ 1299238 w 1332519"/>
                    <a:gd name="connsiteY404" fmla="*/ 847111 h 1332470"/>
                    <a:gd name="connsiteX405" fmla="*/ 1304248 w 1332519"/>
                    <a:gd name="connsiteY405" fmla="*/ 844313 h 1332470"/>
                    <a:gd name="connsiteX406" fmla="*/ 1307046 w 1332519"/>
                    <a:gd name="connsiteY406" fmla="*/ 849323 h 1332470"/>
                    <a:gd name="connsiteX407" fmla="*/ 1299076 w 1332519"/>
                    <a:gd name="connsiteY407" fmla="*/ 875317 h 1332470"/>
                    <a:gd name="connsiteX408" fmla="*/ 1293936 w 1332519"/>
                    <a:gd name="connsiteY408" fmla="*/ 877887 h 1332470"/>
                    <a:gd name="connsiteX409" fmla="*/ 1292341 w 1332519"/>
                    <a:gd name="connsiteY409" fmla="*/ 876911 h 1332470"/>
                    <a:gd name="connsiteX410" fmla="*/ 489362 w 1332519"/>
                    <a:gd name="connsiteY410" fmla="*/ 30077 h 1332470"/>
                    <a:gd name="connsiteX411" fmla="*/ 488321 w 1332519"/>
                    <a:gd name="connsiteY411" fmla="*/ 28287 h 1332470"/>
                    <a:gd name="connsiteX412" fmla="*/ 491183 w 1332519"/>
                    <a:gd name="connsiteY412" fmla="*/ 23310 h 1332470"/>
                    <a:gd name="connsiteX413" fmla="*/ 517633 w 1332519"/>
                    <a:gd name="connsiteY413" fmla="*/ 16706 h 1332470"/>
                    <a:gd name="connsiteX414" fmla="*/ 522480 w 1332519"/>
                    <a:gd name="connsiteY414" fmla="*/ 19764 h 1332470"/>
                    <a:gd name="connsiteX415" fmla="*/ 519422 w 1332519"/>
                    <a:gd name="connsiteY415" fmla="*/ 24611 h 1332470"/>
                    <a:gd name="connsiteX416" fmla="*/ 493298 w 1332519"/>
                    <a:gd name="connsiteY416" fmla="*/ 31118 h 1332470"/>
                    <a:gd name="connsiteX417" fmla="*/ 489362 w 1332519"/>
                    <a:gd name="connsiteY417" fmla="*/ 30077 h 1332470"/>
                    <a:gd name="connsiteX418" fmla="*/ 1307046 w 1332519"/>
                    <a:gd name="connsiteY418" fmla="*/ 825184 h 1332470"/>
                    <a:gd name="connsiteX419" fmla="*/ 1305973 w 1332519"/>
                    <a:gd name="connsiteY419" fmla="*/ 821345 h 1332470"/>
                    <a:gd name="connsiteX420" fmla="*/ 1311731 w 1332519"/>
                    <a:gd name="connsiteY420" fmla="*/ 795123 h 1332470"/>
                    <a:gd name="connsiteX421" fmla="*/ 1316513 w 1332519"/>
                    <a:gd name="connsiteY421" fmla="*/ 791935 h 1332470"/>
                    <a:gd name="connsiteX422" fmla="*/ 1319702 w 1332519"/>
                    <a:gd name="connsiteY422" fmla="*/ 796717 h 1332470"/>
                    <a:gd name="connsiteX423" fmla="*/ 1313846 w 1332519"/>
                    <a:gd name="connsiteY423" fmla="*/ 823264 h 1332470"/>
                    <a:gd name="connsiteX424" fmla="*/ 1308933 w 1332519"/>
                    <a:gd name="connsiteY424" fmla="*/ 826257 h 1332470"/>
                    <a:gd name="connsiteX425" fmla="*/ 1307014 w 1332519"/>
                    <a:gd name="connsiteY425" fmla="*/ 825184 h 1332470"/>
                    <a:gd name="connsiteX426" fmla="*/ 541935 w 1332519"/>
                    <a:gd name="connsiteY426" fmla="*/ 18072 h 1332470"/>
                    <a:gd name="connsiteX427" fmla="*/ 540829 w 1332519"/>
                    <a:gd name="connsiteY427" fmla="*/ 15957 h 1332470"/>
                    <a:gd name="connsiteX428" fmla="*/ 544082 w 1332519"/>
                    <a:gd name="connsiteY428" fmla="*/ 11208 h 1332470"/>
                    <a:gd name="connsiteX429" fmla="*/ 570987 w 1332519"/>
                    <a:gd name="connsiteY429" fmla="*/ 6783 h 1332470"/>
                    <a:gd name="connsiteX430" fmla="*/ 575574 w 1332519"/>
                    <a:gd name="connsiteY430" fmla="*/ 10232 h 1332470"/>
                    <a:gd name="connsiteX431" fmla="*/ 572126 w 1332519"/>
                    <a:gd name="connsiteY431" fmla="*/ 14819 h 1332470"/>
                    <a:gd name="connsiteX432" fmla="*/ 545546 w 1332519"/>
                    <a:gd name="connsiteY432" fmla="*/ 19178 h 1332470"/>
                    <a:gd name="connsiteX433" fmla="*/ 541935 w 1332519"/>
                    <a:gd name="connsiteY433" fmla="*/ 18040 h 1332470"/>
                    <a:gd name="connsiteX434" fmla="*/ 1317554 w 1332519"/>
                    <a:gd name="connsiteY434" fmla="*/ 772415 h 1332470"/>
                    <a:gd name="connsiteX435" fmla="*/ 1316416 w 1332519"/>
                    <a:gd name="connsiteY435" fmla="*/ 768902 h 1332470"/>
                    <a:gd name="connsiteX436" fmla="*/ 1320060 w 1332519"/>
                    <a:gd name="connsiteY436" fmla="*/ 742257 h 1332470"/>
                    <a:gd name="connsiteX437" fmla="*/ 1324549 w 1332519"/>
                    <a:gd name="connsiteY437" fmla="*/ 738678 h 1332470"/>
                    <a:gd name="connsiteX438" fmla="*/ 1328128 w 1332519"/>
                    <a:gd name="connsiteY438" fmla="*/ 743168 h 1332470"/>
                    <a:gd name="connsiteX439" fmla="*/ 1324451 w 1332519"/>
                    <a:gd name="connsiteY439" fmla="*/ 770138 h 1332470"/>
                    <a:gd name="connsiteX440" fmla="*/ 1319799 w 1332519"/>
                    <a:gd name="connsiteY440" fmla="*/ 773521 h 1332470"/>
                    <a:gd name="connsiteX441" fmla="*/ 1317554 w 1332519"/>
                    <a:gd name="connsiteY441" fmla="*/ 772383 h 1332470"/>
                    <a:gd name="connsiteX442" fmla="*/ 595289 w 1332519"/>
                    <a:gd name="connsiteY442" fmla="*/ 10394 h 1332470"/>
                    <a:gd name="connsiteX443" fmla="*/ 594118 w 1332519"/>
                    <a:gd name="connsiteY443" fmla="*/ 7954 h 1332470"/>
                    <a:gd name="connsiteX444" fmla="*/ 597729 w 1332519"/>
                    <a:gd name="connsiteY444" fmla="*/ 3497 h 1332470"/>
                    <a:gd name="connsiteX445" fmla="*/ 624894 w 1332519"/>
                    <a:gd name="connsiteY445" fmla="*/ 1253 h 1332470"/>
                    <a:gd name="connsiteX446" fmla="*/ 629188 w 1332519"/>
                    <a:gd name="connsiteY446" fmla="*/ 5059 h 1332470"/>
                    <a:gd name="connsiteX447" fmla="*/ 625382 w 1332519"/>
                    <a:gd name="connsiteY447" fmla="*/ 9353 h 1332470"/>
                    <a:gd name="connsiteX448" fmla="*/ 598575 w 1332519"/>
                    <a:gd name="connsiteY448" fmla="*/ 11565 h 1332470"/>
                    <a:gd name="connsiteX449" fmla="*/ 595289 w 1332519"/>
                    <a:gd name="connsiteY449" fmla="*/ 10394 h 1332470"/>
                    <a:gd name="connsiteX450" fmla="*/ 1323736 w 1332519"/>
                    <a:gd name="connsiteY450" fmla="*/ 718963 h 1332470"/>
                    <a:gd name="connsiteX451" fmla="*/ 1322565 w 1332519"/>
                    <a:gd name="connsiteY451" fmla="*/ 715775 h 1332470"/>
                    <a:gd name="connsiteX452" fmla="*/ 1324029 w 1332519"/>
                    <a:gd name="connsiteY452" fmla="*/ 688935 h 1332470"/>
                    <a:gd name="connsiteX453" fmla="*/ 1328225 w 1332519"/>
                    <a:gd name="connsiteY453" fmla="*/ 684999 h 1332470"/>
                    <a:gd name="connsiteX454" fmla="*/ 1332129 w 1332519"/>
                    <a:gd name="connsiteY454" fmla="*/ 689196 h 1332470"/>
                    <a:gd name="connsiteX455" fmla="*/ 1330633 w 1332519"/>
                    <a:gd name="connsiteY455" fmla="*/ 716361 h 1332470"/>
                    <a:gd name="connsiteX456" fmla="*/ 1326273 w 1332519"/>
                    <a:gd name="connsiteY456" fmla="*/ 720102 h 1332470"/>
                    <a:gd name="connsiteX457" fmla="*/ 1323703 w 1332519"/>
                    <a:gd name="connsiteY457" fmla="*/ 718931 h 1332470"/>
                    <a:gd name="connsiteX458" fmla="*/ 649066 w 1332519"/>
                    <a:gd name="connsiteY458" fmla="*/ 7076 h 1332470"/>
                    <a:gd name="connsiteX459" fmla="*/ 647895 w 1332519"/>
                    <a:gd name="connsiteY459" fmla="*/ 4278 h 1332470"/>
                    <a:gd name="connsiteX460" fmla="*/ 651864 w 1332519"/>
                    <a:gd name="connsiteY460" fmla="*/ 146 h 1332470"/>
                    <a:gd name="connsiteX461" fmla="*/ 679094 w 1332519"/>
                    <a:gd name="connsiteY461" fmla="*/ 146 h 1332470"/>
                    <a:gd name="connsiteX462" fmla="*/ 683063 w 1332519"/>
                    <a:gd name="connsiteY462" fmla="*/ 4278 h 1332470"/>
                    <a:gd name="connsiteX463" fmla="*/ 678931 w 1332519"/>
                    <a:gd name="connsiteY463" fmla="*/ 8247 h 1332470"/>
                    <a:gd name="connsiteX464" fmla="*/ 652027 w 1332519"/>
                    <a:gd name="connsiteY464" fmla="*/ 8247 h 1332470"/>
                    <a:gd name="connsiteX465" fmla="*/ 649066 w 1332519"/>
                    <a:gd name="connsiteY465" fmla="*/ 7043 h 1332470"/>
                    <a:gd name="connsiteX466" fmla="*/ 1325590 w 1332519"/>
                    <a:gd name="connsiteY466" fmla="*/ 665154 h 1332470"/>
                    <a:gd name="connsiteX467" fmla="*/ 1324386 w 1332519"/>
                    <a:gd name="connsiteY467" fmla="*/ 662291 h 1332470"/>
                    <a:gd name="connsiteX468" fmla="*/ 1323671 w 1332519"/>
                    <a:gd name="connsiteY468" fmla="*/ 635386 h 1332470"/>
                    <a:gd name="connsiteX469" fmla="*/ 1327542 w 1332519"/>
                    <a:gd name="connsiteY469" fmla="*/ 631124 h 1332470"/>
                    <a:gd name="connsiteX470" fmla="*/ 1331804 w 1332519"/>
                    <a:gd name="connsiteY470" fmla="*/ 634996 h 1332470"/>
                    <a:gd name="connsiteX471" fmla="*/ 1332520 w 1332519"/>
                    <a:gd name="connsiteY471" fmla="*/ 662226 h 1332470"/>
                    <a:gd name="connsiteX472" fmla="*/ 1328486 w 1332519"/>
                    <a:gd name="connsiteY472" fmla="*/ 666325 h 1332470"/>
                    <a:gd name="connsiteX473" fmla="*/ 1325590 w 1332519"/>
                    <a:gd name="connsiteY473" fmla="*/ 665121 h 1332470"/>
                    <a:gd name="connsiteX474" fmla="*/ 702908 w 1332519"/>
                    <a:gd name="connsiteY474" fmla="*/ 8084 h 1332470"/>
                    <a:gd name="connsiteX475" fmla="*/ 701737 w 1332519"/>
                    <a:gd name="connsiteY475" fmla="*/ 4961 h 1332470"/>
                    <a:gd name="connsiteX476" fmla="*/ 706031 w 1332519"/>
                    <a:gd name="connsiteY476" fmla="*/ 1155 h 1332470"/>
                    <a:gd name="connsiteX477" fmla="*/ 733164 w 1332519"/>
                    <a:gd name="connsiteY477" fmla="*/ 3335 h 1332470"/>
                    <a:gd name="connsiteX478" fmla="*/ 736808 w 1332519"/>
                    <a:gd name="connsiteY478" fmla="*/ 7792 h 1332470"/>
                    <a:gd name="connsiteX479" fmla="*/ 732351 w 1332519"/>
                    <a:gd name="connsiteY479" fmla="*/ 11435 h 1332470"/>
                    <a:gd name="connsiteX480" fmla="*/ 705543 w 1332519"/>
                    <a:gd name="connsiteY480" fmla="*/ 9288 h 1332470"/>
                    <a:gd name="connsiteX481" fmla="*/ 702908 w 1332519"/>
                    <a:gd name="connsiteY481" fmla="*/ 8117 h 1332470"/>
                    <a:gd name="connsiteX482" fmla="*/ 1323085 w 1332519"/>
                    <a:gd name="connsiteY482" fmla="*/ 611312 h 1332470"/>
                    <a:gd name="connsiteX483" fmla="*/ 1321914 w 1332519"/>
                    <a:gd name="connsiteY483" fmla="*/ 608807 h 1332470"/>
                    <a:gd name="connsiteX484" fmla="*/ 1319018 w 1332519"/>
                    <a:gd name="connsiteY484" fmla="*/ 582032 h 1332470"/>
                    <a:gd name="connsiteX485" fmla="*/ 1322532 w 1332519"/>
                    <a:gd name="connsiteY485" fmla="*/ 577477 h 1332470"/>
                    <a:gd name="connsiteX486" fmla="*/ 1327087 w 1332519"/>
                    <a:gd name="connsiteY486" fmla="*/ 580991 h 1332470"/>
                    <a:gd name="connsiteX487" fmla="*/ 1330015 w 1332519"/>
                    <a:gd name="connsiteY487" fmla="*/ 608091 h 1332470"/>
                    <a:gd name="connsiteX488" fmla="*/ 1326338 w 1332519"/>
                    <a:gd name="connsiteY488" fmla="*/ 612483 h 1332470"/>
                    <a:gd name="connsiteX489" fmla="*/ 1323118 w 1332519"/>
                    <a:gd name="connsiteY489" fmla="*/ 611312 h 1332470"/>
                    <a:gd name="connsiteX490" fmla="*/ 756490 w 1332519"/>
                    <a:gd name="connsiteY490" fmla="*/ 13452 h 1332470"/>
                    <a:gd name="connsiteX491" fmla="*/ 755351 w 1332519"/>
                    <a:gd name="connsiteY491" fmla="*/ 10004 h 1332470"/>
                    <a:gd name="connsiteX492" fmla="*/ 759939 w 1332519"/>
                    <a:gd name="connsiteY492" fmla="*/ 6555 h 1332470"/>
                    <a:gd name="connsiteX493" fmla="*/ 786811 w 1332519"/>
                    <a:gd name="connsiteY493" fmla="*/ 10915 h 1332470"/>
                    <a:gd name="connsiteX494" fmla="*/ 790064 w 1332519"/>
                    <a:gd name="connsiteY494" fmla="*/ 15632 h 1332470"/>
                    <a:gd name="connsiteX495" fmla="*/ 785347 w 1332519"/>
                    <a:gd name="connsiteY495" fmla="*/ 18885 h 1332470"/>
                    <a:gd name="connsiteX496" fmla="*/ 758833 w 1332519"/>
                    <a:gd name="connsiteY496" fmla="*/ 14591 h 1332470"/>
                    <a:gd name="connsiteX497" fmla="*/ 756523 w 1332519"/>
                    <a:gd name="connsiteY497" fmla="*/ 13452 h 1332470"/>
                    <a:gd name="connsiteX498" fmla="*/ 1316253 w 1332519"/>
                    <a:gd name="connsiteY498" fmla="*/ 557860 h 1332470"/>
                    <a:gd name="connsiteX499" fmla="*/ 1315114 w 1332519"/>
                    <a:gd name="connsiteY499" fmla="*/ 555680 h 1332470"/>
                    <a:gd name="connsiteX500" fmla="*/ 1310072 w 1332519"/>
                    <a:gd name="connsiteY500" fmla="*/ 529231 h 1332470"/>
                    <a:gd name="connsiteX501" fmla="*/ 1313195 w 1332519"/>
                    <a:gd name="connsiteY501" fmla="*/ 524416 h 1332470"/>
                    <a:gd name="connsiteX502" fmla="*/ 1318010 w 1332519"/>
                    <a:gd name="connsiteY502" fmla="*/ 527539 h 1332470"/>
                    <a:gd name="connsiteX503" fmla="*/ 1323118 w 1332519"/>
                    <a:gd name="connsiteY503" fmla="*/ 554314 h 1332470"/>
                    <a:gd name="connsiteX504" fmla="*/ 1319799 w 1332519"/>
                    <a:gd name="connsiteY504" fmla="*/ 558999 h 1332470"/>
                    <a:gd name="connsiteX505" fmla="*/ 1316253 w 1332519"/>
                    <a:gd name="connsiteY505" fmla="*/ 557860 h 1332470"/>
                    <a:gd name="connsiteX506" fmla="*/ 809421 w 1332519"/>
                    <a:gd name="connsiteY506" fmla="*/ 23115 h 1332470"/>
                    <a:gd name="connsiteX507" fmla="*/ 808315 w 1332519"/>
                    <a:gd name="connsiteY507" fmla="*/ 19341 h 1332470"/>
                    <a:gd name="connsiteX508" fmla="*/ 813163 w 1332519"/>
                    <a:gd name="connsiteY508" fmla="*/ 16283 h 1332470"/>
                    <a:gd name="connsiteX509" fmla="*/ 839579 w 1332519"/>
                    <a:gd name="connsiteY509" fmla="*/ 22789 h 1332470"/>
                    <a:gd name="connsiteX510" fmla="*/ 842442 w 1332519"/>
                    <a:gd name="connsiteY510" fmla="*/ 27767 h 1332470"/>
                    <a:gd name="connsiteX511" fmla="*/ 837465 w 1332519"/>
                    <a:gd name="connsiteY511" fmla="*/ 30630 h 1332470"/>
                    <a:gd name="connsiteX512" fmla="*/ 811373 w 1332519"/>
                    <a:gd name="connsiteY512" fmla="*/ 24188 h 1332470"/>
                    <a:gd name="connsiteX513" fmla="*/ 809389 w 1332519"/>
                    <a:gd name="connsiteY513" fmla="*/ 23115 h 1332470"/>
                    <a:gd name="connsiteX514" fmla="*/ 1305094 w 1332519"/>
                    <a:gd name="connsiteY514" fmla="*/ 505091 h 1332470"/>
                    <a:gd name="connsiteX515" fmla="*/ 1304021 w 1332519"/>
                    <a:gd name="connsiteY515" fmla="*/ 503237 h 1332470"/>
                    <a:gd name="connsiteX516" fmla="*/ 1296831 w 1332519"/>
                    <a:gd name="connsiteY516" fmla="*/ 477276 h 1332470"/>
                    <a:gd name="connsiteX517" fmla="*/ 1299564 w 1332519"/>
                    <a:gd name="connsiteY517" fmla="*/ 472233 h 1332470"/>
                    <a:gd name="connsiteX518" fmla="*/ 1304606 w 1332519"/>
                    <a:gd name="connsiteY518" fmla="*/ 474966 h 1332470"/>
                    <a:gd name="connsiteX519" fmla="*/ 1311861 w 1332519"/>
                    <a:gd name="connsiteY519" fmla="*/ 501252 h 1332470"/>
                    <a:gd name="connsiteX520" fmla="*/ 1308933 w 1332519"/>
                    <a:gd name="connsiteY520" fmla="*/ 506198 h 1332470"/>
                    <a:gd name="connsiteX521" fmla="*/ 1305062 w 1332519"/>
                    <a:gd name="connsiteY521" fmla="*/ 505124 h 1332470"/>
                    <a:gd name="connsiteX522" fmla="*/ 861344 w 1332519"/>
                    <a:gd name="connsiteY522" fmla="*/ 37071 h 1332470"/>
                    <a:gd name="connsiteX523" fmla="*/ 860336 w 1332519"/>
                    <a:gd name="connsiteY523" fmla="*/ 32972 h 1332470"/>
                    <a:gd name="connsiteX524" fmla="*/ 865411 w 1332519"/>
                    <a:gd name="connsiteY524" fmla="*/ 30305 h 1332470"/>
                    <a:gd name="connsiteX525" fmla="*/ 891177 w 1332519"/>
                    <a:gd name="connsiteY525" fmla="*/ 38926 h 1332470"/>
                    <a:gd name="connsiteX526" fmla="*/ 893649 w 1332519"/>
                    <a:gd name="connsiteY526" fmla="*/ 44131 h 1332470"/>
                    <a:gd name="connsiteX527" fmla="*/ 888444 w 1332519"/>
                    <a:gd name="connsiteY527" fmla="*/ 46604 h 1332470"/>
                    <a:gd name="connsiteX528" fmla="*/ 863003 w 1332519"/>
                    <a:gd name="connsiteY528" fmla="*/ 38080 h 1332470"/>
                    <a:gd name="connsiteX529" fmla="*/ 861344 w 1332519"/>
                    <a:gd name="connsiteY529" fmla="*/ 37071 h 1332470"/>
                    <a:gd name="connsiteX530" fmla="*/ 1289641 w 1332519"/>
                    <a:gd name="connsiteY530" fmla="*/ 453429 h 1332470"/>
                    <a:gd name="connsiteX531" fmla="*/ 1288665 w 1332519"/>
                    <a:gd name="connsiteY531" fmla="*/ 451867 h 1332470"/>
                    <a:gd name="connsiteX532" fmla="*/ 1279393 w 1332519"/>
                    <a:gd name="connsiteY532" fmla="*/ 426557 h 1332470"/>
                    <a:gd name="connsiteX533" fmla="*/ 1281703 w 1332519"/>
                    <a:gd name="connsiteY533" fmla="*/ 421286 h 1332470"/>
                    <a:gd name="connsiteX534" fmla="*/ 1286973 w 1332519"/>
                    <a:gd name="connsiteY534" fmla="*/ 423596 h 1332470"/>
                    <a:gd name="connsiteX535" fmla="*/ 1296376 w 1332519"/>
                    <a:gd name="connsiteY535" fmla="*/ 449200 h 1332470"/>
                    <a:gd name="connsiteX536" fmla="*/ 1293870 w 1332519"/>
                    <a:gd name="connsiteY536" fmla="*/ 454372 h 1332470"/>
                    <a:gd name="connsiteX537" fmla="*/ 1289674 w 1332519"/>
                    <a:gd name="connsiteY537" fmla="*/ 453396 h 1332470"/>
                    <a:gd name="connsiteX538" fmla="*/ 911933 w 1332519"/>
                    <a:gd name="connsiteY538" fmla="*/ 55160 h 1332470"/>
                    <a:gd name="connsiteX539" fmla="*/ 911054 w 1332519"/>
                    <a:gd name="connsiteY539" fmla="*/ 50768 h 1332470"/>
                    <a:gd name="connsiteX540" fmla="*/ 916357 w 1332519"/>
                    <a:gd name="connsiteY540" fmla="*/ 48523 h 1332470"/>
                    <a:gd name="connsiteX541" fmla="*/ 941310 w 1332519"/>
                    <a:gd name="connsiteY541" fmla="*/ 59226 h 1332470"/>
                    <a:gd name="connsiteX542" fmla="*/ 943327 w 1332519"/>
                    <a:gd name="connsiteY542" fmla="*/ 64594 h 1332470"/>
                    <a:gd name="connsiteX543" fmla="*/ 937959 w 1332519"/>
                    <a:gd name="connsiteY543" fmla="*/ 66611 h 1332470"/>
                    <a:gd name="connsiteX544" fmla="*/ 913299 w 1332519"/>
                    <a:gd name="connsiteY544" fmla="*/ 56038 h 1332470"/>
                    <a:gd name="connsiteX545" fmla="*/ 911965 w 1332519"/>
                    <a:gd name="connsiteY545" fmla="*/ 55160 h 1332470"/>
                    <a:gd name="connsiteX546" fmla="*/ 1270024 w 1332519"/>
                    <a:gd name="connsiteY546" fmla="*/ 403165 h 1332470"/>
                    <a:gd name="connsiteX547" fmla="*/ 1269178 w 1332519"/>
                    <a:gd name="connsiteY547" fmla="*/ 401929 h 1332470"/>
                    <a:gd name="connsiteX548" fmla="*/ 1257856 w 1332519"/>
                    <a:gd name="connsiteY548" fmla="*/ 377464 h 1332470"/>
                    <a:gd name="connsiteX549" fmla="*/ 1259711 w 1332519"/>
                    <a:gd name="connsiteY549" fmla="*/ 372031 h 1332470"/>
                    <a:gd name="connsiteX550" fmla="*/ 1265144 w 1332519"/>
                    <a:gd name="connsiteY550" fmla="*/ 373886 h 1332470"/>
                    <a:gd name="connsiteX551" fmla="*/ 1276628 w 1332519"/>
                    <a:gd name="connsiteY551" fmla="*/ 398676 h 1332470"/>
                    <a:gd name="connsiteX552" fmla="*/ 1274546 w 1332519"/>
                    <a:gd name="connsiteY552" fmla="*/ 404011 h 1332470"/>
                    <a:gd name="connsiteX553" fmla="*/ 1270056 w 1332519"/>
                    <a:gd name="connsiteY553" fmla="*/ 403165 h 1332470"/>
                    <a:gd name="connsiteX554" fmla="*/ 960928 w 1332519"/>
                    <a:gd name="connsiteY554" fmla="*/ 77347 h 1332470"/>
                    <a:gd name="connsiteX555" fmla="*/ 960179 w 1332519"/>
                    <a:gd name="connsiteY555" fmla="*/ 72662 h 1332470"/>
                    <a:gd name="connsiteX556" fmla="*/ 965645 w 1332519"/>
                    <a:gd name="connsiteY556" fmla="*/ 70873 h 1332470"/>
                    <a:gd name="connsiteX557" fmla="*/ 989719 w 1332519"/>
                    <a:gd name="connsiteY557" fmla="*/ 83594 h 1332470"/>
                    <a:gd name="connsiteX558" fmla="*/ 991281 w 1332519"/>
                    <a:gd name="connsiteY558" fmla="*/ 89124 h 1332470"/>
                    <a:gd name="connsiteX559" fmla="*/ 985750 w 1332519"/>
                    <a:gd name="connsiteY559" fmla="*/ 90686 h 1332470"/>
                    <a:gd name="connsiteX560" fmla="*/ 961969 w 1332519"/>
                    <a:gd name="connsiteY560" fmla="*/ 78096 h 1332470"/>
                    <a:gd name="connsiteX561" fmla="*/ 960928 w 1332519"/>
                    <a:gd name="connsiteY561" fmla="*/ 77347 h 1332470"/>
                    <a:gd name="connsiteX562" fmla="*/ 1246372 w 1332519"/>
                    <a:gd name="connsiteY562" fmla="*/ 354691 h 1332470"/>
                    <a:gd name="connsiteX563" fmla="*/ 1245657 w 1332519"/>
                    <a:gd name="connsiteY563" fmla="*/ 353748 h 1332470"/>
                    <a:gd name="connsiteX564" fmla="*/ 1232383 w 1332519"/>
                    <a:gd name="connsiteY564" fmla="*/ 330357 h 1332470"/>
                    <a:gd name="connsiteX565" fmla="*/ 1233782 w 1332519"/>
                    <a:gd name="connsiteY565" fmla="*/ 324793 h 1332470"/>
                    <a:gd name="connsiteX566" fmla="*/ 1239345 w 1332519"/>
                    <a:gd name="connsiteY566" fmla="*/ 326225 h 1332470"/>
                    <a:gd name="connsiteX567" fmla="*/ 1252781 w 1332519"/>
                    <a:gd name="connsiteY567" fmla="*/ 349909 h 1332470"/>
                    <a:gd name="connsiteX568" fmla="*/ 1251122 w 1332519"/>
                    <a:gd name="connsiteY568" fmla="*/ 355407 h 1332470"/>
                    <a:gd name="connsiteX569" fmla="*/ 1246307 w 1332519"/>
                    <a:gd name="connsiteY569" fmla="*/ 354691 h 1332470"/>
                    <a:gd name="connsiteX570" fmla="*/ 1008003 w 1332519"/>
                    <a:gd name="connsiteY570" fmla="*/ 103504 h 1332470"/>
                    <a:gd name="connsiteX571" fmla="*/ 1007417 w 1332519"/>
                    <a:gd name="connsiteY571" fmla="*/ 98526 h 1332470"/>
                    <a:gd name="connsiteX572" fmla="*/ 1013013 w 1332519"/>
                    <a:gd name="connsiteY572" fmla="*/ 97192 h 1332470"/>
                    <a:gd name="connsiteX573" fmla="*/ 1035949 w 1332519"/>
                    <a:gd name="connsiteY573" fmla="*/ 111865 h 1332470"/>
                    <a:gd name="connsiteX574" fmla="*/ 1037055 w 1332519"/>
                    <a:gd name="connsiteY574" fmla="*/ 117493 h 1332470"/>
                    <a:gd name="connsiteX575" fmla="*/ 1031427 w 1332519"/>
                    <a:gd name="connsiteY575" fmla="*/ 118599 h 1332470"/>
                    <a:gd name="connsiteX576" fmla="*/ 1008751 w 1332519"/>
                    <a:gd name="connsiteY576" fmla="*/ 104122 h 1332470"/>
                    <a:gd name="connsiteX577" fmla="*/ 1008003 w 1332519"/>
                    <a:gd name="connsiteY577" fmla="*/ 103536 h 1332470"/>
                    <a:gd name="connsiteX578" fmla="*/ 1218849 w 1332519"/>
                    <a:gd name="connsiteY578" fmla="*/ 308397 h 1332470"/>
                    <a:gd name="connsiteX579" fmla="*/ 1218329 w 1332519"/>
                    <a:gd name="connsiteY579" fmla="*/ 307746 h 1332470"/>
                    <a:gd name="connsiteX580" fmla="*/ 1203201 w 1332519"/>
                    <a:gd name="connsiteY580" fmla="*/ 285526 h 1332470"/>
                    <a:gd name="connsiteX581" fmla="*/ 1204144 w 1332519"/>
                    <a:gd name="connsiteY581" fmla="*/ 279865 h 1332470"/>
                    <a:gd name="connsiteX582" fmla="*/ 1209805 w 1332519"/>
                    <a:gd name="connsiteY582" fmla="*/ 280809 h 1332470"/>
                    <a:gd name="connsiteX583" fmla="*/ 1225128 w 1332519"/>
                    <a:gd name="connsiteY583" fmla="*/ 303322 h 1332470"/>
                    <a:gd name="connsiteX584" fmla="*/ 1223924 w 1332519"/>
                    <a:gd name="connsiteY584" fmla="*/ 308950 h 1332470"/>
                    <a:gd name="connsiteX585" fmla="*/ 1218849 w 1332519"/>
                    <a:gd name="connsiteY585" fmla="*/ 308429 h 1332470"/>
                    <a:gd name="connsiteX586" fmla="*/ 1052768 w 1332519"/>
                    <a:gd name="connsiteY586" fmla="*/ 133434 h 1332470"/>
                    <a:gd name="connsiteX587" fmla="*/ 1052378 w 1332519"/>
                    <a:gd name="connsiteY587" fmla="*/ 128164 h 1332470"/>
                    <a:gd name="connsiteX588" fmla="*/ 1058039 w 1332519"/>
                    <a:gd name="connsiteY588" fmla="*/ 127285 h 1332470"/>
                    <a:gd name="connsiteX589" fmla="*/ 1079706 w 1332519"/>
                    <a:gd name="connsiteY589" fmla="*/ 143780 h 1332470"/>
                    <a:gd name="connsiteX590" fmla="*/ 1080356 w 1332519"/>
                    <a:gd name="connsiteY590" fmla="*/ 149473 h 1332470"/>
                    <a:gd name="connsiteX591" fmla="*/ 1074663 w 1332519"/>
                    <a:gd name="connsiteY591" fmla="*/ 150124 h 1332470"/>
                    <a:gd name="connsiteX592" fmla="*/ 1053256 w 1332519"/>
                    <a:gd name="connsiteY592" fmla="*/ 133825 h 1332470"/>
                    <a:gd name="connsiteX593" fmla="*/ 1052768 w 1332519"/>
                    <a:gd name="connsiteY593" fmla="*/ 133402 h 1332470"/>
                    <a:gd name="connsiteX594" fmla="*/ 1187650 w 1332519"/>
                    <a:gd name="connsiteY594" fmla="*/ 264510 h 1332470"/>
                    <a:gd name="connsiteX595" fmla="*/ 1187292 w 1332519"/>
                    <a:gd name="connsiteY595" fmla="*/ 264119 h 1332470"/>
                    <a:gd name="connsiteX596" fmla="*/ 1170408 w 1332519"/>
                    <a:gd name="connsiteY596" fmla="*/ 243201 h 1332470"/>
                    <a:gd name="connsiteX597" fmla="*/ 1170896 w 1332519"/>
                    <a:gd name="connsiteY597" fmla="*/ 237475 h 1332470"/>
                    <a:gd name="connsiteX598" fmla="*/ 1176621 w 1332519"/>
                    <a:gd name="connsiteY598" fmla="*/ 237963 h 1332470"/>
                    <a:gd name="connsiteX599" fmla="*/ 1193734 w 1332519"/>
                    <a:gd name="connsiteY599" fmla="*/ 259142 h 1332470"/>
                    <a:gd name="connsiteX600" fmla="*/ 1193018 w 1332519"/>
                    <a:gd name="connsiteY600" fmla="*/ 264835 h 1332470"/>
                    <a:gd name="connsiteX601" fmla="*/ 1187650 w 1332519"/>
                    <a:gd name="connsiteY601" fmla="*/ 264510 h 1332470"/>
                    <a:gd name="connsiteX602" fmla="*/ 1094964 w 1332519"/>
                    <a:gd name="connsiteY602" fmla="*/ 166911 h 1332470"/>
                    <a:gd name="connsiteX603" fmla="*/ 1094768 w 1332519"/>
                    <a:gd name="connsiteY603" fmla="*/ 161380 h 1332470"/>
                    <a:gd name="connsiteX604" fmla="*/ 1100494 w 1332519"/>
                    <a:gd name="connsiteY604" fmla="*/ 160957 h 1332470"/>
                    <a:gd name="connsiteX605" fmla="*/ 1120762 w 1332519"/>
                    <a:gd name="connsiteY605" fmla="*/ 179143 h 1332470"/>
                    <a:gd name="connsiteX606" fmla="*/ 1120957 w 1332519"/>
                    <a:gd name="connsiteY606" fmla="*/ 184869 h 1332470"/>
                    <a:gd name="connsiteX607" fmla="*/ 1115232 w 1332519"/>
                    <a:gd name="connsiteY607" fmla="*/ 185064 h 1332470"/>
                    <a:gd name="connsiteX608" fmla="*/ 1095224 w 1332519"/>
                    <a:gd name="connsiteY608" fmla="*/ 167106 h 1332470"/>
                    <a:gd name="connsiteX609" fmla="*/ 1094996 w 1332519"/>
                    <a:gd name="connsiteY609" fmla="*/ 166911 h 1332470"/>
                    <a:gd name="connsiteX610" fmla="*/ 1152970 w 1332519"/>
                    <a:gd name="connsiteY610" fmla="*/ 223290 h 1332470"/>
                    <a:gd name="connsiteX611" fmla="*/ 1152840 w 1332519"/>
                    <a:gd name="connsiteY611" fmla="*/ 223160 h 1332470"/>
                    <a:gd name="connsiteX612" fmla="*/ 1134329 w 1332519"/>
                    <a:gd name="connsiteY612" fmla="*/ 203640 h 1332470"/>
                    <a:gd name="connsiteX613" fmla="*/ 1134361 w 1332519"/>
                    <a:gd name="connsiteY613" fmla="*/ 197882 h 1332470"/>
                    <a:gd name="connsiteX614" fmla="*/ 1140119 w 1332519"/>
                    <a:gd name="connsiteY614" fmla="*/ 197915 h 1332470"/>
                    <a:gd name="connsiteX615" fmla="*/ 1158858 w 1332519"/>
                    <a:gd name="connsiteY615" fmla="*/ 217662 h 1332470"/>
                    <a:gd name="connsiteX616" fmla="*/ 1158598 w 1332519"/>
                    <a:gd name="connsiteY616" fmla="*/ 223388 h 1332470"/>
                    <a:gd name="connsiteX617" fmla="*/ 1153003 w 1332519"/>
                    <a:gd name="connsiteY617" fmla="*/ 223258 h 13324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Lst>
                  <a:rect l="l" t="t" r="r" b="b"/>
                  <a:pathLst>
                    <a:path w="1332519" h="1332470">
                      <a:moveTo>
                        <a:pt x="195133" y="1137371"/>
                      </a:moveTo>
                      <a:cubicBezTo>
                        <a:pt x="192661" y="1134898"/>
                        <a:pt x="190221" y="1132426"/>
                        <a:pt x="187781" y="1129921"/>
                      </a:cubicBezTo>
                      <a:cubicBezTo>
                        <a:pt x="186219" y="1128326"/>
                        <a:pt x="186251" y="1125724"/>
                        <a:pt x="187878" y="1124162"/>
                      </a:cubicBezTo>
                      <a:cubicBezTo>
                        <a:pt x="189472" y="1122601"/>
                        <a:pt x="192107" y="1122763"/>
                        <a:pt x="193636" y="1124260"/>
                      </a:cubicBezTo>
                      <a:cubicBezTo>
                        <a:pt x="199850" y="1130669"/>
                        <a:pt x="206292" y="1137045"/>
                        <a:pt x="212766" y="1143194"/>
                      </a:cubicBezTo>
                      <a:cubicBezTo>
                        <a:pt x="214425" y="1144853"/>
                        <a:pt x="214458" y="1147326"/>
                        <a:pt x="212896" y="1148952"/>
                      </a:cubicBezTo>
                      <a:cubicBezTo>
                        <a:pt x="211334" y="1150579"/>
                        <a:pt x="208764" y="1150644"/>
                        <a:pt x="207170" y="1149082"/>
                      </a:cubicBezTo>
                      <a:cubicBezTo>
                        <a:pt x="203136" y="1145276"/>
                        <a:pt x="199102" y="1141307"/>
                        <a:pt x="195166" y="1137371"/>
                      </a:cubicBezTo>
                      <a:close/>
                      <a:moveTo>
                        <a:pt x="169562" y="1110336"/>
                      </a:moveTo>
                      <a:cubicBezTo>
                        <a:pt x="169562" y="1110336"/>
                        <a:pt x="169464" y="1110238"/>
                        <a:pt x="169399" y="1110173"/>
                      </a:cubicBezTo>
                      <a:cubicBezTo>
                        <a:pt x="163348" y="1103439"/>
                        <a:pt x="157395" y="1096477"/>
                        <a:pt x="151669" y="1089514"/>
                      </a:cubicBezTo>
                      <a:cubicBezTo>
                        <a:pt x="150237" y="1087790"/>
                        <a:pt x="150498" y="1085220"/>
                        <a:pt x="152222" y="1083789"/>
                      </a:cubicBezTo>
                      <a:cubicBezTo>
                        <a:pt x="153946" y="1082357"/>
                        <a:pt x="156516" y="1082618"/>
                        <a:pt x="157948" y="1084342"/>
                      </a:cubicBezTo>
                      <a:cubicBezTo>
                        <a:pt x="163609" y="1091206"/>
                        <a:pt x="169497" y="1098071"/>
                        <a:pt x="175483" y="1104740"/>
                      </a:cubicBezTo>
                      <a:cubicBezTo>
                        <a:pt x="176980" y="1106399"/>
                        <a:pt x="176849" y="1108969"/>
                        <a:pt x="175158" y="1110466"/>
                      </a:cubicBezTo>
                      <a:cubicBezTo>
                        <a:pt x="173531" y="1111897"/>
                        <a:pt x="171091" y="1111832"/>
                        <a:pt x="169595" y="1110303"/>
                      </a:cubicBezTo>
                      <a:close/>
                      <a:moveTo>
                        <a:pt x="226853" y="1167073"/>
                      </a:moveTo>
                      <a:cubicBezTo>
                        <a:pt x="225356" y="1165577"/>
                        <a:pt x="225259" y="1163137"/>
                        <a:pt x="226690" y="1161510"/>
                      </a:cubicBezTo>
                      <a:cubicBezTo>
                        <a:pt x="228187" y="1159818"/>
                        <a:pt x="230724" y="1159656"/>
                        <a:pt x="232416" y="1161152"/>
                      </a:cubicBezTo>
                      <a:cubicBezTo>
                        <a:pt x="239150" y="1167041"/>
                        <a:pt x="246047" y="1172897"/>
                        <a:pt x="252977" y="1178492"/>
                      </a:cubicBezTo>
                      <a:cubicBezTo>
                        <a:pt x="254701" y="1179924"/>
                        <a:pt x="254994" y="1182461"/>
                        <a:pt x="253595" y="1184218"/>
                      </a:cubicBezTo>
                      <a:cubicBezTo>
                        <a:pt x="252196" y="1185975"/>
                        <a:pt x="249626" y="1186235"/>
                        <a:pt x="247869" y="1184804"/>
                      </a:cubicBezTo>
                      <a:cubicBezTo>
                        <a:pt x="240842" y="1179143"/>
                        <a:pt x="233847" y="1173222"/>
                        <a:pt x="227048" y="1167268"/>
                      </a:cubicBezTo>
                      <a:cubicBezTo>
                        <a:pt x="226983" y="1167203"/>
                        <a:pt x="226918" y="1167138"/>
                        <a:pt x="226853" y="1167073"/>
                      </a:cubicBezTo>
                      <a:close/>
                      <a:moveTo>
                        <a:pt x="135305" y="1068791"/>
                      </a:moveTo>
                      <a:cubicBezTo>
                        <a:pt x="135305" y="1068791"/>
                        <a:pt x="135045" y="1068531"/>
                        <a:pt x="134947" y="1068368"/>
                      </a:cubicBezTo>
                      <a:cubicBezTo>
                        <a:pt x="129449" y="1061146"/>
                        <a:pt x="124081" y="1053728"/>
                        <a:pt x="118941" y="1046343"/>
                      </a:cubicBezTo>
                      <a:cubicBezTo>
                        <a:pt x="117672" y="1044489"/>
                        <a:pt x="118127" y="1041984"/>
                        <a:pt x="119949" y="1040682"/>
                      </a:cubicBezTo>
                      <a:cubicBezTo>
                        <a:pt x="121804" y="1039414"/>
                        <a:pt x="124309" y="1039869"/>
                        <a:pt x="125610" y="1041691"/>
                      </a:cubicBezTo>
                      <a:cubicBezTo>
                        <a:pt x="130685" y="1048978"/>
                        <a:pt x="136021" y="1056298"/>
                        <a:pt x="141421" y="1063456"/>
                      </a:cubicBezTo>
                      <a:cubicBezTo>
                        <a:pt x="142787" y="1065245"/>
                        <a:pt x="142430" y="1067782"/>
                        <a:pt x="140640" y="1069149"/>
                      </a:cubicBezTo>
                      <a:cubicBezTo>
                        <a:pt x="139014" y="1070385"/>
                        <a:pt x="136736" y="1070190"/>
                        <a:pt x="135305" y="1068791"/>
                      </a:cubicBezTo>
                      <a:close/>
                      <a:moveTo>
                        <a:pt x="268723" y="1200973"/>
                      </a:moveTo>
                      <a:cubicBezTo>
                        <a:pt x="267324" y="1199574"/>
                        <a:pt x="267129" y="1197329"/>
                        <a:pt x="268332" y="1195670"/>
                      </a:cubicBezTo>
                      <a:cubicBezTo>
                        <a:pt x="269666" y="1193880"/>
                        <a:pt x="272204" y="1193490"/>
                        <a:pt x="274026" y="1194824"/>
                      </a:cubicBezTo>
                      <a:cubicBezTo>
                        <a:pt x="281215" y="1200159"/>
                        <a:pt x="288568" y="1205397"/>
                        <a:pt x="295920" y="1210440"/>
                      </a:cubicBezTo>
                      <a:cubicBezTo>
                        <a:pt x="297775" y="1211708"/>
                        <a:pt x="298263" y="1214214"/>
                        <a:pt x="296994" y="1216068"/>
                      </a:cubicBezTo>
                      <a:cubicBezTo>
                        <a:pt x="295725" y="1217922"/>
                        <a:pt x="293188" y="1218410"/>
                        <a:pt x="291366" y="1217142"/>
                      </a:cubicBezTo>
                      <a:cubicBezTo>
                        <a:pt x="283916" y="1212066"/>
                        <a:pt x="276466" y="1206731"/>
                        <a:pt x="269178" y="1201330"/>
                      </a:cubicBezTo>
                      <a:cubicBezTo>
                        <a:pt x="269015" y="1201200"/>
                        <a:pt x="268853" y="1201070"/>
                        <a:pt x="268723" y="1200940"/>
                      </a:cubicBezTo>
                      <a:close/>
                      <a:moveTo>
                        <a:pt x="104529" y="1024611"/>
                      </a:moveTo>
                      <a:cubicBezTo>
                        <a:pt x="104333" y="1024416"/>
                        <a:pt x="104138" y="1024188"/>
                        <a:pt x="103976" y="1023928"/>
                      </a:cubicBezTo>
                      <a:cubicBezTo>
                        <a:pt x="99128" y="1016315"/>
                        <a:pt x="94346" y="1008475"/>
                        <a:pt x="89824" y="1000667"/>
                      </a:cubicBezTo>
                      <a:cubicBezTo>
                        <a:pt x="88685" y="998715"/>
                        <a:pt x="89368" y="996242"/>
                        <a:pt x="91288" y="995104"/>
                      </a:cubicBezTo>
                      <a:cubicBezTo>
                        <a:pt x="93240" y="993965"/>
                        <a:pt x="95712" y="994648"/>
                        <a:pt x="96851" y="996568"/>
                      </a:cubicBezTo>
                      <a:cubicBezTo>
                        <a:pt x="101340" y="1004278"/>
                        <a:pt x="106058" y="1012021"/>
                        <a:pt x="110840" y="1019536"/>
                      </a:cubicBezTo>
                      <a:cubicBezTo>
                        <a:pt x="112044" y="1021423"/>
                        <a:pt x="111491" y="1023928"/>
                        <a:pt x="109604" y="1025132"/>
                      </a:cubicBezTo>
                      <a:cubicBezTo>
                        <a:pt x="107977" y="1026173"/>
                        <a:pt x="105862" y="1025912"/>
                        <a:pt x="104561" y="1024579"/>
                      </a:cubicBezTo>
                      <a:close/>
                      <a:moveTo>
                        <a:pt x="313195" y="1231326"/>
                      </a:moveTo>
                      <a:cubicBezTo>
                        <a:pt x="311894" y="1230025"/>
                        <a:pt x="311601" y="1227943"/>
                        <a:pt x="312610" y="1226316"/>
                      </a:cubicBezTo>
                      <a:cubicBezTo>
                        <a:pt x="313781" y="1224429"/>
                        <a:pt x="316286" y="1223843"/>
                        <a:pt x="318205" y="1225014"/>
                      </a:cubicBezTo>
                      <a:cubicBezTo>
                        <a:pt x="325818" y="1229764"/>
                        <a:pt x="333594" y="1234384"/>
                        <a:pt x="341304" y="1238776"/>
                      </a:cubicBezTo>
                      <a:cubicBezTo>
                        <a:pt x="343256" y="1239882"/>
                        <a:pt x="343939" y="1242355"/>
                        <a:pt x="342833" y="1244307"/>
                      </a:cubicBezTo>
                      <a:cubicBezTo>
                        <a:pt x="341727" y="1246259"/>
                        <a:pt x="339254" y="1246942"/>
                        <a:pt x="337302" y="1245836"/>
                      </a:cubicBezTo>
                      <a:cubicBezTo>
                        <a:pt x="329462" y="1241379"/>
                        <a:pt x="321589" y="1236694"/>
                        <a:pt x="313911" y="1231912"/>
                      </a:cubicBezTo>
                      <a:cubicBezTo>
                        <a:pt x="313651" y="1231749"/>
                        <a:pt x="313391" y="1231554"/>
                        <a:pt x="313195" y="1231326"/>
                      </a:cubicBezTo>
                      <a:close/>
                      <a:moveTo>
                        <a:pt x="77461" y="978024"/>
                      </a:moveTo>
                      <a:cubicBezTo>
                        <a:pt x="77168" y="977731"/>
                        <a:pt x="76941" y="977406"/>
                        <a:pt x="76745" y="977048"/>
                      </a:cubicBezTo>
                      <a:cubicBezTo>
                        <a:pt x="72516" y="969077"/>
                        <a:pt x="68417" y="960846"/>
                        <a:pt x="64513" y="952648"/>
                      </a:cubicBezTo>
                      <a:cubicBezTo>
                        <a:pt x="63537" y="950631"/>
                        <a:pt x="64415" y="948191"/>
                        <a:pt x="66432" y="947248"/>
                      </a:cubicBezTo>
                      <a:cubicBezTo>
                        <a:pt x="68449" y="946272"/>
                        <a:pt x="70889" y="947150"/>
                        <a:pt x="71833" y="949167"/>
                      </a:cubicBezTo>
                      <a:cubicBezTo>
                        <a:pt x="75704" y="957300"/>
                        <a:pt x="79771" y="965401"/>
                        <a:pt x="83935" y="973274"/>
                      </a:cubicBezTo>
                      <a:cubicBezTo>
                        <a:pt x="84976" y="975259"/>
                        <a:pt x="84228" y="977731"/>
                        <a:pt x="82243" y="978772"/>
                      </a:cubicBezTo>
                      <a:cubicBezTo>
                        <a:pt x="80617" y="979618"/>
                        <a:pt x="78697" y="979293"/>
                        <a:pt x="77494" y="978056"/>
                      </a:cubicBezTo>
                      <a:close/>
                      <a:moveTo>
                        <a:pt x="360043" y="1257938"/>
                      </a:moveTo>
                      <a:cubicBezTo>
                        <a:pt x="358839" y="1256734"/>
                        <a:pt x="358481" y="1254815"/>
                        <a:pt x="359295" y="1253221"/>
                      </a:cubicBezTo>
                      <a:cubicBezTo>
                        <a:pt x="360336" y="1251236"/>
                        <a:pt x="362776" y="1250455"/>
                        <a:pt x="364760" y="1251464"/>
                      </a:cubicBezTo>
                      <a:cubicBezTo>
                        <a:pt x="372698" y="1255563"/>
                        <a:pt x="380831" y="1259532"/>
                        <a:pt x="388900" y="1263306"/>
                      </a:cubicBezTo>
                      <a:cubicBezTo>
                        <a:pt x="390949" y="1264249"/>
                        <a:pt x="391828" y="1266657"/>
                        <a:pt x="390884" y="1268706"/>
                      </a:cubicBezTo>
                      <a:cubicBezTo>
                        <a:pt x="389941" y="1270756"/>
                        <a:pt x="387533" y="1271634"/>
                        <a:pt x="385484" y="1270691"/>
                      </a:cubicBezTo>
                      <a:cubicBezTo>
                        <a:pt x="377285" y="1266885"/>
                        <a:pt x="369054" y="1262850"/>
                        <a:pt x="361019" y="1258719"/>
                      </a:cubicBezTo>
                      <a:cubicBezTo>
                        <a:pt x="360628" y="1258524"/>
                        <a:pt x="360303" y="1258263"/>
                        <a:pt x="360010" y="1257970"/>
                      </a:cubicBezTo>
                      <a:close/>
                      <a:moveTo>
                        <a:pt x="54265" y="929257"/>
                      </a:moveTo>
                      <a:cubicBezTo>
                        <a:pt x="53907" y="928899"/>
                        <a:pt x="53614" y="928476"/>
                        <a:pt x="53419" y="927988"/>
                      </a:cubicBezTo>
                      <a:cubicBezTo>
                        <a:pt x="49873" y="919692"/>
                        <a:pt x="46457" y="911168"/>
                        <a:pt x="43236" y="902677"/>
                      </a:cubicBezTo>
                      <a:cubicBezTo>
                        <a:pt x="42456" y="900563"/>
                        <a:pt x="43497" y="898220"/>
                        <a:pt x="45611" y="897440"/>
                      </a:cubicBezTo>
                      <a:cubicBezTo>
                        <a:pt x="47693" y="896659"/>
                        <a:pt x="50036" y="897700"/>
                        <a:pt x="50849" y="899782"/>
                      </a:cubicBezTo>
                      <a:cubicBezTo>
                        <a:pt x="54037" y="908175"/>
                        <a:pt x="57421" y="916601"/>
                        <a:pt x="60902" y="924800"/>
                      </a:cubicBezTo>
                      <a:cubicBezTo>
                        <a:pt x="61780" y="926849"/>
                        <a:pt x="60837" y="929257"/>
                        <a:pt x="58755" y="930135"/>
                      </a:cubicBezTo>
                      <a:cubicBezTo>
                        <a:pt x="57193" y="930818"/>
                        <a:pt x="55436" y="930395"/>
                        <a:pt x="54298" y="929257"/>
                      </a:cubicBezTo>
                      <a:close/>
                      <a:moveTo>
                        <a:pt x="408907" y="1280613"/>
                      </a:moveTo>
                      <a:cubicBezTo>
                        <a:pt x="407769" y="1279475"/>
                        <a:pt x="407378" y="1277751"/>
                        <a:pt x="408029" y="1276189"/>
                      </a:cubicBezTo>
                      <a:cubicBezTo>
                        <a:pt x="408907" y="1274107"/>
                        <a:pt x="411282" y="1273131"/>
                        <a:pt x="413332" y="1274009"/>
                      </a:cubicBezTo>
                      <a:cubicBezTo>
                        <a:pt x="421530" y="1277425"/>
                        <a:pt x="429956" y="1280711"/>
                        <a:pt x="438317" y="1283802"/>
                      </a:cubicBezTo>
                      <a:cubicBezTo>
                        <a:pt x="440432" y="1284582"/>
                        <a:pt x="441506" y="1286925"/>
                        <a:pt x="440725" y="1289007"/>
                      </a:cubicBezTo>
                      <a:cubicBezTo>
                        <a:pt x="439944" y="1291122"/>
                        <a:pt x="437602" y="1292195"/>
                        <a:pt x="435519" y="1291414"/>
                      </a:cubicBezTo>
                      <a:cubicBezTo>
                        <a:pt x="427061" y="1288291"/>
                        <a:pt x="418537" y="1284973"/>
                        <a:pt x="410241" y="1281492"/>
                      </a:cubicBezTo>
                      <a:cubicBezTo>
                        <a:pt x="409721" y="1281297"/>
                        <a:pt x="409298" y="1280971"/>
                        <a:pt x="408940" y="1280613"/>
                      </a:cubicBezTo>
                      <a:close/>
                      <a:moveTo>
                        <a:pt x="35103" y="878831"/>
                      </a:moveTo>
                      <a:cubicBezTo>
                        <a:pt x="34680" y="878408"/>
                        <a:pt x="34322" y="877855"/>
                        <a:pt x="34127" y="877237"/>
                      </a:cubicBezTo>
                      <a:cubicBezTo>
                        <a:pt x="31264" y="868680"/>
                        <a:pt x="28564" y="859896"/>
                        <a:pt x="26059" y="851178"/>
                      </a:cubicBezTo>
                      <a:cubicBezTo>
                        <a:pt x="25441" y="849030"/>
                        <a:pt x="26677" y="846786"/>
                        <a:pt x="28824" y="846135"/>
                      </a:cubicBezTo>
                      <a:cubicBezTo>
                        <a:pt x="30971" y="845517"/>
                        <a:pt x="33249" y="846753"/>
                        <a:pt x="33867" y="848900"/>
                      </a:cubicBezTo>
                      <a:cubicBezTo>
                        <a:pt x="36339" y="857522"/>
                        <a:pt x="39040" y="866175"/>
                        <a:pt x="41837" y="874634"/>
                      </a:cubicBezTo>
                      <a:cubicBezTo>
                        <a:pt x="42553" y="876749"/>
                        <a:pt x="41382" y="879058"/>
                        <a:pt x="39267" y="879774"/>
                      </a:cubicBezTo>
                      <a:cubicBezTo>
                        <a:pt x="37771" y="880262"/>
                        <a:pt x="36177" y="879839"/>
                        <a:pt x="35103" y="878798"/>
                      </a:cubicBezTo>
                      <a:close/>
                      <a:moveTo>
                        <a:pt x="459301" y="1299255"/>
                      </a:moveTo>
                      <a:cubicBezTo>
                        <a:pt x="458260" y="1298214"/>
                        <a:pt x="457837" y="1296620"/>
                        <a:pt x="458293" y="1295123"/>
                      </a:cubicBezTo>
                      <a:cubicBezTo>
                        <a:pt x="458976" y="1292976"/>
                        <a:pt x="461286" y="1291805"/>
                        <a:pt x="463400" y="1292520"/>
                      </a:cubicBezTo>
                      <a:cubicBezTo>
                        <a:pt x="471859" y="1295253"/>
                        <a:pt x="480513" y="1297856"/>
                        <a:pt x="489101" y="1300263"/>
                      </a:cubicBezTo>
                      <a:cubicBezTo>
                        <a:pt x="491248" y="1300882"/>
                        <a:pt x="492517" y="1303126"/>
                        <a:pt x="491932" y="1305273"/>
                      </a:cubicBezTo>
                      <a:cubicBezTo>
                        <a:pt x="491314" y="1307421"/>
                        <a:pt x="489101" y="1308689"/>
                        <a:pt x="486922" y="1308104"/>
                      </a:cubicBezTo>
                      <a:cubicBezTo>
                        <a:pt x="478203" y="1305664"/>
                        <a:pt x="469451" y="1303029"/>
                        <a:pt x="460895" y="1300263"/>
                      </a:cubicBezTo>
                      <a:cubicBezTo>
                        <a:pt x="460277" y="1300068"/>
                        <a:pt x="459724" y="1299710"/>
                        <a:pt x="459269" y="1299287"/>
                      </a:cubicBezTo>
                      <a:close/>
                      <a:moveTo>
                        <a:pt x="20170" y="826973"/>
                      </a:moveTo>
                      <a:cubicBezTo>
                        <a:pt x="19650" y="826452"/>
                        <a:pt x="19292" y="825802"/>
                        <a:pt x="19097" y="825054"/>
                      </a:cubicBezTo>
                      <a:cubicBezTo>
                        <a:pt x="16950" y="816302"/>
                        <a:pt x="14965" y="807356"/>
                        <a:pt x="13176" y="798442"/>
                      </a:cubicBezTo>
                      <a:cubicBezTo>
                        <a:pt x="12720" y="796229"/>
                        <a:pt x="14152" y="794115"/>
                        <a:pt x="16364" y="793659"/>
                      </a:cubicBezTo>
                      <a:cubicBezTo>
                        <a:pt x="18576" y="793204"/>
                        <a:pt x="20691" y="794635"/>
                        <a:pt x="21146" y="796847"/>
                      </a:cubicBezTo>
                      <a:cubicBezTo>
                        <a:pt x="22903" y="805631"/>
                        <a:pt x="24888" y="814480"/>
                        <a:pt x="27002" y="823134"/>
                      </a:cubicBezTo>
                      <a:cubicBezTo>
                        <a:pt x="27523" y="825314"/>
                        <a:pt x="26189" y="827494"/>
                        <a:pt x="24009" y="828047"/>
                      </a:cubicBezTo>
                      <a:cubicBezTo>
                        <a:pt x="22578" y="828404"/>
                        <a:pt x="21146" y="827949"/>
                        <a:pt x="20170" y="826973"/>
                      </a:cubicBezTo>
                      <a:close/>
                      <a:moveTo>
                        <a:pt x="511094" y="1313667"/>
                      </a:moveTo>
                      <a:cubicBezTo>
                        <a:pt x="510118" y="1312691"/>
                        <a:pt x="509662" y="1311292"/>
                        <a:pt x="510020" y="1309861"/>
                      </a:cubicBezTo>
                      <a:cubicBezTo>
                        <a:pt x="510541" y="1307681"/>
                        <a:pt x="512720" y="1306315"/>
                        <a:pt x="514900" y="1306835"/>
                      </a:cubicBezTo>
                      <a:cubicBezTo>
                        <a:pt x="523554" y="1308885"/>
                        <a:pt x="532403" y="1310772"/>
                        <a:pt x="541187" y="1312463"/>
                      </a:cubicBezTo>
                      <a:cubicBezTo>
                        <a:pt x="543399" y="1312886"/>
                        <a:pt x="544830" y="1315033"/>
                        <a:pt x="544407" y="1317213"/>
                      </a:cubicBezTo>
                      <a:cubicBezTo>
                        <a:pt x="543985" y="1319425"/>
                        <a:pt x="541870" y="1320857"/>
                        <a:pt x="539658" y="1320434"/>
                      </a:cubicBezTo>
                      <a:cubicBezTo>
                        <a:pt x="530776" y="1318710"/>
                        <a:pt x="521829" y="1316823"/>
                        <a:pt x="513046" y="1314741"/>
                      </a:cubicBezTo>
                      <a:cubicBezTo>
                        <a:pt x="512297" y="1314578"/>
                        <a:pt x="511614" y="1314187"/>
                        <a:pt x="511094" y="1313667"/>
                      </a:cubicBezTo>
                      <a:close/>
                      <a:moveTo>
                        <a:pt x="9500" y="774139"/>
                      </a:moveTo>
                      <a:cubicBezTo>
                        <a:pt x="8914" y="773554"/>
                        <a:pt x="8491" y="772773"/>
                        <a:pt x="8361" y="771927"/>
                      </a:cubicBezTo>
                      <a:cubicBezTo>
                        <a:pt x="6930" y="762981"/>
                        <a:pt x="5661" y="753904"/>
                        <a:pt x="4620" y="744925"/>
                      </a:cubicBezTo>
                      <a:cubicBezTo>
                        <a:pt x="4359" y="742713"/>
                        <a:pt x="5954" y="740663"/>
                        <a:pt x="8166" y="740403"/>
                      </a:cubicBezTo>
                      <a:cubicBezTo>
                        <a:pt x="10378" y="740142"/>
                        <a:pt x="12428" y="741737"/>
                        <a:pt x="12688" y="743949"/>
                      </a:cubicBezTo>
                      <a:cubicBezTo>
                        <a:pt x="13729" y="752830"/>
                        <a:pt x="14998" y="761777"/>
                        <a:pt x="16397" y="770626"/>
                      </a:cubicBezTo>
                      <a:cubicBezTo>
                        <a:pt x="16755" y="772838"/>
                        <a:pt x="15225" y="774920"/>
                        <a:pt x="13013" y="775278"/>
                      </a:cubicBezTo>
                      <a:cubicBezTo>
                        <a:pt x="11679" y="775506"/>
                        <a:pt x="10378" y="775018"/>
                        <a:pt x="9500" y="774139"/>
                      </a:cubicBezTo>
                      <a:close/>
                      <a:moveTo>
                        <a:pt x="563895" y="1323882"/>
                      </a:moveTo>
                      <a:cubicBezTo>
                        <a:pt x="563016" y="1323004"/>
                        <a:pt x="562561" y="1321735"/>
                        <a:pt x="562756" y="1320401"/>
                      </a:cubicBezTo>
                      <a:cubicBezTo>
                        <a:pt x="563081" y="1318189"/>
                        <a:pt x="565163" y="1316660"/>
                        <a:pt x="567376" y="1316985"/>
                      </a:cubicBezTo>
                      <a:cubicBezTo>
                        <a:pt x="576160" y="1318319"/>
                        <a:pt x="585139" y="1319490"/>
                        <a:pt x="594020" y="1320466"/>
                      </a:cubicBezTo>
                      <a:cubicBezTo>
                        <a:pt x="596265" y="1320727"/>
                        <a:pt x="597859" y="1322711"/>
                        <a:pt x="597599" y="1324956"/>
                      </a:cubicBezTo>
                      <a:cubicBezTo>
                        <a:pt x="597371" y="1327201"/>
                        <a:pt x="595354" y="1328795"/>
                        <a:pt x="593109" y="1328535"/>
                      </a:cubicBezTo>
                      <a:cubicBezTo>
                        <a:pt x="584098" y="1327559"/>
                        <a:pt x="575021" y="1326355"/>
                        <a:pt x="566139" y="1325021"/>
                      </a:cubicBezTo>
                      <a:cubicBezTo>
                        <a:pt x="565261" y="1324891"/>
                        <a:pt x="564480" y="1324468"/>
                        <a:pt x="563862" y="1323882"/>
                      </a:cubicBezTo>
                      <a:close/>
                      <a:moveTo>
                        <a:pt x="3188" y="720623"/>
                      </a:moveTo>
                      <a:cubicBezTo>
                        <a:pt x="2538" y="719972"/>
                        <a:pt x="2082" y="719061"/>
                        <a:pt x="2017" y="718053"/>
                      </a:cubicBezTo>
                      <a:cubicBezTo>
                        <a:pt x="1334" y="709106"/>
                        <a:pt x="813" y="699964"/>
                        <a:pt x="455" y="690855"/>
                      </a:cubicBezTo>
                      <a:cubicBezTo>
                        <a:pt x="358" y="688610"/>
                        <a:pt x="2115" y="686723"/>
                        <a:pt x="4359" y="686658"/>
                      </a:cubicBezTo>
                      <a:cubicBezTo>
                        <a:pt x="6604" y="686561"/>
                        <a:pt x="8491" y="688317"/>
                        <a:pt x="8556" y="690562"/>
                      </a:cubicBezTo>
                      <a:cubicBezTo>
                        <a:pt x="8882" y="699541"/>
                        <a:pt x="9402" y="708585"/>
                        <a:pt x="10085" y="717434"/>
                      </a:cubicBezTo>
                      <a:cubicBezTo>
                        <a:pt x="10248" y="719679"/>
                        <a:pt x="8589" y="721631"/>
                        <a:pt x="6344" y="721794"/>
                      </a:cubicBezTo>
                      <a:cubicBezTo>
                        <a:pt x="5108" y="721891"/>
                        <a:pt x="3969" y="721436"/>
                        <a:pt x="3156" y="720623"/>
                      </a:cubicBezTo>
                      <a:close/>
                      <a:moveTo>
                        <a:pt x="617444" y="1329771"/>
                      </a:moveTo>
                      <a:cubicBezTo>
                        <a:pt x="616631" y="1328958"/>
                        <a:pt x="616175" y="1327851"/>
                        <a:pt x="616273" y="1326615"/>
                      </a:cubicBezTo>
                      <a:cubicBezTo>
                        <a:pt x="616436" y="1324370"/>
                        <a:pt x="618355" y="1322679"/>
                        <a:pt x="620600" y="1322841"/>
                      </a:cubicBezTo>
                      <a:cubicBezTo>
                        <a:pt x="629514" y="1323459"/>
                        <a:pt x="638558" y="1323882"/>
                        <a:pt x="647472" y="1324143"/>
                      </a:cubicBezTo>
                      <a:cubicBezTo>
                        <a:pt x="649717" y="1324208"/>
                        <a:pt x="651474" y="1326062"/>
                        <a:pt x="651408" y="1328307"/>
                      </a:cubicBezTo>
                      <a:cubicBezTo>
                        <a:pt x="651343" y="1330552"/>
                        <a:pt x="649489" y="1332308"/>
                        <a:pt x="647244" y="1332243"/>
                      </a:cubicBezTo>
                      <a:cubicBezTo>
                        <a:pt x="638233" y="1331983"/>
                        <a:pt x="629091" y="1331528"/>
                        <a:pt x="620047" y="1330910"/>
                      </a:cubicBezTo>
                      <a:cubicBezTo>
                        <a:pt x="619038" y="1330844"/>
                        <a:pt x="618127" y="1330389"/>
                        <a:pt x="617444" y="1329738"/>
                      </a:cubicBezTo>
                      <a:close/>
                      <a:moveTo>
                        <a:pt x="1204" y="666780"/>
                      </a:moveTo>
                      <a:cubicBezTo>
                        <a:pt x="455" y="666032"/>
                        <a:pt x="0" y="665024"/>
                        <a:pt x="0" y="663885"/>
                      </a:cubicBezTo>
                      <a:cubicBezTo>
                        <a:pt x="0" y="654841"/>
                        <a:pt x="260" y="645699"/>
                        <a:pt x="651" y="636655"/>
                      </a:cubicBezTo>
                      <a:cubicBezTo>
                        <a:pt x="748" y="634410"/>
                        <a:pt x="2635" y="632686"/>
                        <a:pt x="4880" y="632783"/>
                      </a:cubicBezTo>
                      <a:cubicBezTo>
                        <a:pt x="7125" y="632881"/>
                        <a:pt x="8849" y="634768"/>
                        <a:pt x="8751" y="637013"/>
                      </a:cubicBezTo>
                      <a:cubicBezTo>
                        <a:pt x="8361" y="645927"/>
                        <a:pt x="8133" y="654971"/>
                        <a:pt x="8101" y="663918"/>
                      </a:cubicBezTo>
                      <a:cubicBezTo>
                        <a:pt x="8101" y="666162"/>
                        <a:pt x="6279" y="667984"/>
                        <a:pt x="4034" y="667952"/>
                      </a:cubicBezTo>
                      <a:cubicBezTo>
                        <a:pt x="2928" y="667952"/>
                        <a:pt x="1919" y="667496"/>
                        <a:pt x="1171" y="666748"/>
                      </a:cubicBezTo>
                      <a:close/>
                      <a:moveTo>
                        <a:pt x="671254" y="1331300"/>
                      </a:moveTo>
                      <a:cubicBezTo>
                        <a:pt x="670538" y="1330584"/>
                        <a:pt x="670082" y="1329576"/>
                        <a:pt x="670050" y="1328470"/>
                      </a:cubicBezTo>
                      <a:cubicBezTo>
                        <a:pt x="670050" y="1326225"/>
                        <a:pt x="671807" y="1324403"/>
                        <a:pt x="674051" y="1324370"/>
                      </a:cubicBezTo>
                      <a:cubicBezTo>
                        <a:pt x="682965" y="1324273"/>
                        <a:pt x="692010" y="1323980"/>
                        <a:pt x="700956" y="1323492"/>
                      </a:cubicBezTo>
                      <a:cubicBezTo>
                        <a:pt x="703201" y="1323362"/>
                        <a:pt x="705121" y="1325086"/>
                        <a:pt x="705218" y="1327331"/>
                      </a:cubicBezTo>
                      <a:cubicBezTo>
                        <a:pt x="705348" y="1329576"/>
                        <a:pt x="703624" y="1331495"/>
                        <a:pt x="701379" y="1331593"/>
                      </a:cubicBezTo>
                      <a:cubicBezTo>
                        <a:pt x="692335" y="1332081"/>
                        <a:pt x="683193" y="1332373"/>
                        <a:pt x="674149" y="1332471"/>
                      </a:cubicBezTo>
                      <a:cubicBezTo>
                        <a:pt x="673010" y="1332471"/>
                        <a:pt x="671969" y="1332016"/>
                        <a:pt x="671221" y="1331267"/>
                      </a:cubicBezTo>
                      <a:close/>
                      <a:moveTo>
                        <a:pt x="3546" y="613003"/>
                      </a:moveTo>
                      <a:cubicBezTo>
                        <a:pt x="2733" y="612190"/>
                        <a:pt x="2277" y="611019"/>
                        <a:pt x="2375" y="609783"/>
                      </a:cubicBezTo>
                      <a:cubicBezTo>
                        <a:pt x="3123" y="600803"/>
                        <a:pt x="4099" y="591694"/>
                        <a:pt x="5205" y="582715"/>
                      </a:cubicBezTo>
                      <a:cubicBezTo>
                        <a:pt x="5498" y="580503"/>
                        <a:pt x="7515" y="578909"/>
                        <a:pt x="9727" y="579202"/>
                      </a:cubicBezTo>
                      <a:cubicBezTo>
                        <a:pt x="11940" y="579494"/>
                        <a:pt x="13534" y="581511"/>
                        <a:pt x="13241" y="583724"/>
                      </a:cubicBezTo>
                      <a:cubicBezTo>
                        <a:pt x="12135" y="592573"/>
                        <a:pt x="11191" y="601584"/>
                        <a:pt x="10443" y="610466"/>
                      </a:cubicBezTo>
                      <a:cubicBezTo>
                        <a:pt x="10248" y="612711"/>
                        <a:pt x="8296" y="614370"/>
                        <a:pt x="6051" y="614175"/>
                      </a:cubicBezTo>
                      <a:cubicBezTo>
                        <a:pt x="5043" y="614077"/>
                        <a:pt x="4164" y="613654"/>
                        <a:pt x="3514" y="613003"/>
                      </a:cubicBezTo>
                      <a:close/>
                      <a:moveTo>
                        <a:pt x="725031" y="1328502"/>
                      </a:moveTo>
                      <a:cubicBezTo>
                        <a:pt x="724380" y="1327851"/>
                        <a:pt x="723957" y="1326973"/>
                        <a:pt x="723860" y="1325997"/>
                      </a:cubicBezTo>
                      <a:cubicBezTo>
                        <a:pt x="723664" y="1323752"/>
                        <a:pt x="725291" y="1321800"/>
                        <a:pt x="727536" y="1321573"/>
                      </a:cubicBezTo>
                      <a:cubicBezTo>
                        <a:pt x="736417" y="1320759"/>
                        <a:pt x="745396" y="1319718"/>
                        <a:pt x="754278" y="1318547"/>
                      </a:cubicBezTo>
                      <a:cubicBezTo>
                        <a:pt x="756490" y="1318254"/>
                        <a:pt x="758540" y="1319816"/>
                        <a:pt x="758833" y="1322028"/>
                      </a:cubicBezTo>
                      <a:cubicBezTo>
                        <a:pt x="759125" y="1324240"/>
                        <a:pt x="757564" y="1326290"/>
                        <a:pt x="755351" y="1326583"/>
                      </a:cubicBezTo>
                      <a:cubicBezTo>
                        <a:pt x="746372" y="1327786"/>
                        <a:pt x="737263" y="1328827"/>
                        <a:pt x="728284" y="1329641"/>
                      </a:cubicBezTo>
                      <a:cubicBezTo>
                        <a:pt x="727015" y="1329771"/>
                        <a:pt x="725844" y="1329283"/>
                        <a:pt x="725031" y="1328470"/>
                      </a:cubicBezTo>
                      <a:close/>
                      <a:moveTo>
                        <a:pt x="10248" y="559584"/>
                      </a:moveTo>
                      <a:cubicBezTo>
                        <a:pt x="9337" y="558673"/>
                        <a:pt x="8882" y="557372"/>
                        <a:pt x="9109" y="556038"/>
                      </a:cubicBezTo>
                      <a:cubicBezTo>
                        <a:pt x="10606" y="547124"/>
                        <a:pt x="12297" y="538112"/>
                        <a:pt x="14119" y="529296"/>
                      </a:cubicBezTo>
                      <a:cubicBezTo>
                        <a:pt x="14575" y="527084"/>
                        <a:pt x="16722" y="525685"/>
                        <a:pt x="18934" y="526140"/>
                      </a:cubicBezTo>
                      <a:cubicBezTo>
                        <a:pt x="21146" y="526596"/>
                        <a:pt x="22545" y="528743"/>
                        <a:pt x="22090" y="530955"/>
                      </a:cubicBezTo>
                      <a:cubicBezTo>
                        <a:pt x="20268" y="539674"/>
                        <a:pt x="18609" y="548555"/>
                        <a:pt x="17145" y="557372"/>
                      </a:cubicBezTo>
                      <a:cubicBezTo>
                        <a:pt x="16787" y="559584"/>
                        <a:pt x="14672" y="561081"/>
                        <a:pt x="12460" y="560723"/>
                      </a:cubicBezTo>
                      <a:cubicBezTo>
                        <a:pt x="11582" y="560593"/>
                        <a:pt x="10833" y="560170"/>
                        <a:pt x="10248" y="559584"/>
                      </a:cubicBezTo>
                      <a:close/>
                      <a:moveTo>
                        <a:pt x="778450" y="1321312"/>
                      </a:moveTo>
                      <a:cubicBezTo>
                        <a:pt x="777897" y="1320759"/>
                        <a:pt x="777474" y="1320011"/>
                        <a:pt x="777311" y="1319133"/>
                      </a:cubicBezTo>
                      <a:cubicBezTo>
                        <a:pt x="776921" y="1316920"/>
                        <a:pt x="778385" y="1314806"/>
                        <a:pt x="780597" y="1314415"/>
                      </a:cubicBezTo>
                      <a:cubicBezTo>
                        <a:pt x="789414" y="1312854"/>
                        <a:pt x="798295" y="1311129"/>
                        <a:pt x="807014" y="1309210"/>
                      </a:cubicBezTo>
                      <a:cubicBezTo>
                        <a:pt x="809194" y="1308722"/>
                        <a:pt x="811373" y="1310121"/>
                        <a:pt x="811861" y="1312301"/>
                      </a:cubicBezTo>
                      <a:cubicBezTo>
                        <a:pt x="812349" y="1314480"/>
                        <a:pt x="810950" y="1316660"/>
                        <a:pt x="808771" y="1317148"/>
                      </a:cubicBezTo>
                      <a:cubicBezTo>
                        <a:pt x="799954" y="1319067"/>
                        <a:pt x="790943" y="1320824"/>
                        <a:pt x="782029" y="1322418"/>
                      </a:cubicBezTo>
                      <a:cubicBezTo>
                        <a:pt x="780662" y="1322646"/>
                        <a:pt x="779361" y="1322191"/>
                        <a:pt x="778450" y="1321280"/>
                      </a:cubicBezTo>
                      <a:close/>
                      <a:moveTo>
                        <a:pt x="21244" y="506913"/>
                      </a:moveTo>
                      <a:cubicBezTo>
                        <a:pt x="20268" y="505937"/>
                        <a:pt x="19813" y="504473"/>
                        <a:pt x="20170" y="503042"/>
                      </a:cubicBezTo>
                      <a:cubicBezTo>
                        <a:pt x="22383" y="494258"/>
                        <a:pt x="24790" y="485441"/>
                        <a:pt x="27328" y="476820"/>
                      </a:cubicBezTo>
                      <a:cubicBezTo>
                        <a:pt x="27978" y="474673"/>
                        <a:pt x="30223" y="473437"/>
                        <a:pt x="32370" y="474087"/>
                      </a:cubicBezTo>
                      <a:cubicBezTo>
                        <a:pt x="34518" y="474706"/>
                        <a:pt x="35754" y="476983"/>
                        <a:pt x="35103" y="479130"/>
                      </a:cubicBezTo>
                      <a:cubicBezTo>
                        <a:pt x="32598" y="487654"/>
                        <a:pt x="30191" y="496373"/>
                        <a:pt x="28011" y="505026"/>
                      </a:cubicBezTo>
                      <a:cubicBezTo>
                        <a:pt x="27458" y="507206"/>
                        <a:pt x="25246" y="508507"/>
                        <a:pt x="23066" y="507987"/>
                      </a:cubicBezTo>
                      <a:cubicBezTo>
                        <a:pt x="22318" y="507792"/>
                        <a:pt x="21700" y="507434"/>
                        <a:pt x="21179" y="506913"/>
                      </a:cubicBezTo>
                      <a:close/>
                      <a:moveTo>
                        <a:pt x="831153" y="1309828"/>
                      </a:moveTo>
                      <a:cubicBezTo>
                        <a:pt x="830665" y="1309340"/>
                        <a:pt x="830275" y="1308722"/>
                        <a:pt x="830112" y="1307974"/>
                      </a:cubicBezTo>
                      <a:cubicBezTo>
                        <a:pt x="829559" y="1305794"/>
                        <a:pt x="830861" y="1303582"/>
                        <a:pt x="833008" y="1303029"/>
                      </a:cubicBezTo>
                      <a:cubicBezTo>
                        <a:pt x="841662" y="1300784"/>
                        <a:pt x="850380" y="1298311"/>
                        <a:pt x="858937" y="1295709"/>
                      </a:cubicBezTo>
                      <a:cubicBezTo>
                        <a:pt x="861084" y="1295058"/>
                        <a:pt x="863361" y="1296262"/>
                        <a:pt x="864012" y="1298409"/>
                      </a:cubicBezTo>
                      <a:cubicBezTo>
                        <a:pt x="864662" y="1300556"/>
                        <a:pt x="863459" y="1302834"/>
                        <a:pt x="861311" y="1303484"/>
                      </a:cubicBezTo>
                      <a:cubicBezTo>
                        <a:pt x="852658" y="1306119"/>
                        <a:pt x="843841" y="1308624"/>
                        <a:pt x="835057" y="1310902"/>
                      </a:cubicBezTo>
                      <a:cubicBezTo>
                        <a:pt x="833626" y="1311292"/>
                        <a:pt x="832129" y="1310837"/>
                        <a:pt x="831153" y="1309828"/>
                      </a:cubicBezTo>
                      <a:close/>
                      <a:moveTo>
                        <a:pt x="36470" y="455381"/>
                      </a:moveTo>
                      <a:cubicBezTo>
                        <a:pt x="35396" y="454307"/>
                        <a:pt x="34973" y="452713"/>
                        <a:pt x="35494" y="451184"/>
                      </a:cubicBezTo>
                      <a:cubicBezTo>
                        <a:pt x="38389" y="442661"/>
                        <a:pt x="41512" y="434072"/>
                        <a:pt x="44765" y="425646"/>
                      </a:cubicBezTo>
                      <a:cubicBezTo>
                        <a:pt x="45579" y="423564"/>
                        <a:pt x="47921" y="422523"/>
                        <a:pt x="50003" y="423336"/>
                      </a:cubicBezTo>
                      <a:cubicBezTo>
                        <a:pt x="52085" y="424149"/>
                        <a:pt x="53126" y="426492"/>
                        <a:pt x="52313" y="428574"/>
                      </a:cubicBezTo>
                      <a:cubicBezTo>
                        <a:pt x="49092" y="436870"/>
                        <a:pt x="46034" y="445361"/>
                        <a:pt x="43139" y="453787"/>
                      </a:cubicBezTo>
                      <a:cubicBezTo>
                        <a:pt x="42423" y="455901"/>
                        <a:pt x="40113" y="457040"/>
                        <a:pt x="37999" y="456324"/>
                      </a:cubicBezTo>
                      <a:cubicBezTo>
                        <a:pt x="37380" y="456129"/>
                        <a:pt x="36860" y="455771"/>
                        <a:pt x="36437" y="455348"/>
                      </a:cubicBezTo>
                      <a:close/>
                      <a:moveTo>
                        <a:pt x="882751" y="1294115"/>
                      </a:moveTo>
                      <a:cubicBezTo>
                        <a:pt x="882328" y="1293692"/>
                        <a:pt x="882002" y="1293171"/>
                        <a:pt x="881807" y="1292586"/>
                      </a:cubicBezTo>
                      <a:cubicBezTo>
                        <a:pt x="881059" y="1290471"/>
                        <a:pt x="882165" y="1288161"/>
                        <a:pt x="884312" y="1287413"/>
                      </a:cubicBezTo>
                      <a:cubicBezTo>
                        <a:pt x="892771" y="1284452"/>
                        <a:pt x="901262" y="1281297"/>
                        <a:pt x="909558" y="1277978"/>
                      </a:cubicBezTo>
                      <a:cubicBezTo>
                        <a:pt x="911640" y="1277165"/>
                        <a:pt x="914015" y="1278174"/>
                        <a:pt x="914828" y="1280256"/>
                      </a:cubicBezTo>
                      <a:cubicBezTo>
                        <a:pt x="915642" y="1282338"/>
                        <a:pt x="914633" y="1284713"/>
                        <a:pt x="912551" y="1285526"/>
                      </a:cubicBezTo>
                      <a:cubicBezTo>
                        <a:pt x="904125" y="1288877"/>
                        <a:pt x="895536" y="1292065"/>
                        <a:pt x="886980" y="1295058"/>
                      </a:cubicBezTo>
                      <a:cubicBezTo>
                        <a:pt x="885451" y="1295579"/>
                        <a:pt x="883824" y="1295156"/>
                        <a:pt x="882751" y="1294082"/>
                      </a:cubicBezTo>
                      <a:close/>
                      <a:moveTo>
                        <a:pt x="55827" y="405248"/>
                      </a:moveTo>
                      <a:cubicBezTo>
                        <a:pt x="54688" y="404109"/>
                        <a:pt x="54298" y="402320"/>
                        <a:pt x="54981" y="400758"/>
                      </a:cubicBezTo>
                      <a:cubicBezTo>
                        <a:pt x="58559" y="392495"/>
                        <a:pt x="62398" y="384166"/>
                        <a:pt x="66335" y="376000"/>
                      </a:cubicBezTo>
                      <a:cubicBezTo>
                        <a:pt x="67311" y="373983"/>
                        <a:pt x="69751" y="373137"/>
                        <a:pt x="71768" y="374113"/>
                      </a:cubicBezTo>
                      <a:cubicBezTo>
                        <a:pt x="73785" y="375089"/>
                        <a:pt x="74631" y="377529"/>
                        <a:pt x="73655" y="379546"/>
                      </a:cubicBezTo>
                      <a:cubicBezTo>
                        <a:pt x="69751" y="387615"/>
                        <a:pt x="65977" y="395813"/>
                        <a:pt x="62431" y="404011"/>
                      </a:cubicBezTo>
                      <a:cubicBezTo>
                        <a:pt x="61552" y="406061"/>
                        <a:pt x="59145" y="407004"/>
                        <a:pt x="57095" y="406126"/>
                      </a:cubicBezTo>
                      <a:cubicBezTo>
                        <a:pt x="56607" y="405931"/>
                        <a:pt x="56185" y="405638"/>
                        <a:pt x="55827" y="405280"/>
                      </a:cubicBezTo>
                      <a:close/>
                      <a:moveTo>
                        <a:pt x="932917" y="1274204"/>
                      </a:moveTo>
                      <a:cubicBezTo>
                        <a:pt x="932559" y="1273847"/>
                        <a:pt x="932299" y="1273456"/>
                        <a:pt x="932071" y="1273001"/>
                      </a:cubicBezTo>
                      <a:cubicBezTo>
                        <a:pt x="931160" y="1270951"/>
                        <a:pt x="932071" y="1268544"/>
                        <a:pt x="934120" y="1267633"/>
                      </a:cubicBezTo>
                      <a:cubicBezTo>
                        <a:pt x="942286" y="1263989"/>
                        <a:pt x="950517" y="1260118"/>
                        <a:pt x="958520" y="1256149"/>
                      </a:cubicBezTo>
                      <a:cubicBezTo>
                        <a:pt x="960537" y="1255140"/>
                        <a:pt x="962977" y="1255953"/>
                        <a:pt x="963953" y="1257970"/>
                      </a:cubicBezTo>
                      <a:cubicBezTo>
                        <a:pt x="964962" y="1259987"/>
                        <a:pt x="964116" y="1262427"/>
                        <a:pt x="962131" y="1263404"/>
                      </a:cubicBezTo>
                      <a:cubicBezTo>
                        <a:pt x="954031" y="1267438"/>
                        <a:pt x="945702" y="1271342"/>
                        <a:pt x="937406" y="1275018"/>
                      </a:cubicBezTo>
                      <a:cubicBezTo>
                        <a:pt x="935812" y="1275734"/>
                        <a:pt x="934023" y="1275343"/>
                        <a:pt x="932884" y="1274172"/>
                      </a:cubicBezTo>
                      <a:close/>
                      <a:moveTo>
                        <a:pt x="79283" y="356773"/>
                      </a:moveTo>
                      <a:cubicBezTo>
                        <a:pt x="78047" y="355537"/>
                        <a:pt x="77721" y="353618"/>
                        <a:pt x="78567" y="351991"/>
                      </a:cubicBezTo>
                      <a:cubicBezTo>
                        <a:pt x="82829" y="344020"/>
                        <a:pt x="87319" y="336050"/>
                        <a:pt x="91906" y="328242"/>
                      </a:cubicBezTo>
                      <a:cubicBezTo>
                        <a:pt x="93044" y="326322"/>
                        <a:pt x="95549" y="325672"/>
                        <a:pt x="97469" y="326810"/>
                      </a:cubicBezTo>
                      <a:cubicBezTo>
                        <a:pt x="99388" y="327949"/>
                        <a:pt x="100039" y="330454"/>
                        <a:pt x="98900" y="332374"/>
                      </a:cubicBezTo>
                      <a:cubicBezTo>
                        <a:pt x="94378" y="340051"/>
                        <a:pt x="89921" y="347957"/>
                        <a:pt x="85724" y="355830"/>
                      </a:cubicBezTo>
                      <a:cubicBezTo>
                        <a:pt x="84651" y="357814"/>
                        <a:pt x="82211" y="358563"/>
                        <a:pt x="80226" y="357489"/>
                      </a:cubicBezTo>
                      <a:cubicBezTo>
                        <a:pt x="79869" y="357294"/>
                        <a:pt x="79543" y="357066"/>
                        <a:pt x="79283" y="356773"/>
                      </a:cubicBezTo>
                      <a:close/>
                      <a:moveTo>
                        <a:pt x="981261" y="1250293"/>
                      </a:moveTo>
                      <a:cubicBezTo>
                        <a:pt x="981000" y="1250032"/>
                        <a:pt x="980773" y="1249707"/>
                        <a:pt x="980578" y="1249382"/>
                      </a:cubicBezTo>
                      <a:cubicBezTo>
                        <a:pt x="979504" y="1247430"/>
                        <a:pt x="980220" y="1244957"/>
                        <a:pt x="982204" y="1243884"/>
                      </a:cubicBezTo>
                      <a:cubicBezTo>
                        <a:pt x="990045" y="1239589"/>
                        <a:pt x="997885" y="1235100"/>
                        <a:pt x="1005530" y="1230480"/>
                      </a:cubicBezTo>
                      <a:cubicBezTo>
                        <a:pt x="1007450" y="1229309"/>
                        <a:pt x="1009955" y="1229927"/>
                        <a:pt x="1011093" y="1231879"/>
                      </a:cubicBezTo>
                      <a:cubicBezTo>
                        <a:pt x="1012265" y="1233798"/>
                        <a:pt x="1011614" y="1236303"/>
                        <a:pt x="1009694" y="1237442"/>
                      </a:cubicBezTo>
                      <a:cubicBezTo>
                        <a:pt x="1001952" y="1242094"/>
                        <a:pt x="994014" y="1246681"/>
                        <a:pt x="986076" y="1251008"/>
                      </a:cubicBezTo>
                      <a:cubicBezTo>
                        <a:pt x="984449" y="1251887"/>
                        <a:pt x="982497" y="1251561"/>
                        <a:pt x="981261" y="1250325"/>
                      </a:cubicBezTo>
                      <a:close/>
                      <a:moveTo>
                        <a:pt x="106643" y="310349"/>
                      </a:moveTo>
                      <a:cubicBezTo>
                        <a:pt x="105309" y="309015"/>
                        <a:pt x="105049" y="306900"/>
                        <a:pt x="106090" y="305274"/>
                      </a:cubicBezTo>
                      <a:cubicBezTo>
                        <a:pt x="110970" y="297693"/>
                        <a:pt x="116110" y="290113"/>
                        <a:pt x="121316" y="282696"/>
                      </a:cubicBezTo>
                      <a:cubicBezTo>
                        <a:pt x="122617" y="280874"/>
                        <a:pt x="125154" y="280418"/>
                        <a:pt x="126976" y="281720"/>
                      </a:cubicBezTo>
                      <a:cubicBezTo>
                        <a:pt x="128798" y="283021"/>
                        <a:pt x="129254" y="285559"/>
                        <a:pt x="127952" y="287380"/>
                      </a:cubicBezTo>
                      <a:cubicBezTo>
                        <a:pt x="122812" y="294700"/>
                        <a:pt x="117737" y="302183"/>
                        <a:pt x="112890" y="309666"/>
                      </a:cubicBezTo>
                      <a:cubicBezTo>
                        <a:pt x="111686" y="311552"/>
                        <a:pt x="109148" y="312106"/>
                        <a:pt x="107261" y="310869"/>
                      </a:cubicBezTo>
                      <a:cubicBezTo>
                        <a:pt x="107001" y="310707"/>
                        <a:pt x="106806" y="310511"/>
                        <a:pt x="106578" y="310316"/>
                      </a:cubicBezTo>
                      <a:close/>
                      <a:moveTo>
                        <a:pt x="1027425" y="1222477"/>
                      </a:moveTo>
                      <a:cubicBezTo>
                        <a:pt x="1027230" y="1222282"/>
                        <a:pt x="1027067" y="1222087"/>
                        <a:pt x="1026904" y="1221826"/>
                      </a:cubicBezTo>
                      <a:cubicBezTo>
                        <a:pt x="1025668" y="1219939"/>
                        <a:pt x="1026189" y="1217434"/>
                        <a:pt x="1028076" y="1216198"/>
                      </a:cubicBezTo>
                      <a:cubicBezTo>
                        <a:pt x="1035526" y="1211286"/>
                        <a:pt x="1042976" y="1206145"/>
                        <a:pt x="1050231" y="1200940"/>
                      </a:cubicBezTo>
                      <a:cubicBezTo>
                        <a:pt x="1052053" y="1199639"/>
                        <a:pt x="1054590" y="1200029"/>
                        <a:pt x="1055891" y="1201851"/>
                      </a:cubicBezTo>
                      <a:cubicBezTo>
                        <a:pt x="1057193" y="1203673"/>
                        <a:pt x="1056802" y="1206210"/>
                        <a:pt x="1054981" y="1207512"/>
                      </a:cubicBezTo>
                      <a:cubicBezTo>
                        <a:pt x="1047661" y="1212782"/>
                        <a:pt x="1040113" y="1217987"/>
                        <a:pt x="1032565" y="1222965"/>
                      </a:cubicBezTo>
                      <a:cubicBezTo>
                        <a:pt x="1030939" y="1224039"/>
                        <a:pt x="1028791" y="1223778"/>
                        <a:pt x="1027458" y="1222444"/>
                      </a:cubicBezTo>
                      <a:close/>
                      <a:moveTo>
                        <a:pt x="137680" y="266332"/>
                      </a:moveTo>
                      <a:cubicBezTo>
                        <a:pt x="136248" y="264900"/>
                        <a:pt x="136086" y="262623"/>
                        <a:pt x="137322" y="260996"/>
                      </a:cubicBezTo>
                      <a:cubicBezTo>
                        <a:pt x="142820" y="253839"/>
                        <a:pt x="148546" y="246682"/>
                        <a:pt x="154337" y="239752"/>
                      </a:cubicBezTo>
                      <a:cubicBezTo>
                        <a:pt x="155768" y="238028"/>
                        <a:pt x="158338" y="237800"/>
                        <a:pt x="160062" y="239232"/>
                      </a:cubicBezTo>
                      <a:cubicBezTo>
                        <a:pt x="161787" y="240663"/>
                        <a:pt x="162014" y="243233"/>
                        <a:pt x="160583" y="244957"/>
                      </a:cubicBezTo>
                      <a:cubicBezTo>
                        <a:pt x="154857" y="251822"/>
                        <a:pt x="149196" y="258881"/>
                        <a:pt x="143763" y="265941"/>
                      </a:cubicBezTo>
                      <a:cubicBezTo>
                        <a:pt x="142397" y="267730"/>
                        <a:pt x="139859" y="268056"/>
                        <a:pt x="138070" y="266689"/>
                      </a:cubicBezTo>
                      <a:cubicBezTo>
                        <a:pt x="137940" y="266592"/>
                        <a:pt x="137777" y="266462"/>
                        <a:pt x="137680" y="266332"/>
                      </a:cubicBezTo>
                      <a:close/>
                      <a:moveTo>
                        <a:pt x="1071149" y="1191018"/>
                      </a:moveTo>
                      <a:cubicBezTo>
                        <a:pt x="1071149" y="1191018"/>
                        <a:pt x="1070922" y="1190790"/>
                        <a:pt x="1070824" y="1190660"/>
                      </a:cubicBezTo>
                      <a:cubicBezTo>
                        <a:pt x="1069458" y="1188903"/>
                        <a:pt x="1069751" y="1186333"/>
                        <a:pt x="1071507" y="1184966"/>
                      </a:cubicBezTo>
                      <a:cubicBezTo>
                        <a:pt x="1078534" y="1179468"/>
                        <a:pt x="1085529" y="1173743"/>
                        <a:pt x="1092328" y="1167952"/>
                      </a:cubicBezTo>
                      <a:cubicBezTo>
                        <a:pt x="1094020" y="1166488"/>
                        <a:pt x="1096558" y="1166683"/>
                        <a:pt x="1098054" y="1168407"/>
                      </a:cubicBezTo>
                      <a:cubicBezTo>
                        <a:pt x="1099518" y="1170099"/>
                        <a:pt x="1099290" y="1172669"/>
                        <a:pt x="1097599" y="1174133"/>
                      </a:cubicBezTo>
                      <a:cubicBezTo>
                        <a:pt x="1090702" y="1179989"/>
                        <a:pt x="1083610" y="1185780"/>
                        <a:pt x="1076517" y="1191343"/>
                      </a:cubicBezTo>
                      <a:cubicBezTo>
                        <a:pt x="1074891" y="1192612"/>
                        <a:pt x="1072581" y="1192449"/>
                        <a:pt x="1071149" y="1191018"/>
                      </a:cubicBezTo>
                      <a:close/>
                      <a:moveTo>
                        <a:pt x="172165" y="224982"/>
                      </a:moveTo>
                      <a:cubicBezTo>
                        <a:pt x="170636" y="223453"/>
                        <a:pt x="170571" y="221013"/>
                        <a:pt x="172035" y="219386"/>
                      </a:cubicBezTo>
                      <a:cubicBezTo>
                        <a:pt x="178086" y="212685"/>
                        <a:pt x="184397" y="206015"/>
                        <a:pt x="190709" y="199574"/>
                      </a:cubicBezTo>
                      <a:cubicBezTo>
                        <a:pt x="192270" y="197980"/>
                        <a:pt x="194840" y="197947"/>
                        <a:pt x="196467" y="199509"/>
                      </a:cubicBezTo>
                      <a:cubicBezTo>
                        <a:pt x="197996" y="201038"/>
                        <a:pt x="198094" y="203640"/>
                        <a:pt x="196532" y="205267"/>
                      </a:cubicBezTo>
                      <a:cubicBezTo>
                        <a:pt x="190286" y="211644"/>
                        <a:pt x="184072" y="218215"/>
                        <a:pt x="178086" y="224852"/>
                      </a:cubicBezTo>
                      <a:cubicBezTo>
                        <a:pt x="176589" y="226511"/>
                        <a:pt x="174019" y="226641"/>
                        <a:pt x="172360" y="225145"/>
                      </a:cubicBezTo>
                      <a:cubicBezTo>
                        <a:pt x="172295" y="225112"/>
                        <a:pt x="172262" y="225047"/>
                        <a:pt x="172197" y="225015"/>
                      </a:cubicBezTo>
                      <a:close/>
                      <a:moveTo>
                        <a:pt x="1112141" y="1156110"/>
                      </a:moveTo>
                      <a:cubicBezTo>
                        <a:pt x="1112141" y="1156110"/>
                        <a:pt x="1112076" y="1156045"/>
                        <a:pt x="1112011" y="1155979"/>
                      </a:cubicBezTo>
                      <a:cubicBezTo>
                        <a:pt x="1110482" y="1154320"/>
                        <a:pt x="1110579" y="1151750"/>
                        <a:pt x="1112239" y="1150254"/>
                      </a:cubicBezTo>
                      <a:cubicBezTo>
                        <a:pt x="1118810" y="1144202"/>
                        <a:pt x="1125317" y="1137924"/>
                        <a:pt x="1131628" y="1131612"/>
                      </a:cubicBezTo>
                      <a:cubicBezTo>
                        <a:pt x="1134654" y="1128619"/>
                        <a:pt x="1137614" y="1125561"/>
                        <a:pt x="1140542" y="1122535"/>
                      </a:cubicBezTo>
                      <a:cubicBezTo>
                        <a:pt x="1142104" y="1120909"/>
                        <a:pt x="1144674" y="1120876"/>
                        <a:pt x="1146301" y="1122438"/>
                      </a:cubicBezTo>
                      <a:cubicBezTo>
                        <a:pt x="1147927" y="1124000"/>
                        <a:pt x="1147960" y="1126570"/>
                        <a:pt x="1146398" y="1128164"/>
                      </a:cubicBezTo>
                      <a:cubicBezTo>
                        <a:pt x="1143438" y="1131254"/>
                        <a:pt x="1140412" y="1134313"/>
                        <a:pt x="1137387" y="1137371"/>
                      </a:cubicBezTo>
                      <a:cubicBezTo>
                        <a:pt x="1131010" y="1143747"/>
                        <a:pt x="1124406" y="1150091"/>
                        <a:pt x="1117769" y="1156240"/>
                      </a:cubicBezTo>
                      <a:cubicBezTo>
                        <a:pt x="1116175" y="1157736"/>
                        <a:pt x="1113670" y="1157671"/>
                        <a:pt x="1112141" y="1156142"/>
                      </a:cubicBezTo>
                      <a:close/>
                      <a:moveTo>
                        <a:pt x="209903" y="186561"/>
                      </a:moveTo>
                      <a:cubicBezTo>
                        <a:pt x="209903" y="186561"/>
                        <a:pt x="209838" y="186496"/>
                        <a:pt x="209805" y="186463"/>
                      </a:cubicBezTo>
                      <a:cubicBezTo>
                        <a:pt x="208276" y="184836"/>
                        <a:pt x="208341" y="182266"/>
                        <a:pt x="209968" y="180737"/>
                      </a:cubicBezTo>
                      <a:cubicBezTo>
                        <a:pt x="216540" y="174556"/>
                        <a:pt x="223339" y="168407"/>
                        <a:pt x="230171" y="162486"/>
                      </a:cubicBezTo>
                      <a:cubicBezTo>
                        <a:pt x="231863" y="161022"/>
                        <a:pt x="234433" y="161185"/>
                        <a:pt x="235897" y="162877"/>
                      </a:cubicBezTo>
                      <a:cubicBezTo>
                        <a:pt x="237361" y="164568"/>
                        <a:pt x="237198" y="167138"/>
                        <a:pt x="235506" y="168602"/>
                      </a:cubicBezTo>
                      <a:cubicBezTo>
                        <a:pt x="228772" y="174458"/>
                        <a:pt x="222038" y="180509"/>
                        <a:pt x="215531" y="186626"/>
                      </a:cubicBezTo>
                      <a:cubicBezTo>
                        <a:pt x="213937" y="188122"/>
                        <a:pt x="211432" y="188090"/>
                        <a:pt x="209870" y="186528"/>
                      </a:cubicBezTo>
                      <a:close/>
                      <a:moveTo>
                        <a:pt x="1158826" y="1108579"/>
                      </a:moveTo>
                      <a:cubicBezTo>
                        <a:pt x="1157329" y="1107082"/>
                        <a:pt x="1157232" y="1104642"/>
                        <a:pt x="1158663" y="1103016"/>
                      </a:cubicBezTo>
                      <a:cubicBezTo>
                        <a:pt x="1164584" y="1096346"/>
                        <a:pt x="1170473" y="1089449"/>
                        <a:pt x="1176101" y="1082552"/>
                      </a:cubicBezTo>
                      <a:cubicBezTo>
                        <a:pt x="1177532" y="1080828"/>
                        <a:pt x="1180070" y="1080568"/>
                        <a:pt x="1181827" y="1081967"/>
                      </a:cubicBezTo>
                      <a:cubicBezTo>
                        <a:pt x="1183584" y="1083398"/>
                        <a:pt x="1183811" y="1085936"/>
                        <a:pt x="1182412" y="1087693"/>
                      </a:cubicBezTo>
                      <a:cubicBezTo>
                        <a:pt x="1176687" y="1094687"/>
                        <a:pt x="1170733" y="1101649"/>
                        <a:pt x="1164747" y="1108416"/>
                      </a:cubicBezTo>
                      <a:cubicBezTo>
                        <a:pt x="1163250" y="1110108"/>
                        <a:pt x="1160680" y="1110238"/>
                        <a:pt x="1159021" y="1108742"/>
                      </a:cubicBezTo>
                      <a:cubicBezTo>
                        <a:pt x="1158956" y="1108676"/>
                        <a:pt x="1158891" y="1108644"/>
                        <a:pt x="1158858" y="1108579"/>
                      </a:cubicBezTo>
                      <a:close/>
                      <a:moveTo>
                        <a:pt x="250602" y="151262"/>
                      </a:moveTo>
                      <a:cubicBezTo>
                        <a:pt x="250602" y="151262"/>
                        <a:pt x="250407" y="151035"/>
                        <a:pt x="250309" y="150937"/>
                      </a:cubicBezTo>
                      <a:cubicBezTo>
                        <a:pt x="248910" y="149180"/>
                        <a:pt x="249203" y="146643"/>
                        <a:pt x="250960" y="145244"/>
                      </a:cubicBezTo>
                      <a:cubicBezTo>
                        <a:pt x="258019" y="139583"/>
                        <a:pt x="265307" y="134020"/>
                        <a:pt x="272562" y="128684"/>
                      </a:cubicBezTo>
                      <a:cubicBezTo>
                        <a:pt x="274383" y="127351"/>
                        <a:pt x="276921" y="127741"/>
                        <a:pt x="278222" y="129563"/>
                      </a:cubicBezTo>
                      <a:cubicBezTo>
                        <a:pt x="279556" y="131385"/>
                        <a:pt x="279166" y="133922"/>
                        <a:pt x="277344" y="135256"/>
                      </a:cubicBezTo>
                      <a:cubicBezTo>
                        <a:pt x="270154" y="140526"/>
                        <a:pt x="262964" y="146024"/>
                        <a:pt x="256002" y="151620"/>
                      </a:cubicBezTo>
                      <a:cubicBezTo>
                        <a:pt x="254376" y="152921"/>
                        <a:pt x="252033" y="152759"/>
                        <a:pt x="250602" y="151327"/>
                      </a:cubicBezTo>
                      <a:close/>
                      <a:moveTo>
                        <a:pt x="1192953" y="1066904"/>
                      </a:moveTo>
                      <a:cubicBezTo>
                        <a:pt x="1191554" y="1065505"/>
                        <a:pt x="1191359" y="1063228"/>
                        <a:pt x="1192595" y="1061601"/>
                      </a:cubicBezTo>
                      <a:cubicBezTo>
                        <a:pt x="1197963" y="1054476"/>
                        <a:pt x="1203266" y="1047124"/>
                        <a:pt x="1208341" y="1039804"/>
                      </a:cubicBezTo>
                      <a:cubicBezTo>
                        <a:pt x="1209610" y="1037950"/>
                        <a:pt x="1212147" y="1037494"/>
                        <a:pt x="1214002" y="1038763"/>
                      </a:cubicBezTo>
                      <a:cubicBezTo>
                        <a:pt x="1215856" y="1040032"/>
                        <a:pt x="1216312" y="1042569"/>
                        <a:pt x="1215043" y="1044424"/>
                      </a:cubicBezTo>
                      <a:cubicBezTo>
                        <a:pt x="1209903" y="1051874"/>
                        <a:pt x="1204535" y="1059291"/>
                        <a:pt x="1199102" y="1066514"/>
                      </a:cubicBezTo>
                      <a:cubicBezTo>
                        <a:pt x="1197768" y="1068303"/>
                        <a:pt x="1195198" y="1068661"/>
                        <a:pt x="1193408" y="1067327"/>
                      </a:cubicBezTo>
                      <a:cubicBezTo>
                        <a:pt x="1193246" y="1067197"/>
                        <a:pt x="1193116" y="1067099"/>
                        <a:pt x="1192986" y="1066937"/>
                      </a:cubicBezTo>
                      <a:close/>
                      <a:moveTo>
                        <a:pt x="294001" y="119380"/>
                      </a:moveTo>
                      <a:cubicBezTo>
                        <a:pt x="293806" y="119185"/>
                        <a:pt x="293643" y="118990"/>
                        <a:pt x="293513" y="118762"/>
                      </a:cubicBezTo>
                      <a:cubicBezTo>
                        <a:pt x="292244" y="116907"/>
                        <a:pt x="292765" y="114370"/>
                        <a:pt x="294619" y="113134"/>
                      </a:cubicBezTo>
                      <a:cubicBezTo>
                        <a:pt x="302102" y="108091"/>
                        <a:pt x="309812" y="103113"/>
                        <a:pt x="317522" y="98396"/>
                      </a:cubicBezTo>
                      <a:cubicBezTo>
                        <a:pt x="319442" y="97225"/>
                        <a:pt x="321947" y="97811"/>
                        <a:pt x="323118" y="99730"/>
                      </a:cubicBezTo>
                      <a:cubicBezTo>
                        <a:pt x="324289" y="101649"/>
                        <a:pt x="323703" y="104154"/>
                        <a:pt x="321784" y="105326"/>
                      </a:cubicBezTo>
                      <a:cubicBezTo>
                        <a:pt x="314171" y="110010"/>
                        <a:pt x="306559" y="114923"/>
                        <a:pt x="299174" y="119900"/>
                      </a:cubicBezTo>
                      <a:cubicBezTo>
                        <a:pt x="297547" y="121007"/>
                        <a:pt x="295367" y="120746"/>
                        <a:pt x="294033" y="119412"/>
                      </a:cubicBezTo>
                      <a:close/>
                      <a:moveTo>
                        <a:pt x="1223567" y="1022594"/>
                      </a:moveTo>
                      <a:cubicBezTo>
                        <a:pt x="1222265" y="1021293"/>
                        <a:pt x="1221972" y="1019178"/>
                        <a:pt x="1223014" y="1017551"/>
                      </a:cubicBezTo>
                      <a:cubicBezTo>
                        <a:pt x="1227796" y="1010004"/>
                        <a:pt x="1232481" y="1002228"/>
                        <a:pt x="1236905" y="994518"/>
                      </a:cubicBezTo>
                      <a:cubicBezTo>
                        <a:pt x="1238011" y="992566"/>
                        <a:pt x="1240516" y="991915"/>
                        <a:pt x="1242436" y="993022"/>
                      </a:cubicBezTo>
                      <a:cubicBezTo>
                        <a:pt x="1244388" y="994160"/>
                        <a:pt x="1245038" y="996633"/>
                        <a:pt x="1243932" y="998552"/>
                      </a:cubicBezTo>
                      <a:cubicBezTo>
                        <a:pt x="1239443" y="1006360"/>
                        <a:pt x="1234693" y="1014201"/>
                        <a:pt x="1229845" y="1021878"/>
                      </a:cubicBezTo>
                      <a:cubicBezTo>
                        <a:pt x="1228642" y="1023765"/>
                        <a:pt x="1226137" y="1024351"/>
                        <a:pt x="1224250" y="1023147"/>
                      </a:cubicBezTo>
                      <a:cubicBezTo>
                        <a:pt x="1223990" y="1022985"/>
                        <a:pt x="1223762" y="1022789"/>
                        <a:pt x="1223534" y="1022594"/>
                      </a:cubicBezTo>
                      <a:close/>
                      <a:moveTo>
                        <a:pt x="339872" y="91141"/>
                      </a:moveTo>
                      <a:cubicBezTo>
                        <a:pt x="339612" y="90881"/>
                        <a:pt x="339384" y="90588"/>
                        <a:pt x="339189" y="90263"/>
                      </a:cubicBezTo>
                      <a:cubicBezTo>
                        <a:pt x="338083" y="88311"/>
                        <a:pt x="338799" y="85838"/>
                        <a:pt x="340751" y="84732"/>
                      </a:cubicBezTo>
                      <a:cubicBezTo>
                        <a:pt x="348656" y="80308"/>
                        <a:pt x="356724" y="75981"/>
                        <a:pt x="364760" y="71914"/>
                      </a:cubicBezTo>
                      <a:cubicBezTo>
                        <a:pt x="366777" y="70906"/>
                        <a:pt x="369217" y="71687"/>
                        <a:pt x="370226" y="73704"/>
                      </a:cubicBezTo>
                      <a:cubicBezTo>
                        <a:pt x="371234" y="75688"/>
                        <a:pt x="370453" y="78161"/>
                        <a:pt x="368436" y="79169"/>
                      </a:cubicBezTo>
                      <a:cubicBezTo>
                        <a:pt x="360498" y="83203"/>
                        <a:pt x="352495" y="87465"/>
                        <a:pt x="344720" y="91824"/>
                      </a:cubicBezTo>
                      <a:cubicBezTo>
                        <a:pt x="343093" y="92735"/>
                        <a:pt x="341109" y="92410"/>
                        <a:pt x="339872" y="91141"/>
                      </a:cubicBezTo>
                      <a:close/>
                      <a:moveTo>
                        <a:pt x="1250471" y="975909"/>
                      </a:moveTo>
                      <a:cubicBezTo>
                        <a:pt x="1249235" y="974673"/>
                        <a:pt x="1248910" y="972754"/>
                        <a:pt x="1249756" y="971159"/>
                      </a:cubicBezTo>
                      <a:cubicBezTo>
                        <a:pt x="1253887" y="963254"/>
                        <a:pt x="1257921" y="955153"/>
                        <a:pt x="1261728" y="947085"/>
                      </a:cubicBezTo>
                      <a:cubicBezTo>
                        <a:pt x="1262671" y="945068"/>
                        <a:pt x="1265111" y="944190"/>
                        <a:pt x="1267128" y="945133"/>
                      </a:cubicBezTo>
                      <a:cubicBezTo>
                        <a:pt x="1269145" y="946076"/>
                        <a:pt x="1270024" y="948516"/>
                        <a:pt x="1269080" y="950533"/>
                      </a:cubicBezTo>
                      <a:cubicBezTo>
                        <a:pt x="1265209" y="958699"/>
                        <a:pt x="1261142" y="966930"/>
                        <a:pt x="1256978" y="974933"/>
                      </a:cubicBezTo>
                      <a:cubicBezTo>
                        <a:pt x="1255937" y="976918"/>
                        <a:pt x="1253497" y="977698"/>
                        <a:pt x="1251512" y="976657"/>
                      </a:cubicBezTo>
                      <a:cubicBezTo>
                        <a:pt x="1251122" y="976462"/>
                        <a:pt x="1250797" y="976202"/>
                        <a:pt x="1250537" y="975942"/>
                      </a:cubicBezTo>
                      <a:close/>
                      <a:moveTo>
                        <a:pt x="387956" y="66709"/>
                      </a:moveTo>
                      <a:cubicBezTo>
                        <a:pt x="387631" y="66384"/>
                        <a:pt x="387338" y="65993"/>
                        <a:pt x="387143" y="65538"/>
                      </a:cubicBezTo>
                      <a:cubicBezTo>
                        <a:pt x="386199" y="63488"/>
                        <a:pt x="387110" y="61081"/>
                        <a:pt x="389160" y="60170"/>
                      </a:cubicBezTo>
                      <a:cubicBezTo>
                        <a:pt x="397423" y="56396"/>
                        <a:pt x="405849" y="52752"/>
                        <a:pt x="414210" y="49336"/>
                      </a:cubicBezTo>
                      <a:cubicBezTo>
                        <a:pt x="416292" y="48490"/>
                        <a:pt x="418667" y="49466"/>
                        <a:pt x="419513" y="51549"/>
                      </a:cubicBezTo>
                      <a:cubicBezTo>
                        <a:pt x="420359" y="53631"/>
                        <a:pt x="419351" y="56006"/>
                        <a:pt x="417301" y="56851"/>
                      </a:cubicBezTo>
                      <a:cubicBezTo>
                        <a:pt x="409038" y="60235"/>
                        <a:pt x="400709" y="63814"/>
                        <a:pt x="392543" y="67555"/>
                      </a:cubicBezTo>
                      <a:cubicBezTo>
                        <a:pt x="390949" y="68271"/>
                        <a:pt x="389160" y="67913"/>
                        <a:pt x="387989" y="66741"/>
                      </a:cubicBezTo>
                      <a:close/>
                      <a:moveTo>
                        <a:pt x="1273440" y="927207"/>
                      </a:moveTo>
                      <a:cubicBezTo>
                        <a:pt x="1272301" y="926069"/>
                        <a:pt x="1271911" y="924312"/>
                        <a:pt x="1272561" y="922750"/>
                      </a:cubicBezTo>
                      <a:cubicBezTo>
                        <a:pt x="1276010" y="914552"/>
                        <a:pt x="1279361" y="906191"/>
                        <a:pt x="1282484" y="897830"/>
                      </a:cubicBezTo>
                      <a:cubicBezTo>
                        <a:pt x="1283265" y="895715"/>
                        <a:pt x="1285607" y="894674"/>
                        <a:pt x="1287722" y="895455"/>
                      </a:cubicBezTo>
                      <a:cubicBezTo>
                        <a:pt x="1289836" y="896236"/>
                        <a:pt x="1290877" y="898578"/>
                        <a:pt x="1290097" y="900693"/>
                      </a:cubicBezTo>
                      <a:cubicBezTo>
                        <a:pt x="1286941" y="909151"/>
                        <a:pt x="1283557" y="917643"/>
                        <a:pt x="1280044" y="925938"/>
                      </a:cubicBezTo>
                      <a:cubicBezTo>
                        <a:pt x="1279166" y="927988"/>
                        <a:pt x="1276791" y="928964"/>
                        <a:pt x="1274709" y="928086"/>
                      </a:cubicBezTo>
                      <a:cubicBezTo>
                        <a:pt x="1274221" y="927890"/>
                        <a:pt x="1273765" y="927565"/>
                        <a:pt x="1273407" y="927207"/>
                      </a:cubicBezTo>
                      <a:close/>
                      <a:moveTo>
                        <a:pt x="437927" y="46311"/>
                      </a:moveTo>
                      <a:cubicBezTo>
                        <a:pt x="437504" y="45888"/>
                        <a:pt x="437179" y="45400"/>
                        <a:pt x="436983" y="44814"/>
                      </a:cubicBezTo>
                      <a:cubicBezTo>
                        <a:pt x="436235" y="42700"/>
                        <a:pt x="437309" y="40390"/>
                        <a:pt x="439423" y="39609"/>
                      </a:cubicBezTo>
                      <a:cubicBezTo>
                        <a:pt x="447947" y="36518"/>
                        <a:pt x="456633" y="33590"/>
                        <a:pt x="465255" y="30858"/>
                      </a:cubicBezTo>
                      <a:cubicBezTo>
                        <a:pt x="467402" y="30174"/>
                        <a:pt x="469679" y="31378"/>
                        <a:pt x="470362" y="33525"/>
                      </a:cubicBezTo>
                      <a:cubicBezTo>
                        <a:pt x="471045" y="35672"/>
                        <a:pt x="469842" y="37950"/>
                        <a:pt x="467727" y="38633"/>
                      </a:cubicBezTo>
                      <a:cubicBezTo>
                        <a:pt x="459203" y="41333"/>
                        <a:pt x="450615" y="44229"/>
                        <a:pt x="442189" y="47254"/>
                      </a:cubicBezTo>
                      <a:cubicBezTo>
                        <a:pt x="440660" y="47807"/>
                        <a:pt x="439000" y="47384"/>
                        <a:pt x="437927" y="46311"/>
                      </a:cubicBezTo>
                      <a:close/>
                      <a:moveTo>
                        <a:pt x="1292341" y="876911"/>
                      </a:moveTo>
                      <a:cubicBezTo>
                        <a:pt x="1291300" y="875870"/>
                        <a:pt x="1290845" y="874276"/>
                        <a:pt x="1291365" y="872780"/>
                      </a:cubicBezTo>
                      <a:cubicBezTo>
                        <a:pt x="1294163" y="864288"/>
                        <a:pt x="1296798" y="855667"/>
                        <a:pt x="1299238" y="847111"/>
                      </a:cubicBezTo>
                      <a:cubicBezTo>
                        <a:pt x="1299856" y="844964"/>
                        <a:pt x="1302101" y="843695"/>
                        <a:pt x="1304248" y="844313"/>
                      </a:cubicBezTo>
                      <a:cubicBezTo>
                        <a:pt x="1306396" y="844931"/>
                        <a:pt x="1307664" y="847176"/>
                        <a:pt x="1307046" y="849323"/>
                      </a:cubicBezTo>
                      <a:cubicBezTo>
                        <a:pt x="1304574" y="857977"/>
                        <a:pt x="1301906" y="866728"/>
                        <a:pt x="1299076" y="875317"/>
                      </a:cubicBezTo>
                      <a:cubicBezTo>
                        <a:pt x="1298360" y="877464"/>
                        <a:pt x="1296083" y="878603"/>
                        <a:pt x="1293936" y="877887"/>
                      </a:cubicBezTo>
                      <a:cubicBezTo>
                        <a:pt x="1293317" y="877692"/>
                        <a:pt x="1292764" y="877334"/>
                        <a:pt x="1292341" y="876911"/>
                      </a:cubicBezTo>
                      <a:close/>
                      <a:moveTo>
                        <a:pt x="489362" y="30077"/>
                      </a:moveTo>
                      <a:cubicBezTo>
                        <a:pt x="488874" y="29589"/>
                        <a:pt x="488516" y="28971"/>
                        <a:pt x="488321" y="28287"/>
                      </a:cubicBezTo>
                      <a:cubicBezTo>
                        <a:pt x="487735" y="26108"/>
                        <a:pt x="489004" y="23896"/>
                        <a:pt x="491183" y="23310"/>
                      </a:cubicBezTo>
                      <a:cubicBezTo>
                        <a:pt x="499902" y="20935"/>
                        <a:pt x="508784" y="18723"/>
                        <a:pt x="517633" y="16706"/>
                      </a:cubicBezTo>
                      <a:cubicBezTo>
                        <a:pt x="519812" y="16218"/>
                        <a:pt x="521992" y="17584"/>
                        <a:pt x="522480" y="19764"/>
                      </a:cubicBezTo>
                      <a:cubicBezTo>
                        <a:pt x="522968" y="21944"/>
                        <a:pt x="521602" y="24123"/>
                        <a:pt x="519422" y="24611"/>
                      </a:cubicBezTo>
                      <a:cubicBezTo>
                        <a:pt x="510703" y="26596"/>
                        <a:pt x="501887" y="28808"/>
                        <a:pt x="493298" y="31118"/>
                      </a:cubicBezTo>
                      <a:cubicBezTo>
                        <a:pt x="491834" y="31508"/>
                        <a:pt x="490370" y="31053"/>
                        <a:pt x="489362" y="30077"/>
                      </a:cubicBezTo>
                      <a:close/>
                      <a:moveTo>
                        <a:pt x="1307046" y="825184"/>
                      </a:moveTo>
                      <a:cubicBezTo>
                        <a:pt x="1306070" y="824208"/>
                        <a:pt x="1305615" y="822776"/>
                        <a:pt x="1305973" y="821345"/>
                      </a:cubicBezTo>
                      <a:cubicBezTo>
                        <a:pt x="1308055" y="812659"/>
                        <a:pt x="1310007" y="803842"/>
                        <a:pt x="1311731" y="795123"/>
                      </a:cubicBezTo>
                      <a:cubicBezTo>
                        <a:pt x="1312154" y="792911"/>
                        <a:pt x="1314301" y="791479"/>
                        <a:pt x="1316513" y="791935"/>
                      </a:cubicBezTo>
                      <a:cubicBezTo>
                        <a:pt x="1318726" y="792390"/>
                        <a:pt x="1320157" y="794505"/>
                        <a:pt x="1319702" y="796717"/>
                      </a:cubicBezTo>
                      <a:cubicBezTo>
                        <a:pt x="1317945" y="805566"/>
                        <a:pt x="1315993" y="814513"/>
                        <a:pt x="1313846" y="823264"/>
                      </a:cubicBezTo>
                      <a:cubicBezTo>
                        <a:pt x="1313325" y="825444"/>
                        <a:pt x="1311113" y="826778"/>
                        <a:pt x="1308933" y="826257"/>
                      </a:cubicBezTo>
                      <a:cubicBezTo>
                        <a:pt x="1308185" y="826062"/>
                        <a:pt x="1307534" y="825704"/>
                        <a:pt x="1307014" y="825184"/>
                      </a:cubicBezTo>
                      <a:close/>
                      <a:moveTo>
                        <a:pt x="541935" y="18072"/>
                      </a:moveTo>
                      <a:cubicBezTo>
                        <a:pt x="541382" y="17519"/>
                        <a:pt x="540959" y="16771"/>
                        <a:pt x="540829" y="15957"/>
                      </a:cubicBezTo>
                      <a:cubicBezTo>
                        <a:pt x="540406" y="13745"/>
                        <a:pt x="541870" y="11631"/>
                        <a:pt x="544082" y="11208"/>
                      </a:cubicBezTo>
                      <a:cubicBezTo>
                        <a:pt x="552964" y="9548"/>
                        <a:pt x="562008" y="8084"/>
                        <a:pt x="570987" y="6783"/>
                      </a:cubicBezTo>
                      <a:cubicBezTo>
                        <a:pt x="573199" y="6458"/>
                        <a:pt x="575281" y="8019"/>
                        <a:pt x="575574" y="10232"/>
                      </a:cubicBezTo>
                      <a:cubicBezTo>
                        <a:pt x="575899" y="12444"/>
                        <a:pt x="574338" y="14526"/>
                        <a:pt x="572126" y="14819"/>
                      </a:cubicBezTo>
                      <a:cubicBezTo>
                        <a:pt x="563277" y="16088"/>
                        <a:pt x="554363" y="17552"/>
                        <a:pt x="545546" y="19178"/>
                      </a:cubicBezTo>
                      <a:cubicBezTo>
                        <a:pt x="544180" y="19438"/>
                        <a:pt x="542846" y="18983"/>
                        <a:pt x="541935" y="18040"/>
                      </a:cubicBezTo>
                      <a:close/>
                      <a:moveTo>
                        <a:pt x="1317554" y="772415"/>
                      </a:moveTo>
                      <a:cubicBezTo>
                        <a:pt x="1316676" y="771537"/>
                        <a:pt x="1316188" y="770235"/>
                        <a:pt x="1316416" y="768902"/>
                      </a:cubicBezTo>
                      <a:cubicBezTo>
                        <a:pt x="1317815" y="760085"/>
                        <a:pt x="1319018" y="751139"/>
                        <a:pt x="1320060" y="742257"/>
                      </a:cubicBezTo>
                      <a:cubicBezTo>
                        <a:pt x="1320320" y="740012"/>
                        <a:pt x="1322337" y="738418"/>
                        <a:pt x="1324549" y="738678"/>
                      </a:cubicBezTo>
                      <a:cubicBezTo>
                        <a:pt x="1326761" y="738939"/>
                        <a:pt x="1328388" y="740956"/>
                        <a:pt x="1328128" y="743168"/>
                      </a:cubicBezTo>
                      <a:cubicBezTo>
                        <a:pt x="1327087" y="752147"/>
                        <a:pt x="1325850" y="761224"/>
                        <a:pt x="1324451" y="770138"/>
                      </a:cubicBezTo>
                      <a:cubicBezTo>
                        <a:pt x="1324094" y="772350"/>
                        <a:pt x="1322011" y="773879"/>
                        <a:pt x="1319799" y="773521"/>
                      </a:cubicBezTo>
                      <a:cubicBezTo>
                        <a:pt x="1318921" y="773391"/>
                        <a:pt x="1318140" y="772968"/>
                        <a:pt x="1317554" y="772383"/>
                      </a:cubicBezTo>
                      <a:close/>
                      <a:moveTo>
                        <a:pt x="595289" y="10394"/>
                      </a:moveTo>
                      <a:cubicBezTo>
                        <a:pt x="594638" y="9744"/>
                        <a:pt x="594215" y="8898"/>
                        <a:pt x="594118" y="7954"/>
                      </a:cubicBezTo>
                      <a:cubicBezTo>
                        <a:pt x="593890" y="5710"/>
                        <a:pt x="595517" y="3725"/>
                        <a:pt x="597729" y="3497"/>
                      </a:cubicBezTo>
                      <a:cubicBezTo>
                        <a:pt x="606708" y="2586"/>
                        <a:pt x="615850" y="1838"/>
                        <a:pt x="624894" y="1253"/>
                      </a:cubicBezTo>
                      <a:cubicBezTo>
                        <a:pt x="627139" y="1122"/>
                        <a:pt x="629058" y="2814"/>
                        <a:pt x="629188" y="5059"/>
                      </a:cubicBezTo>
                      <a:cubicBezTo>
                        <a:pt x="629319" y="7304"/>
                        <a:pt x="627627" y="9223"/>
                        <a:pt x="625382" y="9353"/>
                      </a:cubicBezTo>
                      <a:cubicBezTo>
                        <a:pt x="616468" y="9906"/>
                        <a:pt x="607424" y="10655"/>
                        <a:pt x="598575" y="11565"/>
                      </a:cubicBezTo>
                      <a:cubicBezTo>
                        <a:pt x="597306" y="11696"/>
                        <a:pt x="596135" y="11240"/>
                        <a:pt x="595289" y="10394"/>
                      </a:cubicBezTo>
                      <a:close/>
                      <a:moveTo>
                        <a:pt x="1323736" y="718963"/>
                      </a:moveTo>
                      <a:cubicBezTo>
                        <a:pt x="1322922" y="718150"/>
                        <a:pt x="1322467" y="717011"/>
                        <a:pt x="1322565" y="715775"/>
                      </a:cubicBezTo>
                      <a:cubicBezTo>
                        <a:pt x="1323248" y="706861"/>
                        <a:pt x="1323736" y="697817"/>
                        <a:pt x="1324029" y="688935"/>
                      </a:cubicBezTo>
                      <a:cubicBezTo>
                        <a:pt x="1324094" y="686691"/>
                        <a:pt x="1325980" y="684934"/>
                        <a:pt x="1328225" y="684999"/>
                      </a:cubicBezTo>
                      <a:cubicBezTo>
                        <a:pt x="1330470" y="685064"/>
                        <a:pt x="1332227" y="686951"/>
                        <a:pt x="1332129" y="689196"/>
                      </a:cubicBezTo>
                      <a:cubicBezTo>
                        <a:pt x="1331836" y="698207"/>
                        <a:pt x="1331316" y="707349"/>
                        <a:pt x="1330633" y="716361"/>
                      </a:cubicBezTo>
                      <a:cubicBezTo>
                        <a:pt x="1330470" y="718606"/>
                        <a:pt x="1328518" y="720265"/>
                        <a:pt x="1326273" y="720102"/>
                      </a:cubicBezTo>
                      <a:cubicBezTo>
                        <a:pt x="1325265" y="720037"/>
                        <a:pt x="1324354" y="719582"/>
                        <a:pt x="1323703" y="718931"/>
                      </a:cubicBezTo>
                      <a:close/>
                      <a:moveTo>
                        <a:pt x="649066" y="7076"/>
                      </a:moveTo>
                      <a:cubicBezTo>
                        <a:pt x="648350" y="6360"/>
                        <a:pt x="647895" y="5384"/>
                        <a:pt x="647895" y="4278"/>
                      </a:cubicBezTo>
                      <a:cubicBezTo>
                        <a:pt x="647862" y="2033"/>
                        <a:pt x="649619" y="179"/>
                        <a:pt x="651864" y="146"/>
                      </a:cubicBezTo>
                      <a:cubicBezTo>
                        <a:pt x="660876" y="-49"/>
                        <a:pt x="670050" y="-49"/>
                        <a:pt x="679094" y="146"/>
                      </a:cubicBezTo>
                      <a:cubicBezTo>
                        <a:pt x="681339" y="179"/>
                        <a:pt x="683128" y="2033"/>
                        <a:pt x="683063" y="4278"/>
                      </a:cubicBezTo>
                      <a:cubicBezTo>
                        <a:pt x="682998" y="6523"/>
                        <a:pt x="681176" y="8312"/>
                        <a:pt x="678931" y="8247"/>
                      </a:cubicBezTo>
                      <a:cubicBezTo>
                        <a:pt x="669985" y="8084"/>
                        <a:pt x="660941" y="8084"/>
                        <a:pt x="652027" y="8247"/>
                      </a:cubicBezTo>
                      <a:cubicBezTo>
                        <a:pt x="650888" y="8247"/>
                        <a:pt x="649814" y="7824"/>
                        <a:pt x="649066" y="7043"/>
                      </a:cubicBezTo>
                      <a:close/>
                      <a:moveTo>
                        <a:pt x="1325590" y="665154"/>
                      </a:moveTo>
                      <a:cubicBezTo>
                        <a:pt x="1324874" y="664438"/>
                        <a:pt x="1324419" y="663430"/>
                        <a:pt x="1324386" y="662291"/>
                      </a:cubicBezTo>
                      <a:cubicBezTo>
                        <a:pt x="1324321" y="653377"/>
                        <a:pt x="1324094" y="644333"/>
                        <a:pt x="1323671" y="635386"/>
                      </a:cubicBezTo>
                      <a:cubicBezTo>
                        <a:pt x="1323573" y="633141"/>
                        <a:pt x="1325297" y="631254"/>
                        <a:pt x="1327542" y="631124"/>
                      </a:cubicBezTo>
                      <a:cubicBezTo>
                        <a:pt x="1329787" y="631027"/>
                        <a:pt x="1331674" y="632751"/>
                        <a:pt x="1331804" y="634996"/>
                      </a:cubicBezTo>
                      <a:cubicBezTo>
                        <a:pt x="1332227" y="644040"/>
                        <a:pt x="1332455" y="653214"/>
                        <a:pt x="1332520" y="662226"/>
                      </a:cubicBezTo>
                      <a:cubicBezTo>
                        <a:pt x="1332520" y="664471"/>
                        <a:pt x="1330730" y="666292"/>
                        <a:pt x="1328486" y="666325"/>
                      </a:cubicBezTo>
                      <a:cubicBezTo>
                        <a:pt x="1327347" y="666325"/>
                        <a:pt x="1326338" y="665870"/>
                        <a:pt x="1325590" y="665121"/>
                      </a:cubicBezTo>
                      <a:close/>
                      <a:moveTo>
                        <a:pt x="702908" y="8084"/>
                      </a:moveTo>
                      <a:cubicBezTo>
                        <a:pt x="702127" y="7304"/>
                        <a:pt x="701639" y="6165"/>
                        <a:pt x="701737" y="4961"/>
                      </a:cubicBezTo>
                      <a:cubicBezTo>
                        <a:pt x="701867" y="2717"/>
                        <a:pt x="703787" y="1025"/>
                        <a:pt x="706031" y="1155"/>
                      </a:cubicBezTo>
                      <a:cubicBezTo>
                        <a:pt x="715076" y="1708"/>
                        <a:pt x="724217" y="2424"/>
                        <a:pt x="733164" y="3335"/>
                      </a:cubicBezTo>
                      <a:cubicBezTo>
                        <a:pt x="735409" y="3562"/>
                        <a:pt x="737035" y="5547"/>
                        <a:pt x="736808" y="7792"/>
                      </a:cubicBezTo>
                      <a:cubicBezTo>
                        <a:pt x="736580" y="10036"/>
                        <a:pt x="734595" y="11663"/>
                        <a:pt x="732351" y="11435"/>
                      </a:cubicBezTo>
                      <a:cubicBezTo>
                        <a:pt x="723502" y="10557"/>
                        <a:pt x="714490" y="9841"/>
                        <a:pt x="705543" y="9288"/>
                      </a:cubicBezTo>
                      <a:cubicBezTo>
                        <a:pt x="704502" y="9223"/>
                        <a:pt x="703591" y="8768"/>
                        <a:pt x="702908" y="8117"/>
                      </a:cubicBezTo>
                      <a:close/>
                      <a:moveTo>
                        <a:pt x="1323085" y="611312"/>
                      </a:moveTo>
                      <a:cubicBezTo>
                        <a:pt x="1322434" y="610661"/>
                        <a:pt x="1322011" y="609783"/>
                        <a:pt x="1321914" y="608807"/>
                      </a:cubicBezTo>
                      <a:cubicBezTo>
                        <a:pt x="1321133" y="599925"/>
                        <a:pt x="1320157" y="590913"/>
                        <a:pt x="1319018" y="582032"/>
                      </a:cubicBezTo>
                      <a:cubicBezTo>
                        <a:pt x="1318726" y="579820"/>
                        <a:pt x="1320320" y="577770"/>
                        <a:pt x="1322532" y="577477"/>
                      </a:cubicBezTo>
                      <a:cubicBezTo>
                        <a:pt x="1324744" y="577185"/>
                        <a:pt x="1326794" y="578779"/>
                        <a:pt x="1327087" y="580991"/>
                      </a:cubicBezTo>
                      <a:cubicBezTo>
                        <a:pt x="1328225" y="589970"/>
                        <a:pt x="1329234" y="599079"/>
                        <a:pt x="1330015" y="608091"/>
                      </a:cubicBezTo>
                      <a:cubicBezTo>
                        <a:pt x="1330210" y="610336"/>
                        <a:pt x="1328551" y="612288"/>
                        <a:pt x="1326338" y="612483"/>
                      </a:cubicBezTo>
                      <a:cubicBezTo>
                        <a:pt x="1325102" y="612580"/>
                        <a:pt x="1323931" y="612125"/>
                        <a:pt x="1323118" y="611312"/>
                      </a:cubicBezTo>
                      <a:close/>
                      <a:moveTo>
                        <a:pt x="756490" y="13452"/>
                      </a:moveTo>
                      <a:cubicBezTo>
                        <a:pt x="755612" y="12574"/>
                        <a:pt x="755156" y="11338"/>
                        <a:pt x="755351" y="10004"/>
                      </a:cubicBezTo>
                      <a:cubicBezTo>
                        <a:pt x="755677" y="7792"/>
                        <a:pt x="757726" y="6230"/>
                        <a:pt x="759939" y="6555"/>
                      </a:cubicBezTo>
                      <a:cubicBezTo>
                        <a:pt x="768918" y="7824"/>
                        <a:pt x="777962" y="9288"/>
                        <a:pt x="786811" y="10915"/>
                      </a:cubicBezTo>
                      <a:cubicBezTo>
                        <a:pt x="789023" y="11305"/>
                        <a:pt x="790487" y="13452"/>
                        <a:pt x="790064" y="15632"/>
                      </a:cubicBezTo>
                      <a:cubicBezTo>
                        <a:pt x="789674" y="17844"/>
                        <a:pt x="787559" y="19308"/>
                        <a:pt x="785347" y="18885"/>
                      </a:cubicBezTo>
                      <a:cubicBezTo>
                        <a:pt x="776596" y="17291"/>
                        <a:pt x="767681" y="15827"/>
                        <a:pt x="758833" y="14591"/>
                      </a:cubicBezTo>
                      <a:cubicBezTo>
                        <a:pt x="757922" y="14461"/>
                        <a:pt x="757141" y="14038"/>
                        <a:pt x="756523" y="13452"/>
                      </a:cubicBezTo>
                      <a:close/>
                      <a:moveTo>
                        <a:pt x="1316253" y="557860"/>
                      </a:moveTo>
                      <a:cubicBezTo>
                        <a:pt x="1315668" y="557274"/>
                        <a:pt x="1315277" y="556526"/>
                        <a:pt x="1315114" y="555680"/>
                      </a:cubicBezTo>
                      <a:cubicBezTo>
                        <a:pt x="1313618" y="546831"/>
                        <a:pt x="1311926" y="537950"/>
                        <a:pt x="1310072" y="529231"/>
                      </a:cubicBezTo>
                      <a:cubicBezTo>
                        <a:pt x="1309616" y="527051"/>
                        <a:pt x="1311015" y="524871"/>
                        <a:pt x="1313195" y="524416"/>
                      </a:cubicBezTo>
                      <a:cubicBezTo>
                        <a:pt x="1315375" y="523961"/>
                        <a:pt x="1317554" y="525359"/>
                        <a:pt x="1318010" y="527539"/>
                      </a:cubicBezTo>
                      <a:cubicBezTo>
                        <a:pt x="1319864" y="536356"/>
                        <a:pt x="1321589" y="545367"/>
                        <a:pt x="1323118" y="554314"/>
                      </a:cubicBezTo>
                      <a:cubicBezTo>
                        <a:pt x="1323508" y="556526"/>
                        <a:pt x="1322011" y="558608"/>
                        <a:pt x="1319799" y="558999"/>
                      </a:cubicBezTo>
                      <a:cubicBezTo>
                        <a:pt x="1318465" y="559226"/>
                        <a:pt x="1317131" y="558771"/>
                        <a:pt x="1316253" y="557860"/>
                      </a:cubicBezTo>
                      <a:close/>
                      <a:moveTo>
                        <a:pt x="809421" y="23115"/>
                      </a:moveTo>
                      <a:cubicBezTo>
                        <a:pt x="808478" y="22171"/>
                        <a:pt x="808022" y="20772"/>
                        <a:pt x="808315" y="19341"/>
                      </a:cubicBezTo>
                      <a:cubicBezTo>
                        <a:pt x="808803" y="17161"/>
                        <a:pt x="810983" y="15762"/>
                        <a:pt x="813163" y="16283"/>
                      </a:cubicBezTo>
                      <a:cubicBezTo>
                        <a:pt x="821979" y="18267"/>
                        <a:pt x="830861" y="20447"/>
                        <a:pt x="839579" y="22789"/>
                      </a:cubicBezTo>
                      <a:cubicBezTo>
                        <a:pt x="841759" y="23375"/>
                        <a:pt x="843028" y="25587"/>
                        <a:pt x="842442" y="27767"/>
                      </a:cubicBezTo>
                      <a:cubicBezTo>
                        <a:pt x="841857" y="29947"/>
                        <a:pt x="839644" y="31215"/>
                        <a:pt x="837465" y="30630"/>
                      </a:cubicBezTo>
                      <a:cubicBezTo>
                        <a:pt x="828876" y="28320"/>
                        <a:pt x="820092" y="26173"/>
                        <a:pt x="811373" y="24188"/>
                      </a:cubicBezTo>
                      <a:cubicBezTo>
                        <a:pt x="810593" y="24026"/>
                        <a:pt x="809909" y="23635"/>
                        <a:pt x="809389" y="23115"/>
                      </a:cubicBezTo>
                      <a:close/>
                      <a:moveTo>
                        <a:pt x="1305094" y="505091"/>
                      </a:moveTo>
                      <a:cubicBezTo>
                        <a:pt x="1304606" y="504603"/>
                        <a:pt x="1304216" y="503953"/>
                        <a:pt x="1304021" y="503237"/>
                      </a:cubicBezTo>
                      <a:cubicBezTo>
                        <a:pt x="1301808" y="494551"/>
                        <a:pt x="1299401" y="485832"/>
                        <a:pt x="1296831" y="477276"/>
                      </a:cubicBezTo>
                      <a:cubicBezTo>
                        <a:pt x="1296180" y="475128"/>
                        <a:pt x="1297416" y="472851"/>
                        <a:pt x="1299564" y="472233"/>
                      </a:cubicBezTo>
                      <a:cubicBezTo>
                        <a:pt x="1301711" y="471582"/>
                        <a:pt x="1303988" y="472819"/>
                        <a:pt x="1304606" y="474966"/>
                      </a:cubicBezTo>
                      <a:cubicBezTo>
                        <a:pt x="1307209" y="483620"/>
                        <a:pt x="1309649" y="492469"/>
                        <a:pt x="1311861" y="501252"/>
                      </a:cubicBezTo>
                      <a:cubicBezTo>
                        <a:pt x="1312414" y="503432"/>
                        <a:pt x="1311113" y="505644"/>
                        <a:pt x="1308933" y="506198"/>
                      </a:cubicBezTo>
                      <a:cubicBezTo>
                        <a:pt x="1307502" y="506555"/>
                        <a:pt x="1306038" y="506100"/>
                        <a:pt x="1305062" y="505124"/>
                      </a:cubicBezTo>
                      <a:close/>
                      <a:moveTo>
                        <a:pt x="861344" y="37071"/>
                      </a:moveTo>
                      <a:cubicBezTo>
                        <a:pt x="860303" y="36030"/>
                        <a:pt x="859880" y="34469"/>
                        <a:pt x="860336" y="32972"/>
                      </a:cubicBezTo>
                      <a:cubicBezTo>
                        <a:pt x="861019" y="30825"/>
                        <a:pt x="863296" y="29654"/>
                        <a:pt x="865411" y="30305"/>
                      </a:cubicBezTo>
                      <a:cubicBezTo>
                        <a:pt x="873999" y="32972"/>
                        <a:pt x="882686" y="35900"/>
                        <a:pt x="891177" y="38926"/>
                      </a:cubicBezTo>
                      <a:cubicBezTo>
                        <a:pt x="893291" y="39674"/>
                        <a:pt x="894398" y="42016"/>
                        <a:pt x="893649" y="44131"/>
                      </a:cubicBezTo>
                      <a:cubicBezTo>
                        <a:pt x="892901" y="46246"/>
                        <a:pt x="890559" y="47352"/>
                        <a:pt x="888444" y="46604"/>
                      </a:cubicBezTo>
                      <a:cubicBezTo>
                        <a:pt x="880051" y="43611"/>
                        <a:pt x="871494" y="40715"/>
                        <a:pt x="863003" y="38080"/>
                      </a:cubicBezTo>
                      <a:cubicBezTo>
                        <a:pt x="862353" y="37885"/>
                        <a:pt x="861799" y="37527"/>
                        <a:pt x="861344" y="37071"/>
                      </a:cubicBezTo>
                      <a:close/>
                      <a:moveTo>
                        <a:pt x="1289641" y="453429"/>
                      </a:moveTo>
                      <a:cubicBezTo>
                        <a:pt x="1289218" y="453006"/>
                        <a:pt x="1288893" y="452485"/>
                        <a:pt x="1288665" y="451867"/>
                      </a:cubicBezTo>
                      <a:cubicBezTo>
                        <a:pt x="1285737" y="443376"/>
                        <a:pt x="1282614" y="434885"/>
                        <a:pt x="1279393" y="426557"/>
                      </a:cubicBezTo>
                      <a:cubicBezTo>
                        <a:pt x="1278580" y="424475"/>
                        <a:pt x="1279621" y="422100"/>
                        <a:pt x="1281703" y="421286"/>
                      </a:cubicBezTo>
                      <a:cubicBezTo>
                        <a:pt x="1283785" y="420473"/>
                        <a:pt x="1286160" y="421514"/>
                        <a:pt x="1286973" y="423596"/>
                      </a:cubicBezTo>
                      <a:cubicBezTo>
                        <a:pt x="1290259" y="432022"/>
                        <a:pt x="1293415" y="440611"/>
                        <a:pt x="1296376" y="449200"/>
                      </a:cubicBezTo>
                      <a:cubicBezTo>
                        <a:pt x="1297091" y="451314"/>
                        <a:pt x="1295985" y="453624"/>
                        <a:pt x="1293870" y="454372"/>
                      </a:cubicBezTo>
                      <a:cubicBezTo>
                        <a:pt x="1292341" y="454893"/>
                        <a:pt x="1290747" y="454470"/>
                        <a:pt x="1289674" y="453396"/>
                      </a:cubicBezTo>
                      <a:close/>
                      <a:moveTo>
                        <a:pt x="911933" y="55160"/>
                      </a:moveTo>
                      <a:cubicBezTo>
                        <a:pt x="910827" y="54054"/>
                        <a:pt x="910404" y="52329"/>
                        <a:pt x="911054" y="50768"/>
                      </a:cubicBezTo>
                      <a:cubicBezTo>
                        <a:pt x="911900" y="48686"/>
                        <a:pt x="914275" y="47677"/>
                        <a:pt x="916357" y="48523"/>
                      </a:cubicBezTo>
                      <a:cubicBezTo>
                        <a:pt x="924718" y="51906"/>
                        <a:pt x="933112" y="55518"/>
                        <a:pt x="941310" y="59226"/>
                      </a:cubicBezTo>
                      <a:cubicBezTo>
                        <a:pt x="943360" y="60170"/>
                        <a:pt x="944271" y="62545"/>
                        <a:pt x="943327" y="64594"/>
                      </a:cubicBezTo>
                      <a:cubicBezTo>
                        <a:pt x="942416" y="66644"/>
                        <a:pt x="940009" y="67555"/>
                        <a:pt x="937959" y="66611"/>
                      </a:cubicBezTo>
                      <a:cubicBezTo>
                        <a:pt x="929859" y="62935"/>
                        <a:pt x="921563" y="59389"/>
                        <a:pt x="913299" y="56038"/>
                      </a:cubicBezTo>
                      <a:cubicBezTo>
                        <a:pt x="912779" y="55843"/>
                        <a:pt x="912323" y="55518"/>
                        <a:pt x="911965" y="55160"/>
                      </a:cubicBezTo>
                      <a:close/>
                      <a:moveTo>
                        <a:pt x="1270024" y="403165"/>
                      </a:moveTo>
                      <a:cubicBezTo>
                        <a:pt x="1269666" y="402808"/>
                        <a:pt x="1269373" y="402385"/>
                        <a:pt x="1269178" y="401929"/>
                      </a:cubicBezTo>
                      <a:cubicBezTo>
                        <a:pt x="1265567" y="393731"/>
                        <a:pt x="1261760" y="385467"/>
                        <a:pt x="1257856" y="377464"/>
                      </a:cubicBezTo>
                      <a:cubicBezTo>
                        <a:pt x="1256880" y="375447"/>
                        <a:pt x="1257694" y="373007"/>
                        <a:pt x="1259711" y="372031"/>
                      </a:cubicBezTo>
                      <a:cubicBezTo>
                        <a:pt x="1261728" y="371055"/>
                        <a:pt x="1264168" y="371869"/>
                        <a:pt x="1265144" y="373886"/>
                      </a:cubicBezTo>
                      <a:cubicBezTo>
                        <a:pt x="1269113" y="382019"/>
                        <a:pt x="1272984" y="390347"/>
                        <a:pt x="1276628" y="398676"/>
                      </a:cubicBezTo>
                      <a:cubicBezTo>
                        <a:pt x="1277539" y="400725"/>
                        <a:pt x="1276595" y="403133"/>
                        <a:pt x="1274546" y="404011"/>
                      </a:cubicBezTo>
                      <a:cubicBezTo>
                        <a:pt x="1272984" y="404694"/>
                        <a:pt x="1271195" y="404304"/>
                        <a:pt x="1270056" y="403165"/>
                      </a:cubicBezTo>
                      <a:close/>
                      <a:moveTo>
                        <a:pt x="960928" y="77347"/>
                      </a:moveTo>
                      <a:cubicBezTo>
                        <a:pt x="959724" y="76144"/>
                        <a:pt x="959366" y="74257"/>
                        <a:pt x="960179" y="72662"/>
                      </a:cubicBezTo>
                      <a:cubicBezTo>
                        <a:pt x="961188" y="70645"/>
                        <a:pt x="963628" y="69865"/>
                        <a:pt x="965645" y="70873"/>
                      </a:cubicBezTo>
                      <a:cubicBezTo>
                        <a:pt x="973713" y="74940"/>
                        <a:pt x="981814" y="79234"/>
                        <a:pt x="989719" y="83594"/>
                      </a:cubicBezTo>
                      <a:cubicBezTo>
                        <a:pt x="991671" y="84700"/>
                        <a:pt x="992387" y="87172"/>
                        <a:pt x="991281" y="89124"/>
                      </a:cubicBezTo>
                      <a:cubicBezTo>
                        <a:pt x="990207" y="91076"/>
                        <a:pt x="987735" y="91792"/>
                        <a:pt x="985750" y="90686"/>
                      </a:cubicBezTo>
                      <a:cubicBezTo>
                        <a:pt x="977975" y="86359"/>
                        <a:pt x="969972" y="82130"/>
                        <a:pt x="961969" y="78096"/>
                      </a:cubicBezTo>
                      <a:cubicBezTo>
                        <a:pt x="961578" y="77900"/>
                        <a:pt x="961220" y="77640"/>
                        <a:pt x="960928" y="77347"/>
                      </a:cubicBezTo>
                      <a:close/>
                      <a:moveTo>
                        <a:pt x="1246372" y="354691"/>
                      </a:moveTo>
                      <a:cubicBezTo>
                        <a:pt x="1246112" y="354431"/>
                        <a:pt x="1245852" y="354106"/>
                        <a:pt x="1245657" y="353748"/>
                      </a:cubicBezTo>
                      <a:cubicBezTo>
                        <a:pt x="1241427" y="345875"/>
                        <a:pt x="1236938" y="338002"/>
                        <a:pt x="1232383" y="330357"/>
                      </a:cubicBezTo>
                      <a:cubicBezTo>
                        <a:pt x="1231244" y="328437"/>
                        <a:pt x="1231862" y="325932"/>
                        <a:pt x="1233782" y="324793"/>
                      </a:cubicBezTo>
                      <a:cubicBezTo>
                        <a:pt x="1235701" y="323655"/>
                        <a:pt x="1238206" y="324273"/>
                        <a:pt x="1239345" y="326225"/>
                      </a:cubicBezTo>
                      <a:cubicBezTo>
                        <a:pt x="1243965" y="334000"/>
                        <a:pt x="1248487" y="341971"/>
                        <a:pt x="1252781" y="349909"/>
                      </a:cubicBezTo>
                      <a:cubicBezTo>
                        <a:pt x="1253855" y="351893"/>
                        <a:pt x="1253107" y="354333"/>
                        <a:pt x="1251122" y="355407"/>
                      </a:cubicBezTo>
                      <a:cubicBezTo>
                        <a:pt x="1249495" y="356285"/>
                        <a:pt x="1247543" y="355960"/>
                        <a:pt x="1246307" y="354691"/>
                      </a:cubicBezTo>
                      <a:close/>
                      <a:moveTo>
                        <a:pt x="1008003" y="103504"/>
                      </a:moveTo>
                      <a:cubicBezTo>
                        <a:pt x="1006702" y="102202"/>
                        <a:pt x="1006409" y="100153"/>
                        <a:pt x="1007417" y="98526"/>
                      </a:cubicBezTo>
                      <a:cubicBezTo>
                        <a:pt x="1008588" y="96607"/>
                        <a:pt x="1011093" y="96021"/>
                        <a:pt x="1013013" y="97192"/>
                      </a:cubicBezTo>
                      <a:cubicBezTo>
                        <a:pt x="1020723" y="101910"/>
                        <a:pt x="1028434" y="106822"/>
                        <a:pt x="1035949" y="111865"/>
                      </a:cubicBezTo>
                      <a:cubicBezTo>
                        <a:pt x="1037803" y="113134"/>
                        <a:pt x="1038324" y="115639"/>
                        <a:pt x="1037055" y="117493"/>
                      </a:cubicBezTo>
                      <a:cubicBezTo>
                        <a:pt x="1035819" y="119347"/>
                        <a:pt x="1033281" y="119868"/>
                        <a:pt x="1031427" y="118599"/>
                      </a:cubicBezTo>
                      <a:cubicBezTo>
                        <a:pt x="1024009" y="113654"/>
                        <a:pt x="1016396" y="108774"/>
                        <a:pt x="1008751" y="104122"/>
                      </a:cubicBezTo>
                      <a:cubicBezTo>
                        <a:pt x="1008458" y="103959"/>
                        <a:pt x="1008231" y="103764"/>
                        <a:pt x="1008003" y="103536"/>
                      </a:cubicBezTo>
                      <a:close/>
                      <a:moveTo>
                        <a:pt x="1218849" y="308397"/>
                      </a:moveTo>
                      <a:cubicBezTo>
                        <a:pt x="1218654" y="308202"/>
                        <a:pt x="1218459" y="307974"/>
                        <a:pt x="1218329" y="307746"/>
                      </a:cubicBezTo>
                      <a:cubicBezTo>
                        <a:pt x="1213481" y="300263"/>
                        <a:pt x="1208374" y="292781"/>
                        <a:pt x="1203201" y="285526"/>
                      </a:cubicBezTo>
                      <a:cubicBezTo>
                        <a:pt x="1201900" y="283704"/>
                        <a:pt x="1202323" y="281167"/>
                        <a:pt x="1204144" y="279865"/>
                      </a:cubicBezTo>
                      <a:cubicBezTo>
                        <a:pt x="1205966" y="278564"/>
                        <a:pt x="1208504" y="278987"/>
                        <a:pt x="1209805" y="280809"/>
                      </a:cubicBezTo>
                      <a:cubicBezTo>
                        <a:pt x="1215043" y="288194"/>
                        <a:pt x="1220216" y="295774"/>
                        <a:pt x="1225128" y="303322"/>
                      </a:cubicBezTo>
                      <a:cubicBezTo>
                        <a:pt x="1226364" y="305209"/>
                        <a:pt x="1225811" y="307714"/>
                        <a:pt x="1223924" y="308950"/>
                      </a:cubicBezTo>
                      <a:cubicBezTo>
                        <a:pt x="1222298" y="310023"/>
                        <a:pt x="1220183" y="309763"/>
                        <a:pt x="1218849" y="308429"/>
                      </a:cubicBezTo>
                      <a:close/>
                      <a:moveTo>
                        <a:pt x="1052768" y="133434"/>
                      </a:moveTo>
                      <a:cubicBezTo>
                        <a:pt x="1051369" y="132035"/>
                        <a:pt x="1051174" y="129823"/>
                        <a:pt x="1052378" y="128164"/>
                      </a:cubicBezTo>
                      <a:cubicBezTo>
                        <a:pt x="1053712" y="126342"/>
                        <a:pt x="1056249" y="125952"/>
                        <a:pt x="1058039" y="127285"/>
                      </a:cubicBezTo>
                      <a:cubicBezTo>
                        <a:pt x="1065326" y="132588"/>
                        <a:pt x="1072613" y="138151"/>
                        <a:pt x="1079706" y="143780"/>
                      </a:cubicBezTo>
                      <a:cubicBezTo>
                        <a:pt x="1081462" y="145146"/>
                        <a:pt x="1081755" y="147716"/>
                        <a:pt x="1080356" y="149473"/>
                      </a:cubicBezTo>
                      <a:cubicBezTo>
                        <a:pt x="1078957" y="151230"/>
                        <a:pt x="1076420" y="151523"/>
                        <a:pt x="1074663" y="150124"/>
                      </a:cubicBezTo>
                      <a:cubicBezTo>
                        <a:pt x="1067668" y="144560"/>
                        <a:pt x="1060446" y="139095"/>
                        <a:pt x="1053256" y="133825"/>
                      </a:cubicBezTo>
                      <a:cubicBezTo>
                        <a:pt x="1053094" y="133694"/>
                        <a:pt x="1052931" y="133564"/>
                        <a:pt x="1052768" y="133402"/>
                      </a:cubicBezTo>
                      <a:close/>
                      <a:moveTo>
                        <a:pt x="1187650" y="264510"/>
                      </a:moveTo>
                      <a:cubicBezTo>
                        <a:pt x="1187650" y="264510"/>
                        <a:pt x="1187422" y="264249"/>
                        <a:pt x="1187292" y="264119"/>
                      </a:cubicBezTo>
                      <a:cubicBezTo>
                        <a:pt x="1181827" y="257060"/>
                        <a:pt x="1176133" y="250033"/>
                        <a:pt x="1170408" y="243201"/>
                      </a:cubicBezTo>
                      <a:cubicBezTo>
                        <a:pt x="1168976" y="241476"/>
                        <a:pt x="1169171" y="238906"/>
                        <a:pt x="1170896" y="237475"/>
                      </a:cubicBezTo>
                      <a:cubicBezTo>
                        <a:pt x="1172620" y="236043"/>
                        <a:pt x="1175157" y="236239"/>
                        <a:pt x="1176621" y="237963"/>
                      </a:cubicBezTo>
                      <a:cubicBezTo>
                        <a:pt x="1182445" y="244892"/>
                        <a:pt x="1188203" y="252017"/>
                        <a:pt x="1193734" y="259142"/>
                      </a:cubicBezTo>
                      <a:cubicBezTo>
                        <a:pt x="1195100" y="260931"/>
                        <a:pt x="1194775" y="263469"/>
                        <a:pt x="1193018" y="264835"/>
                      </a:cubicBezTo>
                      <a:cubicBezTo>
                        <a:pt x="1191391" y="266104"/>
                        <a:pt x="1189082" y="265909"/>
                        <a:pt x="1187650" y="264510"/>
                      </a:cubicBezTo>
                      <a:close/>
                      <a:moveTo>
                        <a:pt x="1094964" y="166911"/>
                      </a:moveTo>
                      <a:cubicBezTo>
                        <a:pt x="1093467" y="165414"/>
                        <a:pt x="1093369" y="163007"/>
                        <a:pt x="1094768" y="161380"/>
                      </a:cubicBezTo>
                      <a:cubicBezTo>
                        <a:pt x="1096232" y="159688"/>
                        <a:pt x="1098802" y="159493"/>
                        <a:pt x="1100494" y="160957"/>
                      </a:cubicBezTo>
                      <a:cubicBezTo>
                        <a:pt x="1107359" y="166846"/>
                        <a:pt x="1114158" y="172962"/>
                        <a:pt x="1120762" y="179143"/>
                      </a:cubicBezTo>
                      <a:cubicBezTo>
                        <a:pt x="1122389" y="180640"/>
                        <a:pt x="1122487" y="183242"/>
                        <a:pt x="1120957" y="184869"/>
                      </a:cubicBezTo>
                      <a:cubicBezTo>
                        <a:pt x="1119428" y="186496"/>
                        <a:pt x="1116858" y="186593"/>
                        <a:pt x="1115232" y="185064"/>
                      </a:cubicBezTo>
                      <a:cubicBezTo>
                        <a:pt x="1108725" y="178980"/>
                        <a:pt x="1101991" y="172929"/>
                        <a:pt x="1095224" y="167106"/>
                      </a:cubicBezTo>
                      <a:cubicBezTo>
                        <a:pt x="1095159" y="167041"/>
                        <a:pt x="1095061" y="166976"/>
                        <a:pt x="1094996" y="166911"/>
                      </a:cubicBezTo>
                      <a:close/>
                      <a:moveTo>
                        <a:pt x="1152970" y="223290"/>
                      </a:moveTo>
                      <a:cubicBezTo>
                        <a:pt x="1152970" y="223290"/>
                        <a:pt x="1152872" y="223193"/>
                        <a:pt x="1152840" y="223160"/>
                      </a:cubicBezTo>
                      <a:cubicBezTo>
                        <a:pt x="1146821" y="216556"/>
                        <a:pt x="1140607" y="210017"/>
                        <a:pt x="1134329" y="203640"/>
                      </a:cubicBezTo>
                      <a:cubicBezTo>
                        <a:pt x="1132767" y="202046"/>
                        <a:pt x="1132767" y="199476"/>
                        <a:pt x="1134361" y="197882"/>
                      </a:cubicBezTo>
                      <a:cubicBezTo>
                        <a:pt x="1135955" y="196320"/>
                        <a:pt x="1138525" y="196255"/>
                        <a:pt x="1140119" y="197915"/>
                      </a:cubicBezTo>
                      <a:cubicBezTo>
                        <a:pt x="1146463" y="204356"/>
                        <a:pt x="1152775" y="210993"/>
                        <a:pt x="1158858" y="217662"/>
                      </a:cubicBezTo>
                      <a:cubicBezTo>
                        <a:pt x="1160355" y="219321"/>
                        <a:pt x="1160257" y="221891"/>
                        <a:pt x="1158598" y="223388"/>
                      </a:cubicBezTo>
                      <a:cubicBezTo>
                        <a:pt x="1156972" y="224852"/>
                        <a:pt x="1154532" y="224787"/>
                        <a:pt x="1153003" y="223258"/>
                      </a:cubicBezTo>
                      <a:close/>
                    </a:path>
                  </a:pathLst>
                </a:custGeom>
                <a:solidFill>
                  <a:schemeClr val="accent5"/>
                </a:solidFill>
                <a:ln w="0" cap="flat">
                  <a:noFill/>
                  <a:prstDash val="solid"/>
                  <a:miter/>
                </a:ln>
              </p:spPr>
              <p:txBody>
                <a:bodyPr rtlCol="0" anchor="ct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sp>
              <p:nvSpPr>
                <p:cNvPr id="64" name="Free-form: Shape 60">
                  <a:extLst>
                    <a:ext uri="{FF2B5EF4-FFF2-40B4-BE49-F238E27FC236}">
                      <a16:creationId xmlns:a16="http://schemas.microsoft.com/office/drawing/2014/main" id="{05D76E97-A119-B0C1-8A40-F16325F78A5C}"/>
                    </a:ext>
                  </a:extLst>
                </p:cNvPr>
                <p:cNvSpPr/>
                <p:nvPr/>
              </p:nvSpPr>
              <p:spPr>
                <a:xfrm>
                  <a:off x="1862368" y="3359997"/>
                  <a:ext cx="958731" cy="958719"/>
                </a:xfrm>
                <a:custGeom>
                  <a:avLst/>
                  <a:gdLst>
                    <a:gd name="connsiteX0" fmla="*/ 900709 w 900708"/>
                    <a:gd name="connsiteY0" fmla="*/ 214100 h 900709"/>
                    <a:gd name="connsiteX1" fmla="*/ 866810 w 900708"/>
                    <a:gd name="connsiteY1" fmla="*/ 0 h 900709"/>
                    <a:gd name="connsiteX2" fmla="*/ 827412 w 900708"/>
                    <a:gd name="connsiteY2" fmla="*/ 39397 h 900709"/>
                    <a:gd name="connsiteX3" fmla="*/ 665137 w 900708"/>
                    <a:gd name="connsiteY3" fmla="*/ 665138 h 900709"/>
                    <a:gd name="connsiteX4" fmla="*/ 39397 w 900708"/>
                    <a:gd name="connsiteY4" fmla="*/ 827412 h 900709"/>
                    <a:gd name="connsiteX5" fmla="*/ 0 w 900708"/>
                    <a:gd name="connsiteY5" fmla="*/ 866810 h 900709"/>
                    <a:gd name="connsiteX6" fmla="*/ 214100 w 900708"/>
                    <a:gd name="connsiteY6" fmla="*/ 900709 h 900709"/>
                    <a:gd name="connsiteX7" fmla="*/ 699590 w 900708"/>
                    <a:gd name="connsiteY7" fmla="*/ 699623 h 900709"/>
                    <a:gd name="connsiteX8" fmla="*/ 900676 w 900708"/>
                    <a:gd name="connsiteY8" fmla="*/ 214132 h 9007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00708" h="900709">
                      <a:moveTo>
                        <a:pt x="900709" y="214100"/>
                      </a:moveTo>
                      <a:cubicBezTo>
                        <a:pt x="900709" y="140250"/>
                        <a:pt x="889127" y="68189"/>
                        <a:pt x="866810" y="0"/>
                      </a:cubicBezTo>
                      <a:lnTo>
                        <a:pt x="827412" y="39397"/>
                      </a:lnTo>
                      <a:cubicBezTo>
                        <a:pt x="888346" y="254701"/>
                        <a:pt x="834309" y="495998"/>
                        <a:pt x="665137" y="665138"/>
                      </a:cubicBezTo>
                      <a:cubicBezTo>
                        <a:pt x="495998" y="834277"/>
                        <a:pt x="254701" y="888347"/>
                        <a:pt x="39397" y="827412"/>
                      </a:cubicBezTo>
                      <a:lnTo>
                        <a:pt x="0" y="866810"/>
                      </a:lnTo>
                      <a:cubicBezTo>
                        <a:pt x="68222" y="889095"/>
                        <a:pt x="140250" y="900709"/>
                        <a:pt x="214100" y="900709"/>
                      </a:cubicBezTo>
                      <a:cubicBezTo>
                        <a:pt x="397488" y="900709"/>
                        <a:pt x="569913" y="829299"/>
                        <a:pt x="699590" y="699623"/>
                      </a:cubicBezTo>
                      <a:cubicBezTo>
                        <a:pt x="829266" y="569946"/>
                        <a:pt x="900676" y="397521"/>
                        <a:pt x="900676" y="214132"/>
                      </a:cubicBezTo>
                      <a:close/>
                    </a:path>
                  </a:pathLst>
                </a:custGeom>
                <a:solidFill>
                  <a:srgbClr val="024D78"/>
                </a:solidFill>
                <a:ln w="0" cap="flat">
                  <a:noFill/>
                  <a:prstDash val="solid"/>
                  <a:miter/>
                </a:ln>
              </p:spPr>
              <p:txBody>
                <a:bodyPr rtlCol="0" anchor="ct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grpSp>
        <p:sp>
          <p:nvSpPr>
            <p:cNvPr id="55" name="Freeform 10">
              <a:extLst>
                <a:ext uri="{FF2B5EF4-FFF2-40B4-BE49-F238E27FC236}">
                  <a16:creationId xmlns:a16="http://schemas.microsoft.com/office/drawing/2014/main" id="{275403C5-3271-62A4-CC40-75F1CDD4685D}"/>
                </a:ext>
              </a:extLst>
            </p:cNvPr>
            <p:cNvSpPr>
              <a:spLocks noChangeAspect="1" noEditPoints="1"/>
            </p:cNvSpPr>
            <p:nvPr/>
          </p:nvSpPr>
          <p:spPr bwMode="auto">
            <a:xfrm>
              <a:off x="7855651" y="3239566"/>
              <a:ext cx="295658" cy="314717"/>
            </a:xfrm>
            <a:custGeom>
              <a:avLst/>
              <a:gdLst>
                <a:gd name="T0" fmla="*/ 0 w 208"/>
                <a:gd name="T1" fmla="*/ 72 h 208"/>
                <a:gd name="T2" fmla="*/ 42 w 208"/>
                <a:gd name="T3" fmla="*/ 15 h 208"/>
                <a:gd name="T4" fmla="*/ 42 w 208"/>
                <a:gd name="T5" fmla="*/ 4 h 208"/>
                <a:gd name="T6" fmla="*/ 15 w 208"/>
                <a:gd name="T7" fmla="*/ 25 h 208"/>
                <a:gd name="T8" fmla="*/ 33 w 208"/>
                <a:gd name="T9" fmla="*/ 27 h 208"/>
                <a:gd name="T10" fmla="*/ 35 w 208"/>
                <a:gd name="T11" fmla="*/ 112 h 208"/>
                <a:gd name="T12" fmla="*/ 17 w 208"/>
                <a:gd name="T13" fmla="*/ 126 h 208"/>
                <a:gd name="T14" fmla="*/ 204 w 208"/>
                <a:gd name="T15" fmla="*/ 68 h 208"/>
                <a:gd name="T16" fmla="*/ 204 w 208"/>
                <a:gd name="T17" fmla="*/ 76 h 208"/>
                <a:gd name="T18" fmla="*/ 161 w 208"/>
                <a:gd name="T19" fmla="*/ 129 h 208"/>
                <a:gd name="T20" fmla="*/ 172 w 208"/>
                <a:gd name="T21" fmla="*/ 140 h 208"/>
                <a:gd name="T22" fmla="*/ 36 w 208"/>
                <a:gd name="T23" fmla="*/ 134 h 208"/>
                <a:gd name="T24" fmla="*/ 47 w 208"/>
                <a:gd name="T25" fmla="*/ 134 h 208"/>
                <a:gd name="T26" fmla="*/ 166 w 208"/>
                <a:gd name="T27" fmla="*/ 15 h 208"/>
                <a:gd name="T28" fmla="*/ 161 w 208"/>
                <a:gd name="T29" fmla="*/ 10 h 208"/>
                <a:gd name="T30" fmla="*/ 24 w 208"/>
                <a:gd name="T31" fmla="*/ 98 h 208"/>
                <a:gd name="T32" fmla="*/ 11 w 208"/>
                <a:gd name="T33" fmla="*/ 97 h 208"/>
                <a:gd name="T34" fmla="*/ 184 w 208"/>
                <a:gd name="T35" fmla="*/ 46 h 208"/>
                <a:gd name="T36" fmla="*/ 194 w 208"/>
                <a:gd name="T37" fmla="*/ 52 h 208"/>
                <a:gd name="T38" fmla="*/ 22 w 208"/>
                <a:gd name="T39" fmla="*/ 54 h 208"/>
                <a:gd name="T40" fmla="*/ 16 w 208"/>
                <a:gd name="T41" fmla="*/ 44 h 208"/>
                <a:gd name="T42" fmla="*/ 186 w 208"/>
                <a:gd name="T43" fmla="*/ 90 h 208"/>
                <a:gd name="T44" fmla="*/ 193 w 208"/>
                <a:gd name="T45" fmla="*/ 100 h 208"/>
                <a:gd name="T46" fmla="*/ 179 w 208"/>
                <a:gd name="T47" fmla="*/ 111 h 208"/>
                <a:gd name="T48" fmla="*/ 191 w 208"/>
                <a:gd name="T49" fmla="*/ 126 h 208"/>
                <a:gd name="T50" fmla="*/ 177 w 208"/>
                <a:gd name="T51" fmla="*/ 34 h 208"/>
                <a:gd name="T52" fmla="*/ 189 w 208"/>
                <a:gd name="T53" fmla="*/ 19 h 208"/>
                <a:gd name="T54" fmla="*/ 32 w 208"/>
                <a:gd name="T55" fmla="*/ 72 h 208"/>
                <a:gd name="T56" fmla="*/ 76 w 208"/>
                <a:gd name="T57" fmla="*/ 167 h 208"/>
                <a:gd name="T58" fmla="*/ 76 w 208"/>
                <a:gd name="T59" fmla="*/ 184 h 208"/>
                <a:gd name="T60" fmla="*/ 72 w 208"/>
                <a:gd name="T61" fmla="*/ 192 h 208"/>
                <a:gd name="T62" fmla="*/ 92 w 208"/>
                <a:gd name="T63" fmla="*/ 208 h 208"/>
                <a:gd name="T64" fmla="*/ 136 w 208"/>
                <a:gd name="T65" fmla="*/ 188 h 208"/>
                <a:gd name="T66" fmla="*/ 136 w 208"/>
                <a:gd name="T67" fmla="*/ 176 h 208"/>
                <a:gd name="T68" fmla="*/ 140 w 208"/>
                <a:gd name="T69" fmla="*/ 138 h 208"/>
                <a:gd name="T70" fmla="*/ 116 w 208"/>
                <a:gd name="T71" fmla="*/ 200 h 208"/>
                <a:gd name="T72" fmla="*/ 116 w 208"/>
                <a:gd name="T73" fmla="*/ 200 h 208"/>
                <a:gd name="T74" fmla="*/ 124 w 208"/>
                <a:gd name="T75" fmla="*/ 181 h 208"/>
                <a:gd name="T76" fmla="*/ 84 w 208"/>
                <a:gd name="T77" fmla="*/ 168 h 208"/>
                <a:gd name="T78" fmla="*/ 132 w 208"/>
                <a:gd name="T79" fmla="*/ 138 h 208"/>
                <a:gd name="T80" fmla="*/ 108 w 208"/>
                <a:gd name="T81" fmla="*/ 106 h 208"/>
                <a:gd name="T82" fmla="*/ 80 w 208"/>
                <a:gd name="T83" fmla="*/ 76 h 208"/>
                <a:gd name="T84" fmla="*/ 100 w 208"/>
                <a:gd name="T85" fmla="*/ 160 h 208"/>
                <a:gd name="T86" fmla="*/ 69 w 208"/>
                <a:gd name="T87" fmla="*/ 126 h 208"/>
                <a:gd name="T88" fmla="*/ 139 w 208"/>
                <a:gd name="T89" fmla="*/ 126 h 208"/>
                <a:gd name="T90" fmla="*/ 104 w 208"/>
                <a:gd name="T91" fmla="*/ 98 h 208"/>
                <a:gd name="T92" fmla="*/ 64 w 208"/>
                <a:gd name="T93" fmla="*/ 72 h 208"/>
                <a:gd name="T94" fmla="*/ 104 w 208"/>
                <a:gd name="T95" fmla="*/ 2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208" h="208">
                  <a:moveTo>
                    <a:pt x="24" y="72"/>
                  </a:moveTo>
                  <a:cubicBezTo>
                    <a:pt x="24" y="70"/>
                    <a:pt x="22" y="68"/>
                    <a:pt x="20" y="68"/>
                  </a:cubicBezTo>
                  <a:cubicBezTo>
                    <a:pt x="4" y="68"/>
                    <a:pt x="4" y="68"/>
                    <a:pt x="4" y="68"/>
                  </a:cubicBezTo>
                  <a:cubicBezTo>
                    <a:pt x="2" y="68"/>
                    <a:pt x="0" y="70"/>
                    <a:pt x="0" y="72"/>
                  </a:cubicBezTo>
                  <a:cubicBezTo>
                    <a:pt x="0" y="74"/>
                    <a:pt x="2" y="76"/>
                    <a:pt x="4" y="76"/>
                  </a:cubicBezTo>
                  <a:cubicBezTo>
                    <a:pt x="20" y="76"/>
                    <a:pt x="20" y="76"/>
                    <a:pt x="20" y="76"/>
                  </a:cubicBezTo>
                  <a:cubicBezTo>
                    <a:pt x="22" y="76"/>
                    <a:pt x="24" y="74"/>
                    <a:pt x="24" y="72"/>
                  </a:cubicBezTo>
                  <a:close/>
                  <a:moveTo>
                    <a:pt x="42" y="15"/>
                  </a:moveTo>
                  <a:cubicBezTo>
                    <a:pt x="43" y="16"/>
                    <a:pt x="44" y="17"/>
                    <a:pt x="45" y="17"/>
                  </a:cubicBezTo>
                  <a:cubicBezTo>
                    <a:pt x="46" y="17"/>
                    <a:pt x="47" y="16"/>
                    <a:pt x="47" y="15"/>
                  </a:cubicBezTo>
                  <a:cubicBezTo>
                    <a:pt x="49" y="14"/>
                    <a:pt x="49" y="11"/>
                    <a:pt x="47" y="10"/>
                  </a:cubicBezTo>
                  <a:cubicBezTo>
                    <a:pt x="42" y="4"/>
                    <a:pt x="42" y="4"/>
                    <a:pt x="42" y="4"/>
                  </a:cubicBezTo>
                  <a:cubicBezTo>
                    <a:pt x="40" y="3"/>
                    <a:pt x="38" y="3"/>
                    <a:pt x="36" y="4"/>
                  </a:cubicBezTo>
                  <a:cubicBezTo>
                    <a:pt x="35" y="6"/>
                    <a:pt x="35" y="8"/>
                    <a:pt x="36" y="10"/>
                  </a:cubicBezTo>
                  <a:lnTo>
                    <a:pt x="42" y="15"/>
                  </a:lnTo>
                  <a:close/>
                  <a:moveTo>
                    <a:pt x="15" y="25"/>
                  </a:moveTo>
                  <a:cubicBezTo>
                    <a:pt x="29" y="33"/>
                    <a:pt x="29" y="33"/>
                    <a:pt x="29" y="33"/>
                  </a:cubicBezTo>
                  <a:cubicBezTo>
                    <a:pt x="30" y="34"/>
                    <a:pt x="31" y="34"/>
                    <a:pt x="31" y="34"/>
                  </a:cubicBezTo>
                  <a:cubicBezTo>
                    <a:pt x="33" y="34"/>
                    <a:pt x="34" y="33"/>
                    <a:pt x="35" y="32"/>
                  </a:cubicBezTo>
                  <a:cubicBezTo>
                    <a:pt x="36" y="30"/>
                    <a:pt x="35" y="28"/>
                    <a:pt x="33" y="27"/>
                  </a:cubicBezTo>
                  <a:cubicBezTo>
                    <a:pt x="19" y="19"/>
                    <a:pt x="19" y="19"/>
                    <a:pt x="19" y="19"/>
                  </a:cubicBezTo>
                  <a:cubicBezTo>
                    <a:pt x="17" y="17"/>
                    <a:pt x="15" y="18"/>
                    <a:pt x="14" y="20"/>
                  </a:cubicBezTo>
                  <a:cubicBezTo>
                    <a:pt x="13" y="22"/>
                    <a:pt x="13" y="24"/>
                    <a:pt x="15" y="25"/>
                  </a:cubicBezTo>
                  <a:close/>
                  <a:moveTo>
                    <a:pt x="35" y="112"/>
                  </a:moveTo>
                  <a:cubicBezTo>
                    <a:pt x="34" y="110"/>
                    <a:pt x="31" y="109"/>
                    <a:pt x="29" y="111"/>
                  </a:cubicBezTo>
                  <a:cubicBezTo>
                    <a:pt x="15" y="119"/>
                    <a:pt x="15" y="119"/>
                    <a:pt x="15" y="119"/>
                  </a:cubicBezTo>
                  <a:cubicBezTo>
                    <a:pt x="13" y="120"/>
                    <a:pt x="13" y="122"/>
                    <a:pt x="14" y="124"/>
                  </a:cubicBezTo>
                  <a:cubicBezTo>
                    <a:pt x="15" y="125"/>
                    <a:pt x="16" y="126"/>
                    <a:pt x="17" y="126"/>
                  </a:cubicBezTo>
                  <a:cubicBezTo>
                    <a:pt x="18" y="126"/>
                    <a:pt x="19" y="126"/>
                    <a:pt x="19" y="125"/>
                  </a:cubicBezTo>
                  <a:cubicBezTo>
                    <a:pt x="33" y="117"/>
                    <a:pt x="33" y="117"/>
                    <a:pt x="33" y="117"/>
                  </a:cubicBezTo>
                  <a:cubicBezTo>
                    <a:pt x="35" y="116"/>
                    <a:pt x="36" y="114"/>
                    <a:pt x="35" y="112"/>
                  </a:cubicBezTo>
                  <a:close/>
                  <a:moveTo>
                    <a:pt x="204" y="68"/>
                  </a:moveTo>
                  <a:cubicBezTo>
                    <a:pt x="188" y="68"/>
                    <a:pt x="188" y="68"/>
                    <a:pt x="188" y="68"/>
                  </a:cubicBezTo>
                  <a:cubicBezTo>
                    <a:pt x="186" y="68"/>
                    <a:pt x="184" y="70"/>
                    <a:pt x="184" y="72"/>
                  </a:cubicBezTo>
                  <a:cubicBezTo>
                    <a:pt x="184" y="74"/>
                    <a:pt x="186" y="76"/>
                    <a:pt x="188" y="76"/>
                  </a:cubicBezTo>
                  <a:cubicBezTo>
                    <a:pt x="204" y="76"/>
                    <a:pt x="204" y="76"/>
                    <a:pt x="204" y="76"/>
                  </a:cubicBezTo>
                  <a:cubicBezTo>
                    <a:pt x="206" y="76"/>
                    <a:pt x="208" y="74"/>
                    <a:pt x="208" y="72"/>
                  </a:cubicBezTo>
                  <a:cubicBezTo>
                    <a:pt x="208" y="70"/>
                    <a:pt x="206" y="68"/>
                    <a:pt x="204" y="68"/>
                  </a:cubicBezTo>
                  <a:close/>
                  <a:moveTo>
                    <a:pt x="166" y="129"/>
                  </a:moveTo>
                  <a:cubicBezTo>
                    <a:pt x="165" y="127"/>
                    <a:pt x="162" y="127"/>
                    <a:pt x="161" y="129"/>
                  </a:cubicBezTo>
                  <a:cubicBezTo>
                    <a:pt x="159" y="130"/>
                    <a:pt x="159" y="133"/>
                    <a:pt x="161" y="134"/>
                  </a:cubicBezTo>
                  <a:cubicBezTo>
                    <a:pt x="166" y="140"/>
                    <a:pt x="166" y="140"/>
                    <a:pt x="166" y="140"/>
                  </a:cubicBezTo>
                  <a:cubicBezTo>
                    <a:pt x="167" y="141"/>
                    <a:pt x="168" y="141"/>
                    <a:pt x="169" y="141"/>
                  </a:cubicBezTo>
                  <a:cubicBezTo>
                    <a:pt x="170" y="141"/>
                    <a:pt x="171" y="141"/>
                    <a:pt x="172" y="140"/>
                  </a:cubicBezTo>
                  <a:cubicBezTo>
                    <a:pt x="173" y="138"/>
                    <a:pt x="173" y="136"/>
                    <a:pt x="172" y="134"/>
                  </a:cubicBezTo>
                  <a:lnTo>
                    <a:pt x="166" y="129"/>
                  </a:lnTo>
                  <a:close/>
                  <a:moveTo>
                    <a:pt x="42" y="129"/>
                  </a:moveTo>
                  <a:cubicBezTo>
                    <a:pt x="36" y="134"/>
                    <a:pt x="36" y="134"/>
                    <a:pt x="36" y="134"/>
                  </a:cubicBezTo>
                  <a:cubicBezTo>
                    <a:pt x="35" y="136"/>
                    <a:pt x="35" y="138"/>
                    <a:pt x="36" y="140"/>
                  </a:cubicBezTo>
                  <a:cubicBezTo>
                    <a:pt x="37" y="141"/>
                    <a:pt x="38" y="141"/>
                    <a:pt x="39" y="141"/>
                  </a:cubicBezTo>
                  <a:cubicBezTo>
                    <a:pt x="40" y="141"/>
                    <a:pt x="41" y="141"/>
                    <a:pt x="42" y="140"/>
                  </a:cubicBezTo>
                  <a:cubicBezTo>
                    <a:pt x="47" y="134"/>
                    <a:pt x="47" y="134"/>
                    <a:pt x="47" y="134"/>
                  </a:cubicBezTo>
                  <a:cubicBezTo>
                    <a:pt x="49" y="133"/>
                    <a:pt x="49" y="130"/>
                    <a:pt x="47" y="129"/>
                  </a:cubicBezTo>
                  <a:cubicBezTo>
                    <a:pt x="46" y="127"/>
                    <a:pt x="43" y="127"/>
                    <a:pt x="42" y="129"/>
                  </a:cubicBezTo>
                  <a:close/>
                  <a:moveTo>
                    <a:pt x="163" y="17"/>
                  </a:moveTo>
                  <a:cubicBezTo>
                    <a:pt x="164" y="17"/>
                    <a:pt x="165" y="16"/>
                    <a:pt x="166" y="15"/>
                  </a:cubicBezTo>
                  <a:cubicBezTo>
                    <a:pt x="172" y="10"/>
                    <a:pt x="172" y="10"/>
                    <a:pt x="172" y="10"/>
                  </a:cubicBezTo>
                  <a:cubicBezTo>
                    <a:pt x="173" y="8"/>
                    <a:pt x="173" y="6"/>
                    <a:pt x="172" y="4"/>
                  </a:cubicBezTo>
                  <a:cubicBezTo>
                    <a:pt x="170" y="3"/>
                    <a:pt x="168" y="3"/>
                    <a:pt x="166" y="4"/>
                  </a:cubicBezTo>
                  <a:cubicBezTo>
                    <a:pt x="161" y="10"/>
                    <a:pt x="161" y="10"/>
                    <a:pt x="161" y="10"/>
                  </a:cubicBezTo>
                  <a:cubicBezTo>
                    <a:pt x="159" y="11"/>
                    <a:pt x="159" y="14"/>
                    <a:pt x="161" y="15"/>
                  </a:cubicBezTo>
                  <a:cubicBezTo>
                    <a:pt x="161" y="16"/>
                    <a:pt x="162" y="17"/>
                    <a:pt x="163" y="17"/>
                  </a:cubicBezTo>
                  <a:close/>
                  <a:moveTo>
                    <a:pt x="16" y="100"/>
                  </a:moveTo>
                  <a:cubicBezTo>
                    <a:pt x="24" y="98"/>
                    <a:pt x="24" y="98"/>
                    <a:pt x="24" y="98"/>
                  </a:cubicBezTo>
                  <a:cubicBezTo>
                    <a:pt x="26" y="97"/>
                    <a:pt x="27" y="95"/>
                    <a:pt x="27" y="93"/>
                  </a:cubicBezTo>
                  <a:cubicBezTo>
                    <a:pt x="26" y="91"/>
                    <a:pt x="24" y="89"/>
                    <a:pt x="22" y="90"/>
                  </a:cubicBezTo>
                  <a:cubicBezTo>
                    <a:pt x="14" y="92"/>
                    <a:pt x="14" y="92"/>
                    <a:pt x="14" y="92"/>
                  </a:cubicBezTo>
                  <a:cubicBezTo>
                    <a:pt x="12" y="93"/>
                    <a:pt x="11" y="95"/>
                    <a:pt x="11" y="97"/>
                  </a:cubicBezTo>
                  <a:cubicBezTo>
                    <a:pt x="12" y="99"/>
                    <a:pt x="13" y="100"/>
                    <a:pt x="15" y="100"/>
                  </a:cubicBezTo>
                  <a:cubicBezTo>
                    <a:pt x="15" y="100"/>
                    <a:pt x="16" y="100"/>
                    <a:pt x="16" y="100"/>
                  </a:cubicBezTo>
                  <a:close/>
                  <a:moveTo>
                    <a:pt x="192" y="44"/>
                  </a:moveTo>
                  <a:cubicBezTo>
                    <a:pt x="184" y="46"/>
                    <a:pt x="184" y="46"/>
                    <a:pt x="184" y="46"/>
                  </a:cubicBezTo>
                  <a:cubicBezTo>
                    <a:pt x="182" y="47"/>
                    <a:pt x="181" y="49"/>
                    <a:pt x="181" y="51"/>
                  </a:cubicBezTo>
                  <a:cubicBezTo>
                    <a:pt x="182" y="53"/>
                    <a:pt x="183" y="54"/>
                    <a:pt x="185" y="54"/>
                  </a:cubicBezTo>
                  <a:cubicBezTo>
                    <a:pt x="185" y="54"/>
                    <a:pt x="186" y="54"/>
                    <a:pt x="186" y="54"/>
                  </a:cubicBezTo>
                  <a:cubicBezTo>
                    <a:pt x="194" y="52"/>
                    <a:pt x="194" y="52"/>
                    <a:pt x="194" y="52"/>
                  </a:cubicBezTo>
                  <a:cubicBezTo>
                    <a:pt x="196" y="51"/>
                    <a:pt x="197" y="49"/>
                    <a:pt x="197" y="47"/>
                  </a:cubicBezTo>
                  <a:cubicBezTo>
                    <a:pt x="196" y="45"/>
                    <a:pt x="194" y="44"/>
                    <a:pt x="192" y="44"/>
                  </a:cubicBezTo>
                  <a:close/>
                  <a:moveTo>
                    <a:pt x="14" y="52"/>
                  </a:moveTo>
                  <a:cubicBezTo>
                    <a:pt x="22" y="54"/>
                    <a:pt x="22" y="54"/>
                    <a:pt x="22" y="54"/>
                  </a:cubicBezTo>
                  <a:cubicBezTo>
                    <a:pt x="22" y="54"/>
                    <a:pt x="23" y="54"/>
                    <a:pt x="23" y="54"/>
                  </a:cubicBezTo>
                  <a:cubicBezTo>
                    <a:pt x="25" y="54"/>
                    <a:pt x="26" y="53"/>
                    <a:pt x="27" y="51"/>
                  </a:cubicBezTo>
                  <a:cubicBezTo>
                    <a:pt x="27" y="49"/>
                    <a:pt x="26" y="47"/>
                    <a:pt x="24" y="46"/>
                  </a:cubicBezTo>
                  <a:cubicBezTo>
                    <a:pt x="16" y="44"/>
                    <a:pt x="16" y="44"/>
                    <a:pt x="16" y="44"/>
                  </a:cubicBezTo>
                  <a:cubicBezTo>
                    <a:pt x="14" y="44"/>
                    <a:pt x="12" y="45"/>
                    <a:pt x="11" y="47"/>
                  </a:cubicBezTo>
                  <a:cubicBezTo>
                    <a:pt x="11" y="49"/>
                    <a:pt x="12" y="51"/>
                    <a:pt x="14" y="52"/>
                  </a:cubicBezTo>
                  <a:close/>
                  <a:moveTo>
                    <a:pt x="194" y="92"/>
                  </a:moveTo>
                  <a:cubicBezTo>
                    <a:pt x="186" y="90"/>
                    <a:pt x="186" y="90"/>
                    <a:pt x="186" y="90"/>
                  </a:cubicBezTo>
                  <a:cubicBezTo>
                    <a:pt x="184" y="89"/>
                    <a:pt x="182" y="91"/>
                    <a:pt x="181" y="93"/>
                  </a:cubicBezTo>
                  <a:cubicBezTo>
                    <a:pt x="181" y="95"/>
                    <a:pt x="182" y="97"/>
                    <a:pt x="184" y="98"/>
                  </a:cubicBezTo>
                  <a:cubicBezTo>
                    <a:pt x="192" y="100"/>
                    <a:pt x="192" y="100"/>
                    <a:pt x="192" y="100"/>
                  </a:cubicBezTo>
                  <a:cubicBezTo>
                    <a:pt x="192" y="100"/>
                    <a:pt x="193" y="100"/>
                    <a:pt x="193" y="100"/>
                  </a:cubicBezTo>
                  <a:cubicBezTo>
                    <a:pt x="195" y="100"/>
                    <a:pt x="196" y="99"/>
                    <a:pt x="197" y="97"/>
                  </a:cubicBezTo>
                  <a:cubicBezTo>
                    <a:pt x="197" y="95"/>
                    <a:pt x="196" y="93"/>
                    <a:pt x="194" y="92"/>
                  </a:cubicBezTo>
                  <a:close/>
                  <a:moveTo>
                    <a:pt x="193" y="119"/>
                  </a:moveTo>
                  <a:cubicBezTo>
                    <a:pt x="179" y="111"/>
                    <a:pt x="179" y="111"/>
                    <a:pt x="179" y="111"/>
                  </a:cubicBezTo>
                  <a:cubicBezTo>
                    <a:pt x="177" y="109"/>
                    <a:pt x="174" y="110"/>
                    <a:pt x="173" y="112"/>
                  </a:cubicBezTo>
                  <a:cubicBezTo>
                    <a:pt x="172" y="114"/>
                    <a:pt x="173" y="116"/>
                    <a:pt x="175" y="117"/>
                  </a:cubicBezTo>
                  <a:cubicBezTo>
                    <a:pt x="189" y="125"/>
                    <a:pt x="189" y="125"/>
                    <a:pt x="189" y="125"/>
                  </a:cubicBezTo>
                  <a:cubicBezTo>
                    <a:pt x="189" y="126"/>
                    <a:pt x="190" y="126"/>
                    <a:pt x="191" y="126"/>
                  </a:cubicBezTo>
                  <a:cubicBezTo>
                    <a:pt x="192" y="126"/>
                    <a:pt x="193" y="125"/>
                    <a:pt x="194" y="124"/>
                  </a:cubicBezTo>
                  <a:cubicBezTo>
                    <a:pt x="195" y="122"/>
                    <a:pt x="195" y="120"/>
                    <a:pt x="193" y="119"/>
                  </a:cubicBezTo>
                  <a:close/>
                  <a:moveTo>
                    <a:pt x="173" y="32"/>
                  </a:moveTo>
                  <a:cubicBezTo>
                    <a:pt x="174" y="33"/>
                    <a:pt x="175" y="34"/>
                    <a:pt x="177" y="34"/>
                  </a:cubicBezTo>
                  <a:cubicBezTo>
                    <a:pt x="177" y="34"/>
                    <a:pt x="178" y="34"/>
                    <a:pt x="179" y="33"/>
                  </a:cubicBezTo>
                  <a:cubicBezTo>
                    <a:pt x="193" y="25"/>
                    <a:pt x="193" y="25"/>
                    <a:pt x="193" y="25"/>
                  </a:cubicBezTo>
                  <a:cubicBezTo>
                    <a:pt x="195" y="24"/>
                    <a:pt x="195" y="22"/>
                    <a:pt x="194" y="20"/>
                  </a:cubicBezTo>
                  <a:cubicBezTo>
                    <a:pt x="193" y="18"/>
                    <a:pt x="191" y="17"/>
                    <a:pt x="189" y="19"/>
                  </a:cubicBezTo>
                  <a:cubicBezTo>
                    <a:pt x="175" y="27"/>
                    <a:pt x="175" y="27"/>
                    <a:pt x="175" y="27"/>
                  </a:cubicBezTo>
                  <a:cubicBezTo>
                    <a:pt x="173" y="28"/>
                    <a:pt x="172" y="30"/>
                    <a:pt x="173" y="32"/>
                  </a:cubicBezTo>
                  <a:close/>
                  <a:moveTo>
                    <a:pt x="104" y="0"/>
                  </a:moveTo>
                  <a:cubicBezTo>
                    <a:pt x="64" y="0"/>
                    <a:pt x="32" y="32"/>
                    <a:pt x="32" y="72"/>
                  </a:cubicBezTo>
                  <a:cubicBezTo>
                    <a:pt x="32" y="97"/>
                    <a:pt x="45" y="120"/>
                    <a:pt x="65" y="132"/>
                  </a:cubicBezTo>
                  <a:cubicBezTo>
                    <a:pt x="67" y="134"/>
                    <a:pt x="68" y="136"/>
                    <a:pt x="68" y="138"/>
                  </a:cubicBezTo>
                  <a:cubicBezTo>
                    <a:pt x="68" y="156"/>
                    <a:pt x="68" y="156"/>
                    <a:pt x="68" y="156"/>
                  </a:cubicBezTo>
                  <a:cubicBezTo>
                    <a:pt x="68" y="161"/>
                    <a:pt x="71" y="166"/>
                    <a:pt x="76" y="167"/>
                  </a:cubicBezTo>
                  <a:cubicBezTo>
                    <a:pt x="76" y="176"/>
                    <a:pt x="76" y="176"/>
                    <a:pt x="76" y="176"/>
                  </a:cubicBezTo>
                  <a:cubicBezTo>
                    <a:pt x="76" y="176"/>
                    <a:pt x="76" y="176"/>
                    <a:pt x="76" y="176"/>
                  </a:cubicBezTo>
                  <a:cubicBezTo>
                    <a:pt x="74" y="176"/>
                    <a:pt x="72" y="178"/>
                    <a:pt x="72" y="180"/>
                  </a:cubicBezTo>
                  <a:cubicBezTo>
                    <a:pt x="72" y="182"/>
                    <a:pt x="74" y="184"/>
                    <a:pt x="76" y="184"/>
                  </a:cubicBezTo>
                  <a:cubicBezTo>
                    <a:pt x="76" y="184"/>
                    <a:pt x="76" y="184"/>
                    <a:pt x="76" y="184"/>
                  </a:cubicBezTo>
                  <a:cubicBezTo>
                    <a:pt x="76" y="188"/>
                    <a:pt x="76" y="188"/>
                    <a:pt x="76" y="188"/>
                  </a:cubicBezTo>
                  <a:cubicBezTo>
                    <a:pt x="76" y="188"/>
                    <a:pt x="76" y="188"/>
                    <a:pt x="76" y="188"/>
                  </a:cubicBezTo>
                  <a:cubicBezTo>
                    <a:pt x="74" y="188"/>
                    <a:pt x="72" y="190"/>
                    <a:pt x="72" y="192"/>
                  </a:cubicBezTo>
                  <a:cubicBezTo>
                    <a:pt x="72" y="194"/>
                    <a:pt x="74" y="196"/>
                    <a:pt x="76" y="196"/>
                  </a:cubicBezTo>
                  <a:cubicBezTo>
                    <a:pt x="76" y="196"/>
                    <a:pt x="76" y="196"/>
                    <a:pt x="76" y="196"/>
                  </a:cubicBezTo>
                  <a:cubicBezTo>
                    <a:pt x="77" y="196"/>
                    <a:pt x="77" y="196"/>
                    <a:pt x="77" y="196"/>
                  </a:cubicBezTo>
                  <a:cubicBezTo>
                    <a:pt x="78" y="203"/>
                    <a:pt x="85" y="208"/>
                    <a:pt x="92" y="208"/>
                  </a:cubicBezTo>
                  <a:cubicBezTo>
                    <a:pt x="116" y="208"/>
                    <a:pt x="116" y="208"/>
                    <a:pt x="116" y="208"/>
                  </a:cubicBezTo>
                  <a:cubicBezTo>
                    <a:pt x="125" y="208"/>
                    <a:pt x="132" y="201"/>
                    <a:pt x="132" y="192"/>
                  </a:cubicBezTo>
                  <a:cubicBezTo>
                    <a:pt x="132" y="192"/>
                    <a:pt x="132" y="192"/>
                    <a:pt x="132" y="192"/>
                  </a:cubicBezTo>
                  <a:cubicBezTo>
                    <a:pt x="134" y="192"/>
                    <a:pt x="136" y="190"/>
                    <a:pt x="136" y="188"/>
                  </a:cubicBezTo>
                  <a:cubicBezTo>
                    <a:pt x="136" y="186"/>
                    <a:pt x="134" y="184"/>
                    <a:pt x="132" y="184"/>
                  </a:cubicBezTo>
                  <a:cubicBezTo>
                    <a:pt x="132" y="180"/>
                    <a:pt x="132" y="180"/>
                    <a:pt x="132" y="180"/>
                  </a:cubicBezTo>
                  <a:cubicBezTo>
                    <a:pt x="132" y="180"/>
                    <a:pt x="132" y="180"/>
                    <a:pt x="132" y="180"/>
                  </a:cubicBezTo>
                  <a:cubicBezTo>
                    <a:pt x="134" y="180"/>
                    <a:pt x="136" y="178"/>
                    <a:pt x="136" y="176"/>
                  </a:cubicBezTo>
                  <a:cubicBezTo>
                    <a:pt x="136" y="174"/>
                    <a:pt x="134" y="172"/>
                    <a:pt x="132" y="172"/>
                  </a:cubicBezTo>
                  <a:cubicBezTo>
                    <a:pt x="132" y="167"/>
                    <a:pt x="132" y="167"/>
                    <a:pt x="132" y="167"/>
                  </a:cubicBezTo>
                  <a:cubicBezTo>
                    <a:pt x="137" y="166"/>
                    <a:pt x="140" y="161"/>
                    <a:pt x="140" y="156"/>
                  </a:cubicBezTo>
                  <a:cubicBezTo>
                    <a:pt x="140" y="138"/>
                    <a:pt x="140" y="138"/>
                    <a:pt x="140" y="138"/>
                  </a:cubicBezTo>
                  <a:cubicBezTo>
                    <a:pt x="140" y="136"/>
                    <a:pt x="141" y="134"/>
                    <a:pt x="143" y="132"/>
                  </a:cubicBezTo>
                  <a:cubicBezTo>
                    <a:pt x="163" y="120"/>
                    <a:pt x="176" y="97"/>
                    <a:pt x="176" y="72"/>
                  </a:cubicBezTo>
                  <a:cubicBezTo>
                    <a:pt x="176" y="32"/>
                    <a:pt x="144" y="0"/>
                    <a:pt x="104" y="0"/>
                  </a:cubicBezTo>
                  <a:close/>
                  <a:moveTo>
                    <a:pt x="116" y="200"/>
                  </a:moveTo>
                  <a:cubicBezTo>
                    <a:pt x="92" y="200"/>
                    <a:pt x="92" y="200"/>
                    <a:pt x="92" y="200"/>
                  </a:cubicBezTo>
                  <a:cubicBezTo>
                    <a:pt x="89" y="200"/>
                    <a:pt x="86" y="198"/>
                    <a:pt x="85" y="195"/>
                  </a:cubicBezTo>
                  <a:cubicBezTo>
                    <a:pt x="124" y="193"/>
                    <a:pt x="124" y="193"/>
                    <a:pt x="124" y="193"/>
                  </a:cubicBezTo>
                  <a:cubicBezTo>
                    <a:pt x="124" y="197"/>
                    <a:pt x="120" y="200"/>
                    <a:pt x="116" y="200"/>
                  </a:cubicBezTo>
                  <a:close/>
                  <a:moveTo>
                    <a:pt x="124" y="185"/>
                  </a:moveTo>
                  <a:cubicBezTo>
                    <a:pt x="84" y="187"/>
                    <a:pt x="84" y="187"/>
                    <a:pt x="84" y="187"/>
                  </a:cubicBezTo>
                  <a:cubicBezTo>
                    <a:pt x="84" y="183"/>
                    <a:pt x="84" y="183"/>
                    <a:pt x="84" y="183"/>
                  </a:cubicBezTo>
                  <a:cubicBezTo>
                    <a:pt x="124" y="181"/>
                    <a:pt x="124" y="181"/>
                    <a:pt x="124" y="181"/>
                  </a:cubicBezTo>
                  <a:lnTo>
                    <a:pt x="124" y="185"/>
                  </a:lnTo>
                  <a:close/>
                  <a:moveTo>
                    <a:pt x="124" y="173"/>
                  </a:moveTo>
                  <a:cubicBezTo>
                    <a:pt x="84" y="175"/>
                    <a:pt x="84" y="175"/>
                    <a:pt x="84" y="175"/>
                  </a:cubicBezTo>
                  <a:cubicBezTo>
                    <a:pt x="84" y="168"/>
                    <a:pt x="84" y="168"/>
                    <a:pt x="84" y="168"/>
                  </a:cubicBezTo>
                  <a:cubicBezTo>
                    <a:pt x="124" y="168"/>
                    <a:pt x="124" y="168"/>
                    <a:pt x="124" y="168"/>
                  </a:cubicBezTo>
                  <a:lnTo>
                    <a:pt x="124" y="173"/>
                  </a:lnTo>
                  <a:close/>
                  <a:moveTo>
                    <a:pt x="139" y="126"/>
                  </a:moveTo>
                  <a:cubicBezTo>
                    <a:pt x="135" y="128"/>
                    <a:pt x="132" y="133"/>
                    <a:pt x="132" y="138"/>
                  </a:cubicBezTo>
                  <a:cubicBezTo>
                    <a:pt x="132" y="156"/>
                    <a:pt x="132" y="156"/>
                    <a:pt x="132" y="156"/>
                  </a:cubicBezTo>
                  <a:cubicBezTo>
                    <a:pt x="132" y="158"/>
                    <a:pt x="130" y="160"/>
                    <a:pt x="128" y="160"/>
                  </a:cubicBezTo>
                  <a:cubicBezTo>
                    <a:pt x="108" y="160"/>
                    <a:pt x="108" y="160"/>
                    <a:pt x="108" y="160"/>
                  </a:cubicBezTo>
                  <a:cubicBezTo>
                    <a:pt x="108" y="106"/>
                    <a:pt x="108" y="106"/>
                    <a:pt x="108" y="106"/>
                  </a:cubicBezTo>
                  <a:cubicBezTo>
                    <a:pt x="131" y="83"/>
                    <a:pt x="131" y="83"/>
                    <a:pt x="131" y="83"/>
                  </a:cubicBezTo>
                  <a:cubicBezTo>
                    <a:pt x="132" y="82"/>
                    <a:pt x="132" y="80"/>
                    <a:pt x="132" y="78"/>
                  </a:cubicBezTo>
                  <a:cubicBezTo>
                    <a:pt x="131" y="77"/>
                    <a:pt x="130" y="76"/>
                    <a:pt x="128" y="76"/>
                  </a:cubicBezTo>
                  <a:cubicBezTo>
                    <a:pt x="80" y="76"/>
                    <a:pt x="80" y="76"/>
                    <a:pt x="80" y="76"/>
                  </a:cubicBezTo>
                  <a:cubicBezTo>
                    <a:pt x="78" y="76"/>
                    <a:pt x="77" y="77"/>
                    <a:pt x="76" y="78"/>
                  </a:cubicBezTo>
                  <a:cubicBezTo>
                    <a:pt x="76" y="80"/>
                    <a:pt x="76" y="82"/>
                    <a:pt x="77" y="83"/>
                  </a:cubicBezTo>
                  <a:cubicBezTo>
                    <a:pt x="100" y="106"/>
                    <a:pt x="100" y="106"/>
                    <a:pt x="100" y="106"/>
                  </a:cubicBezTo>
                  <a:cubicBezTo>
                    <a:pt x="100" y="160"/>
                    <a:pt x="100" y="160"/>
                    <a:pt x="100" y="160"/>
                  </a:cubicBezTo>
                  <a:cubicBezTo>
                    <a:pt x="80" y="160"/>
                    <a:pt x="80" y="160"/>
                    <a:pt x="80" y="160"/>
                  </a:cubicBezTo>
                  <a:cubicBezTo>
                    <a:pt x="78" y="160"/>
                    <a:pt x="76" y="158"/>
                    <a:pt x="76" y="156"/>
                  </a:cubicBezTo>
                  <a:cubicBezTo>
                    <a:pt x="76" y="138"/>
                    <a:pt x="76" y="138"/>
                    <a:pt x="76" y="138"/>
                  </a:cubicBezTo>
                  <a:cubicBezTo>
                    <a:pt x="76" y="133"/>
                    <a:pt x="73" y="128"/>
                    <a:pt x="69" y="126"/>
                  </a:cubicBezTo>
                  <a:cubicBezTo>
                    <a:pt x="52" y="114"/>
                    <a:pt x="40" y="95"/>
                    <a:pt x="40" y="72"/>
                  </a:cubicBezTo>
                  <a:cubicBezTo>
                    <a:pt x="40" y="37"/>
                    <a:pt x="69" y="8"/>
                    <a:pt x="104" y="8"/>
                  </a:cubicBezTo>
                  <a:cubicBezTo>
                    <a:pt x="139" y="8"/>
                    <a:pt x="168" y="37"/>
                    <a:pt x="168" y="72"/>
                  </a:cubicBezTo>
                  <a:cubicBezTo>
                    <a:pt x="168" y="95"/>
                    <a:pt x="156" y="114"/>
                    <a:pt x="139" y="126"/>
                  </a:cubicBezTo>
                  <a:close/>
                  <a:moveTo>
                    <a:pt x="104" y="98"/>
                  </a:moveTo>
                  <a:cubicBezTo>
                    <a:pt x="90" y="84"/>
                    <a:pt x="90" y="84"/>
                    <a:pt x="90" y="84"/>
                  </a:cubicBezTo>
                  <a:cubicBezTo>
                    <a:pt x="118" y="84"/>
                    <a:pt x="118" y="84"/>
                    <a:pt x="118" y="84"/>
                  </a:cubicBezTo>
                  <a:lnTo>
                    <a:pt x="104" y="98"/>
                  </a:lnTo>
                  <a:close/>
                  <a:moveTo>
                    <a:pt x="104" y="24"/>
                  </a:moveTo>
                  <a:cubicBezTo>
                    <a:pt x="77" y="24"/>
                    <a:pt x="56" y="45"/>
                    <a:pt x="56" y="72"/>
                  </a:cubicBezTo>
                  <a:cubicBezTo>
                    <a:pt x="56" y="74"/>
                    <a:pt x="58" y="76"/>
                    <a:pt x="60" y="76"/>
                  </a:cubicBezTo>
                  <a:cubicBezTo>
                    <a:pt x="62" y="76"/>
                    <a:pt x="64" y="74"/>
                    <a:pt x="64" y="72"/>
                  </a:cubicBezTo>
                  <a:cubicBezTo>
                    <a:pt x="64" y="72"/>
                    <a:pt x="64" y="72"/>
                    <a:pt x="64" y="72"/>
                  </a:cubicBezTo>
                  <a:cubicBezTo>
                    <a:pt x="64" y="50"/>
                    <a:pt x="82" y="32"/>
                    <a:pt x="104" y="32"/>
                  </a:cubicBezTo>
                  <a:cubicBezTo>
                    <a:pt x="106" y="32"/>
                    <a:pt x="108" y="30"/>
                    <a:pt x="108" y="28"/>
                  </a:cubicBezTo>
                  <a:cubicBezTo>
                    <a:pt x="108" y="26"/>
                    <a:pt x="106" y="24"/>
                    <a:pt x="104" y="24"/>
                  </a:cubicBezTo>
                  <a:close/>
                </a:path>
              </a:pathLst>
            </a:custGeom>
            <a:solidFill>
              <a:schemeClr val="bg1"/>
            </a:solidFill>
            <a:ln w="3175">
              <a:noFill/>
            </a:ln>
          </p:spPr>
          <p:txBody>
            <a:bodyPr vert="horz" wrap="square" lIns="91440" tIns="45720" rIns="91440" bIns="45720" numCol="1" anchor="t" anchorCtr="0" compatLnSpc="1">
              <a:prstTxWarp prst="textNoShape">
                <a:avLst/>
              </a:prstTxWarp>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grpSp>
        <p:nvGrpSpPr>
          <p:cNvPr id="95" name="Group 94">
            <a:extLst>
              <a:ext uri="{FF2B5EF4-FFF2-40B4-BE49-F238E27FC236}">
                <a16:creationId xmlns:a16="http://schemas.microsoft.com/office/drawing/2014/main" id="{8E1B3BB4-B220-B2BE-199C-1C66DF82DF6F}"/>
              </a:ext>
              <a:ext uri="{C183D7F6-B498-43B3-948B-1728B52AA6E4}">
                <adec:decorative xmlns:adec="http://schemas.microsoft.com/office/drawing/2017/decorative" val="1"/>
              </a:ext>
            </a:extLst>
          </p:cNvPr>
          <p:cNvGrpSpPr/>
          <p:nvPr/>
        </p:nvGrpSpPr>
        <p:grpSpPr>
          <a:xfrm>
            <a:off x="7978666" y="3408060"/>
            <a:ext cx="669874" cy="669874"/>
            <a:chOff x="8271150" y="2446809"/>
            <a:chExt cx="669874" cy="669874"/>
          </a:xfrm>
        </p:grpSpPr>
        <p:grpSp>
          <p:nvGrpSpPr>
            <p:cNvPr id="41" name="Group 40">
              <a:extLst>
                <a:ext uri="{FF2B5EF4-FFF2-40B4-BE49-F238E27FC236}">
                  <a16:creationId xmlns:a16="http://schemas.microsoft.com/office/drawing/2014/main" id="{26586D2F-9E80-91C2-2B8F-1A23459568A0}"/>
                </a:ext>
              </a:extLst>
            </p:cNvPr>
            <p:cNvGrpSpPr/>
            <p:nvPr/>
          </p:nvGrpSpPr>
          <p:grpSpPr>
            <a:xfrm>
              <a:off x="8271150" y="2446809"/>
              <a:ext cx="669874" cy="669874"/>
              <a:chOff x="2030847" y="3274783"/>
              <a:chExt cx="1352868" cy="1352820"/>
            </a:xfrm>
          </p:grpSpPr>
          <p:sp>
            <p:nvSpPr>
              <p:cNvPr id="79" name="Free-form: Shape 91">
                <a:extLst>
                  <a:ext uri="{FF2B5EF4-FFF2-40B4-BE49-F238E27FC236}">
                    <a16:creationId xmlns:a16="http://schemas.microsoft.com/office/drawing/2014/main" id="{C89B872E-49A1-868F-F1E2-916FA035AA3E}"/>
                  </a:ext>
                </a:extLst>
              </p:cNvPr>
              <p:cNvSpPr/>
              <p:nvPr/>
            </p:nvSpPr>
            <p:spPr>
              <a:xfrm rot="18900000">
                <a:off x="2125604" y="3395478"/>
                <a:ext cx="1130392" cy="1130392"/>
              </a:xfrm>
              <a:custGeom>
                <a:avLst/>
                <a:gdLst>
                  <a:gd name="connsiteX0" fmla="*/ 1130392 w 1130392"/>
                  <a:gd name="connsiteY0" fmla="*/ 565196 h 1130392"/>
                  <a:gd name="connsiteX1" fmla="*/ 565196 w 1130392"/>
                  <a:gd name="connsiteY1" fmla="*/ 1130393 h 1130392"/>
                  <a:gd name="connsiteX2" fmla="*/ 0 w 1130392"/>
                  <a:gd name="connsiteY2" fmla="*/ 565196 h 1130392"/>
                  <a:gd name="connsiteX3" fmla="*/ 565196 w 1130392"/>
                  <a:gd name="connsiteY3" fmla="*/ 0 h 1130392"/>
                  <a:gd name="connsiteX4" fmla="*/ 1130392 w 1130392"/>
                  <a:gd name="connsiteY4" fmla="*/ 565196 h 11303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0392" h="1130392">
                    <a:moveTo>
                      <a:pt x="1130392" y="565196"/>
                    </a:moveTo>
                    <a:cubicBezTo>
                      <a:pt x="1130392" y="877346"/>
                      <a:pt x="877345" y="1130393"/>
                      <a:pt x="565196" y="1130393"/>
                    </a:cubicBezTo>
                    <a:cubicBezTo>
                      <a:pt x="253047" y="1130393"/>
                      <a:pt x="0" y="877346"/>
                      <a:pt x="0" y="565196"/>
                    </a:cubicBezTo>
                    <a:cubicBezTo>
                      <a:pt x="0" y="253047"/>
                      <a:pt x="253047" y="0"/>
                      <a:pt x="565196" y="0"/>
                    </a:cubicBezTo>
                    <a:cubicBezTo>
                      <a:pt x="877345" y="0"/>
                      <a:pt x="1130392" y="253047"/>
                      <a:pt x="1130392" y="565196"/>
                    </a:cubicBezTo>
                    <a:close/>
                  </a:path>
                </a:pathLst>
              </a:custGeom>
              <a:solidFill>
                <a:srgbClr val="0580A7"/>
              </a:solidFill>
              <a:ln w="0" cap="flat">
                <a:noFill/>
                <a:prstDash val="solid"/>
                <a:miter/>
              </a:ln>
            </p:spPr>
            <p:txBody>
              <a:bodyPr rtlCol="0" anchor="ct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nvGrpSpPr>
              <p:cNvPr id="80" name="Graphic 2">
                <a:extLst>
                  <a:ext uri="{FF2B5EF4-FFF2-40B4-BE49-F238E27FC236}">
                    <a16:creationId xmlns:a16="http://schemas.microsoft.com/office/drawing/2014/main" id="{280546F4-473F-DFA7-8A06-8937503F5A6C}"/>
                  </a:ext>
                </a:extLst>
              </p:cNvPr>
              <p:cNvGrpSpPr/>
              <p:nvPr/>
            </p:nvGrpSpPr>
            <p:grpSpPr>
              <a:xfrm>
                <a:off x="2030847" y="3274783"/>
                <a:ext cx="1352868" cy="1352820"/>
                <a:chOff x="2031303" y="3275392"/>
                <a:chExt cx="1352868" cy="1352820"/>
              </a:xfrm>
            </p:grpSpPr>
            <p:sp>
              <p:nvSpPr>
                <p:cNvPr id="81" name="Free-form: Shape 107">
                  <a:extLst>
                    <a:ext uri="{FF2B5EF4-FFF2-40B4-BE49-F238E27FC236}">
                      <a16:creationId xmlns:a16="http://schemas.microsoft.com/office/drawing/2014/main" id="{98C8DACE-BDBF-B66C-74BA-070028340452}"/>
                    </a:ext>
                  </a:extLst>
                </p:cNvPr>
                <p:cNvSpPr/>
                <p:nvPr/>
              </p:nvSpPr>
              <p:spPr>
                <a:xfrm>
                  <a:off x="2031303" y="3295595"/>
                  <a:ext cx="1332438" cy="1332617"/>
                </a:xfrm>
                <a:custGeom>
                  <a:avLst/>
                  <a:gdLst>
                    <a:gd name="connsiteX0" fmla="*/ 1137370 w 1332438"/>
                    <a:gd name="connsiteY0" fmla="*/ 1137484 h 1332617"/>
                    <a:gd name="connsiteX1" fmla="*/ 1129920 w 1332438"/>
                    <a:gd name="connsiteY1" fmla="*/ 1144837 h 1332617"/>
                    <a:gd name="connsiteX2" fmla="*/ 1124194 w 1332438"/>
                    <a:gd name="connsiteY2" fmla="*/ 1144739 h 1332617"/>
                    <a:gd name="connsiteX3" fmla="*/ 1124292 w 1332438"/>
                    <a:gd name="connsiteY3" fmla="*/ 1138981 h 1332617"/>
                    <a:gd name="connsiteX4" fmla="*/ 1143226 w 1332438"/>
                    <a:gd name="connsiteY4" fmla="*/ 1119851 h 1332617"/>
                    <a:gd name="connsiteX5" fmla="*/ 1148985 w 1332438"/>
                    <a:gd name="connsiteY5" fmla="*/ 1119721 h 1332617"/>
                    <a:gd name="connsiteX6" fmla="*/ 1149115 w 1332438"/>
                    <a:gd name="connsiteY6" fmla="*/ 1125447 h 1332617"/>
                    <a:gd name="connsiteX7" fmla="*/ 1137403 w 1332438"/>
                    <a:gd name="connsiteY7" fmla="*/ 1137452 h 1332617"/>
                    <a:gd name="connsiteX8" fmla="*/ 1110336 w 1332438"/>
                    <a:gd name="connsiteY8" fmla="*/ 1163055 h 1332617"/>
                    <a:gd name="connsiteX9" fmla="*/ 1110173 w 1332438"/>
                    <a:gd name="connsiteY9" fmla="*/ 1163218 h 1332617"/>
                    <a:gd name="connsiteX10" fmla="*/ 1089514 w 1332438"/>
                    <a:gd name="connsiteY10" fmla="*/ 1180949 h 1332617"/>
                    <a:gd name="connsiteX11" fmla="*/ 1083788 w 1332438"/>
                    <a:gd name="connsiteY11" fmla="*/ 1180396 h 1332617"/>
                    <a:gd name="connsiteX12" fmla="*/ 1084341 w 1332438"/>
                    <a:gd name="connsiteY12" fmla="*/ 1174670 h 1332617"/>
                    <a:gd name="connsiteX13" fmla="*/ 1104740 w 1332438"/>
                    <a:gd name="connsiteY13" fmla="*/ 1157134 h 1332617"/>
                    <a:gd name="connsiteX14" fmla="*/ 1110466 w 1332438"/>
                    <a:gd name="connsiteY14" fmla="*/ 1157460 h 1332617"/>
                    <a:gd name="connsiteX15" fmla="*/ 1110303 w 1332438"/>
                    <a:gd name="connsiteY15" fmla="*/ 1163023 h 1332617"/>
                    <a:gd name="connsiteX16" fmla="*/ 1167073 w 1332438"/>
                    <a:gd name="connsiteY16" fmla="*/ 1105765 h 1332617"/>
                    <a:gd name="connsiteX17" fmla="*/ 1161510 w 1332438"/>
                    <a:gd name="connsiteY17" fmla="*/ 1105927 h 1332617"/>
                    <a:gd name="connsiteX18" fmla="*/ 1161152 w 1332438"/>
                    <a:gd name="connsiteY18" fmla="*/ 1100202 h 1332617"/>
                    <a:gd name="connsiteX19" fmla="*/ 1178492 w 1332438"/>
                    <a:gd name="connsiteY19" fmla="*/ 1079641 h 1332617"/>
                    <a:gd name="connsiteX20" fmla="*/ 1184218 w 1332438"/>
                    <a:gd name="connsiteY20" fmla="*/ 1079023 h 1332617"/>
                    <a:gd name="connsiteX21" fmla="*/ 1184836 w 1332438"/>
                    <a:gd name="connsiteY21" fmla="*/ 1084716 h 1332617"/>
                    <a:gd name="connsiteX22" fmla="*/ 1167301 w 1332438"/>
                    <a:gd name="connsiteY22" fmla="*/ 1105537 h 1332617"/>
                    <a:gd name="connsiteX23" fmla="*/ 1167105 w 1332438"/>
                    <a:gd name="connsiteY23" fmla="*/ 1105732 h 1332617"/>
                    <a:gd name="connsiteX24" fmla="*/ 1068791 w 1332438"/>
                    <a:gd name="connsiteY24" fmla="*/ 1197313 h 1332617"/>
                    <a:gd name="connsiteX25" fmla="*/ 1068368 w 1332438"/>
                    <a:gd name="connsiteY25" fmla="*/ 1197671 h 1332617"/>
                    <a:gd name="connsiteX26" fmla="*/ 1046343 w 1332438"/>
                    <a:gd name="connsiteY26" fmla="*/ 1213677 h 1332617"/>
                    <a:gd name="connsiteX27" fmla="*/ 1040682 w 1332438"/>
                    <a:gd name="connsiteY27" fmla="*/ 1212668 h 1332617"/>
                    <a:gd name="connsiteX28" fmla="*/ 1041691 w 1332438"/>
                    <a:gd name="connsiteY28" fmla="*/ 1207008 h 1332617"/>
                    <a:gd name="connsiteX29" fmla="*/ 1063455 w 1332438"/>
                    <a:gd name="connsiteY29" fmla="*/ 1191197 h 1332617"/>
                    <a:gd name="connsiteX30" fmla="*/ 1069149 w 1332438"/>
                    <a:gd name="connsiteY30" fmla="*/ 1191977 h 1332617"/>
                    <a:gd name="connsiteX31" fmla="*/ 1068791 w 1332438"/>
                    <a:gd name="connsiteY31" fmla="*/ 1197313 h 1332617"/>
                    <a:gd name="connsiteX32" fmla="*/ 1200972 w 1332438"/>
                    <a:gd name="connsiteY32" fmla="*/ 1063895 h 1332617"/>
                    <a:gd name="connsiteX33" fmla="*/ 1195670 w 1332438"/>
                    <a:gd name="connsiteY33" fmla="*/ 1064285 h 1332617"/>
                    <a:gd name="connsiteX34" fmla="*/ 1194824 w 1332438"/>
                    <a:gd name="connsiteY34" fmla="*/ 1058592 h 1332617"/>
                    <a:gd name="connsiteX35" fmla="*/ 1210439 w 1332438"/>
                    <a:gd name="connsiteY35" fmla="*/ 1036697 h 1332617"/>
                    <a:gd name="connsiteX36" fmla="*/ 1216068 w 1332438"/>
                    <a:gd name="connsiteY36" fmla="*/ 1035624 h 1332617"/>
                    <a:gd name="connsiteX37" fmla="*/ 1217141 w 1332438"/>
                    <a:gd name="connsiteY37" fmla="*/ 1041252 h 1332617"/>
                    <a:gd name="connsiteX38" fmla="*/ 1201330 w 1332438"/>
                    <a:gd name="connsiteY38" fmla="*/ 1063439 h 1332617"/>
                    <a:gd name="connsiteX39" fmla="*/ 1200940 w 1332438"/>
                    <a:gd name="connsiteY39" fmla="*/ 1063895 h 1332617"/>
                    <a:gd name="connsiteX40" fmla="*/ 1024611 w 1332438"/>
                    <a:gd name="connsiteY40" fmla="*/ 1228089 h 1332617"/>
                    <a:gd name="connsiteX41" fmla="*/ 1023928 w 1332438"/>
                    <a:gd name="connsiteY41" fmla="*/ 1228642 h 1332617"/>
                    <a:gd name="connsiteX42" fmla="*/ 1000667 w 1332438"/>
                    <a:gd name="connsiteY42" fmla="*/ 1242794 h 1332617"/>
                    <a:gd name="connsiteX43" fmla="*/ 995103 w 1332438"/>
                    <a:gd name="connsiteY43" fmla="*/ 1241330 h 1332617"/>
                    <a:gd name="connsiteX44" fmla="*/ 996567 w 1332438"/>
                    <a:gd name="connsiteY44" fmla="*/ 1235767 h 1332617"/>
                    <a:gd name="connsiteX45" fmla="*/ 1019536 w 1332438"/>
                    <a:gd name="connsiteY45" fmla="*/ 1221777 h 1332617"/>
                    <a:gd name="connsiteX46" fmla="*/ 1025132 w 1332438"/>
                    <a:gd name="connsiteY46" fmla="*/ 1223014 h 1332617"/>
                    <a:gd name="connsiteX47" fmla="*/ 1024578 w 1332438"/>
                    <a:gd name="connsiteY47" fmla="*/ 1228056 h 1332617"/>
                    <a:gd name="connsiteX48" fmla="*/ 1231326 w 1332438"/>
                    <a:gd name="connsiteY48" fmla="*/ 1019422 h 1332617"/>
                    <a:gd name="connsiteX49" fmla="*/ 1226316 w 1332438"/>
                    <a:gd name="connsiteY49" fmla="*/ 1020008 h 1332617"/>
                    <a:gd name="connsiteX50" fmla="*/ 1225014 w 1332438"/>
                    <a:gd name="connsiteY50" fmla="*/ 1014412 h 1332617"/>
                    <a:gd name="connsiteX51" fmla="*/ 1238776 w 1332438"/>
                    <a:gd name="connsiteY51" fmla="*/ 991314 h 1332617"/>
                    <a:gd name="connsiteX52" fmla="*/ 1244306 w 1332438"/>
                    <a:gd name="connsiteY52" fmla="*/ 989784 h 1332617"/>
                    <a:gd name="connsiteX53" fmla="*/ 1245835 w 1332438"/>
                    <a:gd name="connsiteY53" fmla="*/ 995315 h 1332617"/>
                    <a:gd name="connsiteX54" fmla="*/ 1231911 w 1332438"/>
                    <a:gd name="connsiteY54" fmla="*/ 1018706 h 1332617"/>
                    <a:gd name="connsiteX55" fmla="*/ 1231326 w 1332438"/>
                    <a:gd name="connsiteY55" fmla="*/ 1019422 h 1332617"/>
                    <a:gd name="connsiteX56" fmla="*/ 978024 w 1332438"/>
                    <a:gd name="connsiteY56" fmla="*/ 1255156 h 1332617"/>
                    <a:gd name="connsiteX57" fmla="*/ 977048 w 1332438"/>
                    <a:gd name="connsiteY57" fmla="*/ 1255872 h 1332617"/>
                    <a:gd name="connsiteX58" fmla="*/ 952648 w 1332438"/>
                    <a:gd name="connsiteY58" fmla="*/ 1268104 h 1332617"/>
                    <a:gd name="connsiteX59" fmla="*/ 947248 w 1332438"/>
                    <a:gd name="connsiteY59" fmla="*/ 1266185 h 1332617"/>
                    <a:gd name="connsiteX60" fmla="*/ 949167 w 1332438"/>
                    <a:gd name="connsiteY60" fmla="*/ 1260785 h 1332617"/>
                    <a:gd name="connsiteX61" fmla="*/ 973274 w 1332438"/>
                    <a:gd name="connsiteY61" fmla="*/ 1248682 h 1332617"/>
                    <a:gd name="connsiteX62" fmla="*/ 978772 w 1332438"/>
                    <a:gd name="connsiteY62" fmla="*/ 1250374 h 1332617"/>
                    <a:gd name="connsiteX63" fmla="*/ 978056 w 1332438"/>
                    <a:gd name="connsiteY63" fmla="*/ 1255124 h 1332617"/>
                    <a:gd name="connsiteX64" fmla="*/ 1257938 w 1332438"/>
                    <a:gd name="connsiteY64" fmla="*/ 972575 h 1332617"/>
                    <a:gd name="connsiteX65" fmla="*/ 1253220 w 1332438"/>
                    <a:gd name="connsiteY65" fmla="*/ 973323 h 1332617"/>
                    <a:gd name="connsiteX66" fmla="*/ 1251464 w 1332438"/>
                    <a:gd name="connsiteY66" fmla="*/ 967857 h 1332617"/>
                    <a:gd name="connsiteX67" fmla="*/ 1263306 w 1332438"/>
                    <a:gd name="connsiteY67" fmla="*/ 943718 h 1332617"/>
                    <a:gd name="connsiteX68" fmla="*/ 1268706 w 1332438"/>
                    <a:gd name="connsiteY68" fmla="*/ 941733 h 1332617"/>
                    <a:gd name="connsiteX69" fmla="*/ 1270691 w 1332438"/>
                    <a:gd name="connsiteY69" fmla="*/ 947134 h 1332617"/>
                    <a:gd name="connsiteX70" fmla="*/ 1258719 w 1332438"/>
                    <a:gd name="connsiteY70" fmla="*/ 971599 h 1332617"/>
                    <a:gd name="connsiteX71" fmla="*/ 1257970 w 1332438"/>
                    <a:gd name="connsiteY71" fmla="*/ 972607 h 1332617"/>
                    <a:gd name="connsiteX72" fmla="*/ 929257 w 1332438"/>
                    <a:gd name="connsiteY72" fmla="*/ 1278352 h 1332617"/>
                    <a:gd name="connsiteX73" fmla="*/ 927988 w 1332438"/>
                    <a:gd name="connsiteY73" fmla="*/ 1279198 h 1332617"/>
                    <a:gd name="connsiteX74" fmla="*/ 902677 w 1332438"/>
                    <a:gd name="connsiteY74" fmla="*/ 1289381 h 1332617"/>
                    <a:gd name="connsiteX75" fmla="*/ 897439 w 1332438"/>
                    <a:gd name="connsiteY75" fmla="*/ 1287006 h 1332617"/>
                    <a:gd name="connsiteX76" fmla="*/ 899782 w 1332438"/>
                    <a:gd name="connsiteY76" fmla="*/ 1281768 h 1332617"/>
                    <a:gd name="connsiteX77" fmla="*/ 924800 w 1332438"/>
                    <a:gd name="connsiteY77" fmla="*/ 1271716 h 1332617"/>
                    <a:gd name="connsiteX78" fmla="*/ 930135 w 1332438"/>
                    <a:gd name="connsiteY78" fmla="*/ 1273863 h 1332617"/>
                    <a:gd name="connsiteX79" fmla="*/ 929257 w 1332438"/>
                    <a:gd name="connsiteY79" fmla="*/ 1278320 h 1332617"/>
                    <a:gd name="connsiteX80" fmla="*/ 1280613 w 1332438"/>
                    <a:gd name="connsiteY80" fmla="*/ 923710 h 1332617"/>
                    <a:gd name="connsiteX81" fmla="*/ 1276189 w 1332438"/>
                    <a:gd name="connsiteY81" fmla="*/ 924588 h 1332617"/>
                    <a:gd name="connsiteX82" fmla="*/ 1274009 w 1332438"/>
                    <a:gd name="connsiteY82" fmla="*/ 919285 h 1332617"/>
                    <a:gd name="connsiteX83" fmla="*/ 1283801 w 1332438"/>
                    <a:gd name="connsiteY83" fmla="*/ 894300 h 1332617"/>
                    <a:gd name="connsiteX84" fmla="*/ 1289007 w 1332438"/>
                    <a:gd name="connsiteY84" fmla="*/ 891893 h 1332617"/>
                    <a:gd name="connsiteX85" fmla="*/ 1291414 w 1332438"/>
                    <a:gd name="connsiteY85" fmla="*/ 897098 h 1332617"/>
                    <a:gd name="connsiteX86" fmla="*/ 1281492 w 1332438"/>
                    <a:gd name="connsiteY86" fmla="*/ 922376 h 1332617"/>
                    <a:gd name="connsiteX87" fmla="*/ 1280613 w 1332438"/>
                    <a:gd name="connsiteY87" fmla="*/ 923677 h 1332617"/>
                    <a:gd name="connsiteX88" fmla="*/ 878765 w 1332438"/>
                    <a:gd name="connsiteY88" fmla="*/ 1297482 h 1332617"/>
                    <a:gd name="connsiteX89" fmla="*/ 877171 w 1332438"/>
                    <a:gd name="connsiteY89" fmla="*/ 1298458 h 1332617"/>
                    <a:gd name="connsiteX90" fmla="*/ 851112 w 1332438"/>
                    <a:gd name="connsiteY90" fmla="*/ 1306526 h 1332617"/>
                    <a:gd name="connsiteX91" fmla="*/ 846102 w 1332438"/>
                    <a:gd name="connsiteY91" fmla="*/ 1303761 h 1332617"/>
                    <a:gd name="connsiteX92" fmla="*/ 848868 w 1332438"/>
                    <a:gd name="connsiteY92" fmla="*/ 1298751 h 1332617"/>
                    <a:gd name="connsiteX93" fmla="*/ 874601 w 1332438"/>
                    <a:gd name="connsiteY93" fmla="*/ 1290780 h 1332617"/>
                    <a:gd name="connsiteX94" fmla="*/ 879742 w 1332438"/>
                    <a:gd name="connsiteY94" fmla="*/ 1293350 h 1332617"/>
                    <a:gd name="connsiteX95" fmla="*/ 878765 w 1332438"/>
                    <a:gd name="connsiteY95" fmla="*/ 1297514 h 1332617"/>
                    <a:gd name="connsiteX96" fmla="*/ 1299190 w 1332438"/>
                    <a:gd name="connsiteY96" fmla="*/ 873284 h 1332617"/>
                    <a:gd name="connsiteX97" fmla="*/ 1295058 w 1332438"/>
                    <a:gd name="connsiteY97" fmla="*/ 874292 h 1332617"/>
                    <a:gd name="connsiteX98" fmla="*/ 1292455 w 1332438"/>
                    <a:gd name="connsiteY98" fmla="*/ 869185 h 1332617"/>
                    <a:gd name="connsiteX99" fmla="*/ 1300198 w 1332438"/>
                    <a:gd name="connsiteY99" fmla="*/ 843484 h 1332617"/>
                    <a:gd name="connsiteX100" fmla="*/ 1305208 w 1332438"/>
                    <a:gd name="connsiteY100" fmla="*/ 840653 h 1332617"/>
                    <a:gd name="connsiteX101" fmla="*/ 1308039 w 1332438"/>
                    <a:gd name="connsiteY101" fmla="*/ 845663 h 1332617"/>
                    <a:gd name="connsiteX102" fmla="*/ 1300198 w 1332438"/>
                    <a:gd name="connsiteY102" fmla="*/ 871690 h 1332617"/>
                    <a:gd name="connsiteX103" fmla="*/ 1299222 w 1332438"/>
                    <a:gd name="connsiteY103" fmla="*/ 873316 h 1332617"/>
                    <a:gd name="connsiteX104" fmla="*/ 826940 w 1332438"/>
                    <a:gd name="connsiteY104" fmla="*/ 1312414 h 1332617"/>
                    <a:gd name="connsiteX105" fmla="*/ 825021 w 1332438"/>
                    <a:gd name="connsiteY105" fmla="*/ 1313488 h 1332617"/>
                    <a:gd name="connsiteX106" fmla="*/ 798409 w 1332438"/>
                    <a:gd name="connsiteY106" fmla="*/ 1319409 h 1332617"/>
                    <a:gd name="connsiteX107" fmla="*/ 793627 w 1332438"/>
                    <a:gd name="connsiteY107" fmla="*/ 1316221 h 1332617"/>
                    <a:gd name="connsiteX108" fmla="*/ 796815 w 1332438"/>
                    <a:gd name="connsiteY108" fmla="*/ 1311438 h 1332617"/>
                    <a:gd name="connsiteX109" fmla="*/ 823101 w 1332438"/>
                    <a:gd name="connsiteY109" fmla="*/ 1305583 h 1332617"/>
                    <a:gd name="connsiteX110" fmla="*/ 828014 w 1332438"/>
                    <a:gd name="connsiteY110" fmla="*/ 1308576 h 1332617"/>
                    <a:gd name="connsiteX111" fmla="*/ 826940 w 1332438"/>
                    <a:gd name="connsiteY111" fmla="*/ 1312414 h 1332617"/>
                    <a:gd name="connsiteX112" fmla="*/ 1313634 w 1332438"/>
                    <a:gd name="connsiteY112" fmla="*/ 821491 h 1332617"/>
                    <a:gd name="connsiteX113" fmla="*/ 1309828 w 1332438"/>
                    <a:gd name="connsiteY113" fmla="*/ 822565 h 1332617"/>
                    <a:gd name="connsiteX114" fmla="*/ 1306802 w 1332438"/>
                    <a:gd name="connsiteY114" fmla="*/ 817685 h 1332617"/>
                    <a:gd name="connsiteX115" fmla="*/ 1312431 w 1332438"/>
                    <a:gd name="connsiteY115" fmla="*/ 791398 h 1332617"/>
                    <a:gd name="connsiteX116" fmla="*/ 1317180 w 1332438"/>
                    <a:gd name="connsiteY116" fmla="*/ 788177 h 1332617"/>
                    <a:gd name="connsiteX117" fmla="*/ 1320401 w 1332438"/>
                    <a:gd name="connsiteY117" fmla="*/ 792927 h 1332617"/>
                    <a:gd name="connsiteX118" fmla="*/ 1314708 w 1332438"/>
                    <a:gd name="connsiteY118" fmla="*/ 819539 h 1332617"/>
                    <a:gd name="connsiteX119" fmla="*/ 1313634 w 1332438"/>
                    <a:gd name="connsiteY119" fmla="*/ 821491 h 1332617"/>
                    <a:gd name="connsiteX120" fmla="*/ 774074 w 1332438"/>
                    <a:gd name="connsiteY120" fmla="*/ 1323085 h 1332617"/>
                    <a:gd name="connsiteX121" fmla="*/ 771862 w 1332438"/>
                    <a:gd name="connsiteY121" fmla="*/ 1324224 h 1332617"/>
                    <a:gd name="connsiteX122" fmla="*/ 744860 w 1332438"/>
                    <a:gd name="connsiteY122" fmla="*/ 1327965 h 1332617"/>
                    <a:gd name="connsiteX123" fmla="*/ 740337 w 1332438"/>
                    <a:gd name="connsiteY123" fmla="*/ 1324419 h 1332617"/>
                    <a:gd name="connsiteX124" fmla="*/ 743884 w 1332438"/>
                    <a:gd name="connsiteY124" fmla="*/ 1319897 h 1332617"/>
                    <a:gd name="connsiteX125" fmla="*/ 770561 w 1332438"/>
                    <a:gd name="connsiteY125" fmla="*/ 1316188 h 1332617"/>
                    <a:gd name="connsiteX126" fmla="*/ 775213 w 1332438"/>
                    <a:gd name="connsiteY126" fmla="*/ 1319572 h 1332617"/>
                    <a:gd name="connsiteX127" fmla="*/ 774074 w 1332438"/>
                    <a:gd name="connsiteY127" fmla="*/ 1323085 h 1332617"/>
                    <a:gd name="connsiteX128" fmla="*/ 1323817 w 1332438"/>
                    <a:gd name="connsiteY128" fmla="*/ 768690 h 1332617"/>
                    <a:gd name="connsiteX129" fmla="*/ 1320336 w 1332438"/>
                    <a:gd name="connsiteY129" fmla="*/ 769829 h 1332617"/>
                    <a:gd name="connsiteX130" fmla="*/ 1316920 w 1332438"/>
                    <a:gd name="connsiteY130" fmla="*/ 765209 h 1332617"/>
                    <a:gd name="connsiteX131" fmla="*/ 1320401 w 1332438"/>
                    <a:gd name="connsiteY131" fmla="*/ 738565 h 1332617"/>
                    <a:gd name="connsiteX132" fmla="*/ 1324891 w 1332438"/>
                    <a:gd name="connsiteY132" fmla="*/ 734986 h 1332617"/>
                    <a:gd name="connsiteX133" fmla="*/ 1328469 w 1332438"/>
                    <a:gd name="connsiteY133" fmla="*/ 739475 h 1332617"/>
                    <a:gd name="connsiteX134" fmla="*/ 1324956 w 1332438"/>
                    <a:gd name="connsiteY134" fmla="*/ 766445 h 1332617"/>
                    <a:gd name="connsiteX135" fmla="*/ 1323817 w 1332438"/>
                    <a:gd name="connsiteY135" fmla="*/ 768723 h 1332617"/>
                    <a:gd name="connsiteX136" fmla="*/ 720558 w 1332438"/>
                    <a:gd name="connsiteY136" fmla="*/ 1329429 h 1332617"/>
                    <a:gd name="connsiteX137" fmla="*/ 717987 w 1332438"/>
                    <a:gd name="connsiteY137" fmla="*/ 1330600 h 1332617"/>
                    <a:gd name="connsiteX138" fmla="*/ 690790 w 1332438"/>
                    <a:gd name="connsiteY138" fmla="*/ 1332162 h 1332617"/>
                    <a:gd name="connsiteX139" fmla="*/ 686593 w 1332438"/>
                    <a:gd name="connsiteY139" fmla="*/ 1328258 h 1332617"/>
                    <a:gd name="connsiteX140" fmla="*/ 690497 w 1332438"/>
                    <a:gd name="connsiteY140" fmla="*/ 1324061 h 1332617"/>
                    <a:gd name="connsiteX141" fmla="*/ 717369 w 1332438"/>
                    <a:gd name="connsiteY141" fmla="*/ 1322532 h 1332617"/>
                    <a:gd name="connsiteX142" fmla="*/ 721729 w 1332438"/>
                    <a:gd name="connsiteY142" fmla="*/ 1326273 h 1332617"/>
                    <a:gd name="connsiteX143" fmla="*/ 720558 w 1332438"/>
                    <a:gd name="connsiteY143" fmla="*/ 1329462 h 1332617"/>
                    <a:gd name="connsiteX144" fmla="*/ 1329706 w 1332438"/>
                    <a:gd name="connsiteY144" fmla="*/ 715173 h 1332617"/>
                    <a:gd name="connsiteX145" fmla="*/ 1326550 w 1332438"/>
                    <a:gd name="connsiteY145" fmla="*/ 716345 h 1332617"/>
                    <a:gd name="connsiteX146" fmla="*/ 1322776 w 1332438"/>
                    <a:gd name="connsiteY146" fmla="*/ 712018 h 1332617"/>
                    <a:gd name="connsiteX147" fmla="*/ 1324077 w 1332438"/>
                    <a:gd name="connsiteY147" fmla="*/ 685145 h 1332617"/>
                    <a:gd name="connsiteX148" fmla="*/ 1328242 w 1332438"/>
                    <a:gd name="connsiteY148" fmla="*/ 681209 h 1332617"/>
                    <a:gd name="connsiteX149" fmla="*/ 1332178 w 1332438"/>
                    <a:gd name="connsiteY149" fmla="*/ 685373 h 1332617"/>
                    <a:gd name="connsiteX150" fmla="*/ 1330844 w 1332438"/>
                    <a:gd name="connsiteY150" fmla="*/ 712571 h 1332617"/>
                    <a:gd name="connsiteX151" fmla="*/ 1329673 w 1332438"/>
                    <a:gd name="connsiteY151" fmla="*/ 715173 h 1332617"/>
                    <a:gd name="connsiteX152" fmla="*/ 666748 w 1332438"/>
                    <a:gd name="connsiteY152" fmla="*/ 1331414 h 1332617"/>
                    <a:gd name="connsiteX153" fmla="*/ 663852 w 1332438"/>
                    <a:gd name="connsiteY153" fmla="*/ 1332617 h 1332617"/>
                    <a:gd name="connsiteX154" fmla="*/ 636622 w 1332438"/>
                    <a:gd name="connsiteY154" fmla="*/ 1331967 h 1332617"/>
                    <a:gd name="connsiteX155" fmla="*/ 632751 w 1332438"/>
                    <a:gd name="connsiteY155" fmla="*/ 1327738 h 1332617"/>
                    <a:gd name="connsiteX156" fmla="*/ 636980 w 1332438"/>
                    <a:gd name="connsiteY156" fmla="*/ 1323866 h 1332617"/>
                    <a:gd name="connsiteX157" fmla="*/ 663885 w 1332438"/>
                    <a:gd name="connsiteY157" fmla="*/ 1324517 h 1332617"/>
                    <a:gd name="connsiteX158" fmla="*/ 667919 w 1332438"/>
                    <a:gd name="connsiteY158" fmla="*/ 1328583 h 1332617"/>
                    <a:gd name="connsiteX159" fmla="*/ 666715 w 1332438"/>
                    <a:gd name="connsiteY159" fmla="*/ 1331446 h 1332617"/>
                    <a:gd name="connsiteX160" fmla="*/ 1331267 w 1332438"/>
                    <a:gd name="connsiteY160" fmla="*/ 661331 h 1332617"/>
                    <a:gd name="connsiteX161" fmla="*/ 1328437 w 1332438"/>
                    <a:gd name="connsiteY161" fmla="*/ 662535 h 1332617"/>
                    <a:gd name="connsiteX162" fmla="*/ 1324338 w 1332438"/>
                    <a:gd name="connsiteY162" fmla="*/ 658533 h 1332617"/>
                    <a:gd name="connsiteX163" fmla="*/ 1323459 w 1332438"/>
                    <a:gd name="connsiteY163" fmla="*/ 631629 h 1332617"/>
                    <a:gd name="connsiteX164" fmla="*/ 1327298 w 1332438"/>
                    <a:gd name="connsiteY164" fmla="*/ 627367 h 1332617"/>
                    <a:gd name="connsiteX165" fmla="*/ 1331560 w 1332438"/>
                    <a:gd name="connsiteY165" fmla="*/ 631206 h 1332617"/>
                    <a:gd name="connsiteX166" fmla="*/ 1332438 w 1332438"/>
                    <a:gd name="connsiteY166" fmla="*/ 658436 h 1332617"/>
                    <a:gd name="connsiteX167" fmla="*/ 1331235 w 1332438"/>
                    <a:gd name="connsiteY167" fmla="*/ 661364 h 1332617"/>
                    <a:gd name="connsiteX168" fmla="*/ 612971 w 1332438"/>
                    <a:gd name="connsiteY168" fmla="*/ 1329039 h 1332617"/>
                    <a:gd name="connsiteX169" fmla="*/ 609750 w 1332438"/>
                    <a:gd name="connsiteY169" fmla="*/ 1330210 h 1332617"/>
                    <a:gd name="connsiteX170" fmla="*/ 582683 w 1332438"/>
                    <a:gd name="connsiteY170" fmla="*/ 1327380 h 1332617"/>
                    <a:gd name="connsiteX171" fmla="*/ 579169 w 1332438"/>
                    <a:gd name="connsiteY171" fmla="*/ 1322858 h 1332617"/>
                    <a:gd name="connsiteX172" fmla="*/ 583691 w 1332438"/>
                    <a:gd name="connsiteY172" fmla="*/ 1319344 h 1332617"/>
                    <a:gd name="connsiteX173" fmla="*/ 610433 w 1332438"/>
                    <a:gd name="connsiteY173" fmla="*/ 1322142 h 1332617"/>
                    <a:gd name="connsiteX174" fmla="*/ 614142 w 1332438"/>
                    <a:gd name="connsiteY174" fmla="*/ 1326534 h 1332617"/>
                    <a:gd name="connsiteX175" fmla="*/ 612971 w 1332438"/>
                    <a:gd name="connsiteY175" fmla="*/ 1329071 h 1332617"/>
                    <a:gd name="connsiteX176" fmla="*/ 1328469 w 1332438"/>
                    <a:gd name="connsiteY176" fmla="*/ 607554 h 1332617"/>
                    <a:gd name="connsiteX177" fmla="*/ 1325964 w 1332438"/>
                    <a:gd name="connsiteY177" fmla="*/ 608725 h 1332617"/>
                    <a:gd name="connsiteX178" fmla="*/ 1321540 w 1332438"/>
                    <a:gd name="connsiteY178" fmla="*/ 605049 h 1332617"/>
                    <a:gd name="connsiteX179" fmla="*/ 1318514 w 1332438"/>
                    <a:gd name="connsiteY179" fmla="*/ 578307 h 1332617"/>
                    <a:gd name="connsiteX180" fmla="*/ 1321995 w 1332438"/>
                    <a:gd name="connsiteY180" fmla="*/ 573752 h 1332617"/>
                    <a:gd name="connsiteX181" fmla="*/ 1326550 w 1332438"/>
                    <a:gd name="connsiteY181" fmla="*/ 577233 h 1332617"/>
                    <a:gd name="connsiteX182" fmla="*/ 1329608 w 1332438"/>
                    <a:gd name="connsiteY182" fmla="*/ 604301 h 1332617"/>
                    <a:gd name="connsiteX183" fmla="*/ 1328437 w 1332438"/>
                    <a:gd name="connsiteY183" fmla="*/ 607554 h 1332617"/>
                    <a:gd name="connsiteX184" fmla="*/ 559584 w 1332438"/>
                    <a:gd name="connsiteY184" fmla="*/ 1322337 h 1332617"/>
                    <a:gd name="connsiteX185" fmla="*/ 556038 w 1332438"/>
                    <a:gd name="connsiteY185" fmla="*/ 1323476 h 1332617"/>
                    <a:gd name="connsiteX186" fmla="*/ 529296 w 1332438"/>
                    <a:gd name="connsiteY186" fmla="*/ 1318466 h 1332617"/>
                    <a:gd name="connsiteX187" fmla="*/ 526140 w 1332438"/>
                    <a:gd name="connsiteY187" fmla="*/ 1313651 h 1332617"/>
                    <a:gd name="connsiteX188" fmla="*/ 530955 w 1332438"/>
                    <a:gd name="connsiteY188" fmla="*/ 1310495 h 1332617"/>
                    <a:gd name="connsiteX189" fmla="*/ 557372 w 1332438"/>
                    <a:gd name="connsiteY189" fmla="*/ 1315440 h 1332617"/>
                    <a:gd name="connsiteX190" fmla="*/ 560723 w 1332438"/>
                    <a:gd name="connsiteY190" fmla="*/ 1320125 h 1332617"/>
                    <a:gd name="connsiteX191" fmla="*/ 559584 w 1332438"/>
                    <a:gd name="connsiteY191" fmla="*/ 1322337 h 1332617"/>
                    <a:gd name="connsiteX192" fmla="*/ 1321312 w 1332438"/>
                    <a:gd name="connsiteY192" fmla="*/ 554135 h 1332617"/>
                    <a:gd name="connsiteX193" fmla="*/ 1319132 w 1332438"/>
                    <a:gd name="connsiteY193" fmla="*/ 555274 h 1332617"/>
                    <a:gd name="connsiteX194" fmla="*/ 1314415 w 1332438"/>
                    <a:gd name="connsiteY194" fmla="*/ 551988 h 1332617"/>
                    <a:gd name="connsiteX195" fmla="*/ 1309210 w 1332438"/>
                    <a:gd name="connsiteY195" fmla="*/ 525571 h 1332617"/>
                    <a:gd name="connsiteX196" fmla="*/ 1312300 w 1332438"/>
                    <a:gd name="connsiteY196" fmla="*/ 520723 h 1332617"/>
                    <a:gd name="connsiteX197" fmla="*/ 1317148 w 1332438"/>
                    <a:gd name="connsiteY197" fmla="*/ 523814 h 1332617"/>
                    <a:gd name="connsiteX198" fmla="*/ 1322418 w 1332438"/>
                    <a:gd name="connsiteY198" fmla="*/ 550556 h 1332617"/>
                    <a:gd name="connsiteX199" fmla="*/ 1321279 w 1332438"/>
                    <a:gd name="connsiteY199" fmla="*/ 554135 h 1332617"/>
                    <a:gd name="connsiteX200" fmla="*/ 506913 w 1332438"/>
                    <a:gd name="connsiteY200" fmla="*/ 1311341 h 1332617"/>
                    <a:gd name="connsiteX201" fmla="*/ 503042 w 1332438"/>
                    <a:gd name="connsiteY201" fmla="*/ 1312414 h 1332617"/>
                    <a:gd name="connsiteX202" fmla="*/ 476820 w 1332438"/>
                    <a:gd name="connsiteY202" fmla="*/ 1305257 h 1332617"/>
                    <a:gd name="connsiteX203" fmla="*/ 474087 w 1332438"/>
                    <a:gd name="connsiteY203" fmla="*/ 1300215 h 1332617"/>
                    <a:gd name="connsiteX204" fmla="*/ 479130 w 1332438"/>
                    <a:gd name="connsiteY204" fmla="*/ 1297482 h 1332617"/>
                    <a:gd name="connsiteX205" fmla="*/ 505026 w 1332438"/>
                    <a:gd name="connsiteY205" fmla="*/ 1304574 h 1332617"/>
                    <a:gd name="connsiteX206" fmla="*/ 507987 w 1332438"/>
                    <a:gd name="connsiteY206" fmla="*/ 1309519 h 1332617"/>
                    <a:gd name="connsiteX207" fmla="*/ 506913 w 1332438"/>
                    <a:gd name="connsiteY207" fmla="*/ 1311406 h 1332617"/>
                    <a:gd name="connsiteX208" fmla="*/ 1309828 w 1332438"/>
                    <a:gd name="connsiteY208" fmla="*/ 501431 h 1332617"/>
                    <a:gd name="connsiteX209" fmla="*/ 1307974 w 1332438"/>
                    <a:gd name="connsiteY209" fmla="*/ 502472 h 1332617"/>
                    <a:gd name="connsiteX210" fmla="*/ 1303028 w 1332438"/>
                    <a:gd name="connsiteY210" fmla="*/ 499577 h 1332617"/>
                    <a:gd name="connsiteX211" fmla="*/ 1295709 w 1332438"/>
                    <a:gd name="connsiteY211" fmla="*/ 473648 h 1332617"/>
                    <a:gd name="connsiteX212" fmla="*/ 1298409 w 1332438"/>
                    <a:gd name="connsiteY212" fmla="*/ 468573 h 1332617"/>
                    <a:gd name="connsiteX213" fmla="*/ 1303484 w 1332438"/>
                    <a:gd name="connsiteY213" fmla="*/ 471273 h 1332617"/>
                    <a:gd name="connsiteX214" fmla="*/ 1310901 w 1332438"/>
                    <a:gd name="connsiteY214" fmla="*/ 497527 h 1332617"/>
                    <a:gd name="connsiteX215" fmla="*/ 1309828 w 1332438"/>
                    <a:gd name="connsiteY215" fmla="*/ 501431 h 1332617"/>
                    <a:gd name="connsiteX216" fmla="*/ 455348 w 1332438"/>
                    <a:gd name="connsiteY216" fmla="*/ 1296116 h 1332617"/>
                    <a:gd name="connsiteX217" fmla="*/ 451152 w 1332438"/>
                    <a:gd name="connsiteY217" fmla="*/ 1297091 h 1332617"/>
                    <a:gd name="connsiteX218" fmla="*/ 425613 w 1332438"/>
                    <a:gd name="connsiteY218" fmla="*/ 1287819 h 1332617"/>
                    <a:gd name="connsiteX219" fmla="*/ 423303 w 1332438"/>
                    <a:gd name="connsiteY219" fmla="*/ 1282582 h 1332617"/>
                    <a:gd name="connsiteX220" fmla="*/ 428541 w 1332438"/>
                    <a:gd name="connsiteY220" fmla="*/ 1280272 h 1332617"/>
                    <a:gd name="connsiteX221" fmla="*/ 453754 w 1332438"/>
                    <a:gd name="connsiteY221" fmla="*/ 1289446 h 1332617"/>
                    <a:gd name="connsiteX222" fmla="*/ 456292 w 1332438"/>
                    <a:gd name="connsiteY222" fmla="*/ 1294586 h 1332617"/>
                    <a:gd name="connsiteX223" fmla="*/ 455316 w 1332438"/>
                    <a:gd name="connsiteY223" fmla="*/ 1296148 h 1332617"/>
                    <a:gd name="connsiteX224" fmla="*/ 1294082 w 1332438"/>
                    <a:gd name="connsiteY224" fmla="*/ 449834 h 1332617"/>
                    <a:gd name="connsiteX225" fmla="*/ 1292553 w 1332438"/>
                    <a:gd name="connsiteY225" fmla="*/ 450777 h 1332617"/>
                    <a:gd name="connsiteX226" fmla="*/ 1287380 w 1332438"/>
                    <a:gd name="connsiteY226" fmla="*/ 448272 h 1332617"/>
                    <a:gd name="connsiteX227" fmla="*/ 1277945 w 1332438"/>
                    <a:gd name="connsiteY227" fmla="*/ 423027 h 1332617"/>
                    <a:gd name="connsiteX228" fmla="*/ 1280223 w 1332438"/>
                    <a:gd name="connsiteY228" fmla="*/ 417756 h 1332617"/>
                    <a:gd name="connsiteX229" fmla="*/ 1285493 w 1332438"/>
                    <a:gd name="connsiteY229" fmla="*/ 420034 h 1332617"/>
                    <a:gd name="connsiteX230" fmla="*/ 1295025 w 1332438"/>
                    <a:gd name="connsiteY230" fmla="*/ 445605 h 1332617"/>
                    <a:gd name="connsiteX231" fmla="*/ 1294049 w 1332438"/>
                    <a:gd name="connsiteY231" fmla="*/ 449834 h 1332617"/>
                    <a:gd name="connsiteX232" fmla="*/ 405215 w 1332438"/>
                    <a:gd name="connsiteY232" fmla="*/ 1276758 h 1332617"/>
                    <a:gd name="connsiteX233" fmla="*/ 400725 w 1332438"/>
                    <a:gd name="connsiteY233" fmla="*/ 1277604 h 1332617"/>
                    <a:gd name="connsiteX234" fmla="*/ 375968 w 1332438"/>
                    <a:gd name="connsiteY234" fmla="*/ 1266250 h 1332617"/>
                    <a:gd name="connsiteX235" fmla="*/ 374081 w 1332438"/>
                    <a:gd name="connsiteY235" fmla="*/ 1260817 h 1332617"/>
                    <a:gd name="connsiteX236" fmla="*/ 379514 w 1332438"/>
                    <a:gd name="connsiteY236" fmla="*/ 1258930 h 1332617"/>
                    <a:gd name="connsiteX237" fmla="*/ 403979 w 1332438"/>
                    <a:gd name="connsiteY237" fmla="*/ 1270154 h 1332617"/>
                    <a:gd name="connsiteX238" fmla="*/ 406093 w 1332438"/>
                    <a:gd name="connsiteY238" fmla="*/ 1275489 h 1332617"/>
                    <a:gd name="connsiteX239" fmla="*/ 405247 w 1332438"/>
                    <a:gd name="connsiteY239" fmla="*/ 1276758 h 1332617"/>
                    <a:gd name="connsiteX240" fmla="*/ 1274172 w 1332438"/>
                    <a:gd name="connsiteY240" fmla="*/ 399668 h 1332617"/>
                    <a:gd name="connsiteX241" fmla="*/ 1272968 w 1332438"/>
                    <a:gd name="connsiteY241" fmla="*/ 400514 h 1332617"/>
                    <a:gd name="connsiteX242" fmla="*/ 1267600 w 1332438"/>
                    <a:gd name="connsiteY242" fmla="*/ 398464 h 1332617"/>
                    <a:gd name="connsiteX243" fmla="*/ 1256116 w 1332438"/>
                    <a:gd name="connsiteY243" fmla="*/ 374065 h 1332617"/>
                    <a:gd name="connsiteX244" fmla="*/ 1257938 w 1332438"/>
                    <a:gd name="connsiteY244" fmla="*/ 368632 h 1332617"/>
                    <a:gd name="connsiteX245" fmla="*/ 1263371 w 1332438"/>
                    <a:gd name="connsiteY245" fmla="*/ 370453 h 1332617"/>
                    <a:gd name="connsiteX246" fmla="*/ 1274985 w 1332438"/>
                    <a:gd name="connsiteY246" fmla="*/ 395179 h 1332617"/>
                    <a:gd name="connsiteX247" fmla="*/ 1274139 w 1332438"/>
                    <a:gd name="connsiteY247" fmla="*/ 399701 h 1332617"/>
                    <a:gd name="connsiteX248" fmla="*/ 356741 w 1332438"/>
                    <a:gd name="connsiteY248" fmla="*/ 1253302 h 1332617"/>
                    <a:gd name="connsiteX249" fmla="*/ 351958 w 1332438"/>
                    <a:gd name="connsiteY249" fmla="*/ 1254018 h 1332617"/>
                    <a:gd name="connsiteX250" fmla="*/ 328209 w 1332438"/>
                    <a:gd name="connsiteY250" fmla="*/ 1240679 h 1332617"/>
                    <a:gd name="connsiteX251" fmla="*/ 326778 w 1332438"/>
                    <a:gd name="connsiteY251" fmla="*/ 1235116 h 1332617"/>
                    <a:gd name="connsiteX252" fmla="*/ 332341 w 1332438"/>
                    <a:gd name="connsiteY252" fmla="*/ 1233685 h 1332617"/>
                    <a:gd name="connsiteX253" fmla="*/ 355797 w 1332438"/>
                    <a:gd name="connsiteY253" fmla="*/ 1246860 h 1332617"/>
                    <a:gd name="connsiteX254" fmla="*/ 357456 w 1332438"/>
                    <a:gd name="connsiteY254" fmla="*/ 1252359 h 1332617"/>
                    <a:gd name="connsiteX255" fmla="*/ 356741 w 1332438"/>
                    <a:gd name="connsiteY255" fmla="*/ 1253302 h 1332617"/>
                    <a:gd name="connsiteX256" fmla="*/ 1250260 w 1332438"/>
                    <a:gd name="connsiteY256" fmla="*/ 351324 h 1332617"/>
                    <a:gd name="connsiteX257" fmla="*/ 1249349 w 1332438"/>
                    <a:gd name="connsiteY257" fmla="*/ 352007 h 1332617"/>
                    <a:gd name="connsiteX258" fmla="*/ 1243851 w 1332438"/>
                    <a:gd name="connsiteY258" fmla="*/ 350381 h 1332617"/>
                    <a:gd name="connsiteX259" fmla="*/ 1230447 w 1332438"/>
                    <a:gd name="connsiteY259" fmla="*/ 327054 h 1332617"/>
                    <a:gd name="connsiteX260" fmla="*/ 1231846 w 1332438"/>
                    <a:gd name="connsiteY260" fmla="*/ 321491 h 1332617"/>
                    <a:gd name="connsiteX261" fmla="*/ 1237409 w 1332438"/>
                    <a:gd name="connsiteY261" fmla="*/ 322890 h 1332617"/>
                    <a:gd name="connsiteX262" fmla="*/ 1250976 w 1332438"/>
                    <a:gd name="connsiteY262" fmla="*/ 346509 h 1332617"/>
                    <a:gd name="connsiteX263" fmla="*/ 1250292 w 1332438"/>
                    <a:gd name="connsiteY263" fmla="*/ 351324 h 1332617"/>
                    <a:gd name="connsiteX264" fmla="*/ 310349 w 1332438"/>
                    <a:gd name="connsiteY264" fmla="*/ 1225942 h 1332617"/>
                    <a:gd name="connsiteX265" fmla="*/ 305274 w 1332438"/>
                    <a:gd name="connsiteY265" fmla="*/ 1226462 h 1332617"/>
                    <a:gd name="connsiteX266" fmla="*/ 282696 w 1332438"/>
                    <a:gd name="connsiteY266" fmla="*/ 1211237 h 1332617"/>
                    <a:gd name="connsiteX267" fmla="*/ 281720 w 1332438"/>
                    <a:gd name="connsiteY267" fmla="*/ 1205576 h 1332617"/>
                    <a:gd name="connsiteX268" fmla="*/ 287380 w 1332438"/>
                    <a:gd name="connsiteY268" fmla="*/ 1204600 h 1332617"/>
                    <a:gd name="connsiteX269" fmla="*/ 309666 w 1332438"/>
                    <a:gd name="connsiteY269" fmla="*/ 1219663 h 1332617"/>
                    <a:gd name="connsiteX270" fmla="*/ 310869 w 1332438"/>
                    <a:gd name="connsiteY270" fmla="*/ 1225291 h 1332617"/>
                    <a:gd name="connsiteX271" fmla="*/ 310316 w 1332438"/>
                    <a:gd name="connsiteY271" fmla="*/ 1225974 h 1332617"/>
                    <a:gd name="connsiteX272" fmla="*/ 1222477 w 1332438"/>
                    <a:gd name="connsiteY272" fmla="*/ 305160 h 1332617"/>
                    <a:gd name="connsiteX273" fmla="*/ 1221826 w 1332438"/>
                    <a:gd name="connsiteY273" fmla="*/ 305680 h 1332617"/>
                    <a:gd name="connsiteX274" fmla="*/ 1216198 w 1332438"/>
                    <a:gd name="connsiteY274" fmla="*/ 304509 h 1332617"/>
                    <a:gd name="connsiteX275" fmla="*/ 1200940 w 1332438"/>
                    <a:gd name="connsiteY275" fmla="*/ 282354 h 1332617"/>
                    <a:gd name="connsiteX276" fmla="*/ 1201851 w 1332438"/>
                    <a:gd name="connsiteY276" fmla="*/ 276693 h 1332617"/>
                    <a:gd name="connsiteX277" fmla="*/ 1207512 w 1332438"/>
                    <a:gd name="connsiteY277" fmla="*/ 277604 h 1332617"/>
                    <a:gd name="connsiteX278" fmla="*/ 1222965 w 1332438"/>
                    <a:gd name="connsiteY278" fmla="*/ 300019 h 1332617"/>
                    <a:gd name="connsiteX279" fmla="*/ 1222444 w 1332438"/>
                    <a:gd name="connsiteY279" fmla="*/ 305127 h 1332617"/>
                    <a:gd name="connsiteX280" fmla="*/ 266332 w 1332438"/>
                    <a:gd name="connsiteY280" fmla="*/ 1194905 h 1332617"/>
                    <a:gd name="connsiteX281" fmla="*/ 260996 w 1332438"/>
                    <a:gd name="connsiteY281" fmla="*/ 1195263 h 1332617"/>
                    <a:gd name="connsiteX282" fmla="*/ 239752 w 1332438"/>
                    <a:gd name="connsiteY282" fmla="*/ 1178248 h 1332617"/>
                    <a:gd name="connsiteX283" fmla="*/ 239232 w 1332438"/>
                    <a:gd name="connsiteY283" fmla="*/ 1172522 h 1332617"/>
                    <a:gd name="connsiteX284" fmla="*/ 244957 w 1332438"/>
                    <a:gd name="connsiteY284" fmla="*/ 1172002 h 1332617"/>
                    <a:gd name="connsiteX285" fmla="*/ 265941 w 1332438"/>
                    <a:gd name="connsiteY285" fmla="*/ 1188821 h 1332617"/>
                    <a:gd name="connsiteX286" fmla="*/ 266689 w 1332438"/>
                    <a:gd name="connsiteY286" fmla="*/ 1194515 h 1332617"/>
                    <a:gd name="connsiteX287" fmla="*/ 266332 w 1332438"/>
                    <a:gd name="connsiteY287" fmla="*/ 1194905 h 1332617"/>
                    <a:gd name="connsiteX288" fmla="*/ 1191017 w 1332438"/>
                    <a:gd name="connsiteY288" fmla="*/ 261435 h 1332617"/>
                    <a:gd name="connsiteX289" fmla="*/ 1190660 w 1332438"/>
                    <a:gd name="connsiteY289" fmla="*/ 261761 h 1332617"/>
                    <a:gd name="connsiteX290" fmla="*/ 1184966 w 1332438"/>
                    <a:gd name="connsiteY290" fmla="*/ 261077 h 1332617"/>
                    <a:gd name="connsiteX291" fmla="*/ 1167951 w 1332438"/>
                    <a:gd name="connsiteY291" fmla="*/ 240256 h 1332617"/>
                    <a:gd name="connsiteX292" fmla="*/ 1168407 w 1332438"/>
                    <a:gd name="connsiteY292" fmla="*/ 234531 h 1332617"/>
                    <a:gd name="connsiteX293" fmla="*/ 1174133 w 1332438"/>
                    <a:gd name="connsiteY293" fmla="*/ 234986 h 1332617"/>
                    <a:gd name="connsiteX294" fmla="*/ 1191343 w 1332438"/>
                    <a:gd name="connsiteY294" fmla="*/ 256067 h 1332617"/>
                    <a:gd name="connsiteX295" fmla="*/ 1191017 w 1332438"/>
                    <a:gd name="connsiteY295" fmla="*/ 261435 h 1332617"/>
                    <a:gd name="connsiteX296" fmla="*/ 224982 w 1332438"/>
                    <a:gd name="connsiteY296" fmla="*/ 1160388 h 1332617"/>
                    <a:gd name="connsiteX297" fmla="*/ 219386 w 1332438"/>
                    <a:gd name="connsiteY297" fmla="*/ 1160518 h 1332617"/>
                    <a:gd name="connsiteX298" fmla="*/ 199574 w 1332438"/>
                    <a:gd name="connsiteY298" fmla="*/ 1141844 h 1332617"/>
                    <a:gd name="connsiteX299" fmla="*/ 199509 w 1332438"/>
                    <a:gd name="connsiteY299" fmla="*/ 1136086 h 1332617"/>
                    <a:gd name="connsiteX300" fmla="*/ 205267 w 1332438"/>
                    <a:gd name="connsiteY300" fmla="*/ 1136020 h 1332617"/>
                    <a:gd name="connsiteX301" fmla="*/ 224852 w 1332438"/>
                    <a:gd name="connsiteY301" fmla="*/ 1154467 h 1332617"/>
                    <a:gd name="connsiteX302" fmla="*/ 225145 w 1332438"/>
                    <a:gd name="connsiteY302" fmla="*/ 1160192 h 1332617"/>
                    <a:gd name="connsiteX303" fmla="*/ 225015 w 1332438"/>
                    <a:gd name="connsiteY303" fmla="*/ 1160355 h 1332617"/>
                    <a:gd name="connsiteX304" fmla="*/ 1156109 w 1332438"/>
                    <a:gd name="connsiteY304" fmla="*/ 220411 h 1332617"/>
                    <a:gd name="connsiteX305" fmla="*/ 1155979 w 1332438"/>
                    <a:gd name="connsiteY305" fmla="*/ 220541 h 1332617"/>
                    <a:gd name="connsiteX306" fmla="*/ 1150253 w 1332438"/>
                    <a:gd name="connsiteY306" fmla="*/ 220314 h 1332617"/>
                    <a:gd name="connsiteX307" fmla="*/ 1131612 w 1332438"/>
                    <a:gd name="connsiteY307" fmla="*/ 200924 h 1332617"/>
                    <a:gd name="connsiteX308" fmla="*/ 1122535 w 1332438"/>
                    <a:gd name="connsiteY308" fmla="*/ 192010 h 1332617"/>
                    <a:gd name="connsiteX309" fmla="*/ 1122438 w 1332438"/>
                    <a:gd name="connsiteY309" fmla="*/ 186252 h 1332617"/>
                    <a:gd name="connsiteX310" fmla="*/ 1128164 w 1332438"/>
                    <a:gd name="connsiteY310" fmla="*/ 186154 h 1332617"/>
                    <a:gd name="connsiteX311" fmla="*/ 1137370 w 1332438"/>
                    <a:gd name="connsiteY311" fmla="*/ 195166 h 1332617"/>
                    <a:gd name="connsiteX312" fmla="*/ 1156240 w 1332438"/>
                    <a:gd name="connsiteY312" fmla="*/ 214783 h 1332617"/>
                    <a:gd name="connsiteX313" fmla="*/ 1156142 w 1332438"/>
                    <a:gd name="connsiteY313" fmla="*/ 220411 h 1332617"/>
                    <a:gd name="connsiteX314" fmla="*/ 186528 w 1332438"/>
                    <a:gd name="connsiteY314" fmla="*/ 1122649 h 1332617"/>
                    <a:gd name="connsiteX315" fmla="*/ 186430 w 1332438"/>
                    <a:gd name="connsiteY315" fmla="*/ 1122747 h 1332617"/>
                    <a:gd name="connsiteX316" fmla="*/ 180705 w 1332438"/>
                    <a:gd name="connsiteY316" fmla="*/ 1122584 h 1332617"/>
                    <a:gd name="connsiteX317" fmla="*/ 162454 w 1332438"/>
                    <a:gd name="connsiteY317" fmla="*/ 1102381 h 1332617"/>
                    <a:gd name="connsiteX318" fmla="*/ 162877 w 1332438"/>
                    <a:gd name="connsiteY318" fmla="*/ 1096656 h 1332617"/>
                    <a:gd name="connsiteX319" fmla="*/ 168602 w 1332438"/>
                    <a:gd name="connsiteY319" fmla="*/ 1097046 h 1332617"/>
                    <a:gd name="connsiteX320" fmla="*/ 186626 w 1332438"/>
                    <a:gd name="connsiteY320" fmla="*/ 1117021 h 1332617"/>
                    <a:gd name="connsiteX321" fmla="*/ 186528 w 1332438"/>
                    <a:gd name="connsiteY321" fmla="*/ 1122682 h 1332617"/>
                    <a:gd name="connsiteX322" fmla="*/ 1108546 w 1332438"/>
                    <a:gd name="connsiteY322" fmla="*/ 173726 h 1332617"/>
                    <a:gd name="connsiteX323" fmla="*/ 1102983 w 1332438"/>
                    <a:gd name="connsiteY323" fmla="*/ 173889 h 1332617"/>
                    <a:gd name="connsiteX324" fmla="*/ 1082520 w 1332438"/>
                    <a:gd name="connsiteY324" fmla="*/ 156451 h 1332617"/>
                    <a:gd name="connsiteX325" fmla="*/ 1081934 w 1332438"/>
                    <a:gd name="connsiteY325" fmla="*/ 150725 h 1332617"/>
                    <a:gd name="connsiteX326" fmla="*/ 1087660 w 1332438"/>
                    <a:gd name="connsiteY326" fmla="*/ 150140 h 1332617"/>
                    <a:gd name="connsiteX327" fmla="*/ 1108383 w 1332438"/>
                    <a:gd name="connsiteY327" fmla="*/ 167805 h 1332617"/>
                    <a:gd name="connsiteX328" fmla="*/ 1108709 w 1332438"/>
                    <a:gd name="connsiteY328" fmla="*/ 173531 h 1332617"/>
                    <a:gd name="connsiteX329" fmla="*/ 1108546 w 1332438"/>
                    <a:gd name="connsiteY329" fmla="*/ 173694 h 1332617"/>
                    <a:gd name="connsiteX330" fmla="*/ 151262 w 1332438"/>
                    <a:gd name="connsiteY330" fmla="*/ 1081951 h 1332617"/>
                    <a:gd name="connsiteX331" fmla="*/ 150937 w 1332438"/>
                    <a:gd name="connsiteY331" fmla="*/ 1082243 h 1332617"/>
                    <a:gd name="connsiteX332" fmla="*/ 145244 w 1332438"/>
                    <a:gd name="connsiteY332" fmla="*/ 1081593 h 1332617"/>
                    <a:gd name="connsiteX333" fmla="*/ 128684 w 1332438"/>
                    <a:gd name="connsiteY333" fmla="*/ 1059991 h 1332617"/>
                    <a:gd name="connsiteX334" fmla="*/ 129563 w 1332438"/>
                    <a:gd name="connsiteY334" fmla="*/ 1054330 h 1332617"/>
                    <a:gd name="connsiteX335" fmla="*/ 135256 w 1332438"/>
                    <a:gd name="connsiteY335" fmla="*/ 1055208 h 1332617"/>
                    <a:gd name="connsiteX336" fmla="*/ 151620 w 1332438"/>
                    <a:gd name="connsiteY336" fmla="*/ 1076550 h 1332617"/>
                    <a:gd name="connsiteX337" fmla="*/ 151327 w 1332438"/>
                    <a:gd name="connsiteY337" fmla="*/ 1081951 h 1332617"/>
                    <a:gd name="connsiteX338" fmla="*/ 1066904 w 1332438"/>
                    <a:gd name="connsiteY338" fmla="*/ 139599 h 1332617"/>
                    <a:gd name="connsiteX339" fmla="*/ 1061601 w 1332438"/>
                    <a:gd name="connsiteY339" fmla="*/ 139957 h 1332617"/>
                    <a:gd name="connsiteX340" fmla="*/ 1039804 w 1332438"/>
                    <a:gd name="connsiteY340" fmla="*/ 124211 h 1332617"/>
                    <a:gd name="connsiteX341" fmla="*/ 1038763 w 1332438"/>
                    <a:gd name="connsiteY341" fmla="*/ 118550 h 1332617"/>
                    <a:gd name="connsiteX342" fmla="*/ 1044424 w 1332438"/>
                    <a:gd name="connsiteY342" fmla="*/ 117509 h 1332617"/>
                    <a:gd name="connsiteX343" fmla="*/ 1066513 w 1332438"/>
                    <a:gd name="connsiteY343" fmla="*/ 133450 h 1332617"/>
                    <a:gd name="connsiteX344" fmla="*/ 1067327 w 1332438"/>
                    <a:gd name="connsiteY344" fmla="*/ 139144 h 1332617"/>
                    <a:gd name="connsiteX345" fmla="*/ 1066936 w 1332438"/>
                    <a:gd name="connsiteY345" fmla="*/ 139567 h 1332617"/>
                    <a:gd name="connsiteX346" fmla="*/ 119380 w 1332438"/>
                    <a:gd name="connsiteY346" fmla="*/ 1038551 h 1332617"/>
                    <a:gd name="connsiteX347" fmla="*/ 118762 w 1332438"/>
                    <a:gd name="connsiteY347" fmla="*/ 1039040 h 1332617"/>
                    <a:gd name="connsiteX348" fmla="*/ 113134 w 1332438"/>
                    <a:gd name="connsiteY348" fmla="*/ 1037933 h 1332617"/>
                    <a:gd name="connsiteX349" fmla="*/ 98396 w 1332438"/>
                    <a:gd name="connsiteY349" fmla="*/ 1015030 h 1332617"/>
                    <a:gd name="connsiteX350" fmla="*/ 99730 w 1332438"/>
                    <a:gd name="connsiteY350" fmla="*/ 1009435 h 1332617"/>
                    <a:gd name="connsiteX351" fmla="*/ 105326 w 1332438"/>
                    <a:gd name="connsiteY351" fmla="*/ 1010768 h 1332617"/>
                    <a:gd name="connsiteX352" fmla="*/ 119900 w 1332438"/>
                    <a:gd name="connsiteY352" fmla="*/ 1033379 h 1332617"/>
                    <a:gd name="connsiteX353" fmla="*/ 119412 w 1332438"/>
                    <a:gd name="connsiteY353" fmla="*/ 1038519 h 1332617"/>
                    <a:gd name="connsiteX354" fmla="*/ 1022594 w 1332438"/>
                    <a:gd name="connsiteY354" fmla="*/ 108986 h 1332617"/>
                    <a:gd name="connsiteX355" fmla="*/ 1017551 w 1332438"/>
                    <a:gd name="connsiteY355" fmla="*/ 109539 h 1332617"/>
                    <a:gd name="connsiteX356" fmla="*/ 994518 w 1332438"/>
                    <a:gd name="connsiteY356" fmla="*/ 95647 h 1332617"/>
                    <a:gd name="connsiteX357" fmla="*/ 993021 w 1332438"/>
                    <a:gd name="connsiteY357" fmla="*/ 90116 h 1332617"/>
                    <a:gd name="connsiteX358" fmla="*/ 998552 w 1332438"/>
                    <a:gd name="connsiteY358" fmla="*/ 88620 h 1332617"/>
                    <a:gd name="connsiteX359" fmla="*/ 1021878 w 1332438"/>
                    <a:gd name="connsiteY359" fmla="*/ 102707 h 1332617"/>
                    <a:gd name="connsiteX360" fmla="*/ 1023147 w 1332438"/>
                    <a:gd name="connsiteY360" fmla="*/ 108302 h 1332617"/>
                    <a:gd name="connsiteX361" fmla="*/ 1022594 w 1332438"/>
                    <a:gd name="connsiteY361" fmla="*/ 109018 h 1332617"/>
                    <a:gd name="connsiteX362" fmla="*/ 91141 w 1332438"/>
                    <a:gd name="connsiteY362" fmla="*/ 992680 h 1332617"/>
                    <a:gd name="connsiteX363" fmla="*/ 90263 w 1332438"/>
                    <a:gd name="connsiteY363" fmla="*/ 993363 h 1332617"/>
                    <a:gd name="connsiteX364" fmla="*/ 84732 w 1332438"/>
                    <a:gd name="connsiteY364" fmla="*/ 991802 h 1332617"/>
                    <a:gd name="connsiteX365" fmla="*/ 71914 w 1332438"/>
                    <a:gd name="connsiteY365" fmla="*/ 967792 h 1332617"/>
                    <a:gd name="connsiteX366" fmla="*/ 73704 w 1332438"/>
                    <a:gd name="connsiteY366" fmla="*/ 962327 h 1332617"/>
                    <a:gd name="connsiteX367" fmla="*/ 79169 w 1332438"/>
                    <a:gd name="connsiteY367" fmla="*/ 964116 h 1332617"/>
                    <a:gd name="connsiteX368" fmla="*/ 91824 w 1332438"/>
                    <a:gd name="connsiteY368" fmla="*/ 987833 h 1332617"/>
                    <a:gd name="connsiteX369" fmla="*/ 91141 w 1332438"/>
                    <a:gd name="connsiteY369" fmla="*/ 992680 h 1332617"/>
                    <a:gd name="connsiteX370" fmla="*/ 975909 w 1332438"/>
                    <a:gd name="connsiteY370" fmla="*/ 82081 h 1332617"/>
                    <a:gd name="connsiteX371" fmla="*/ 971159 w 1332438"/>
                    <a:gd name="connsiteY371" fmla="*/ 82797 h 1332617"/>
                    <a:gd name="connsiteX372" fmla="*/ 947085 w 1332438"/>
                    <a:gd name="connsiteY372" fmla="*/ 70824 h 1332617"/>
                    <a:gd name="connsiteX373" fmla="*/ 945133 w 1332438"/>
                    <a:gd name="connsiteY373" fmla="*/ 65424 h 1332617"/>
                    <a:gd name="connsiteX374" fmla="*/ 950533 w 1332438"/>
                    <a:gd name="connsiteY374" fmla="*/ 63472 h 1332617"/>
                    <a:gd name="connsiteX375" fmla="*/ 974933 w 1332438"/>
                    <a:gd name="connsiteY375" fmla="*/ 75607 h 1332617"/>
                    <a:gd name="connsiteX376" fmla="*/ 976657 w 1332438"/>
                    <a:gd name="connsiteY376" fmla="*/ 81072 h 1332617"/>
                    <a:gd name="connsiteX377" fmla="*/ 975942 w 1332438"/>
                    <a:gd name="connsiteY377" fmla="*/ 82048 h 1332617"/>
                    <a:gd name="connsiteX378" fmla="*/ 66709 w 1332438"/>
                    <a:gd name="connsiteY378" fmla="*/ 944596 h 1332617"/>
                    <a:gd name="connsiteX379" fmla="*/ 65538 w 1332438"/>
                    <a:gd name="connsiteY379" fmla="*/ 945409 h 1332617"/>
                    <a:gd name="connsiteX380" fmla="*/ 60170 w 1332438"/>
                    <a:gd name="connsiteY380" fmla="*/ 943392 h 1332617"/>
                    <a:gd name="connsiteX381" fmla="*/ 49336 w 1332438"/>
                    <a:gd name="connsiteY381" fmla="*/ 918342 h 1332617"/>
                    <a:gd name="connsiteX382" fmla="*/ 51549 w 1332438"/>
                    <a:gd name="connsiteY382" fmla="*/ 913039 h 1332617"/>
                    <a:gd name="connsiteX383" fmla="*/ 56851 w 1332438"/>
                    <a:gd name="connsiteY383" fmla="*/ 915251 h 1332617"/>
                    <a:gd name="connsiteX384" fmla="*/ 67555 w 1332438"/>
                    <a:gd name="connsiteY384" fmla="*/ 940009 h 1332617"/>
                    <a:gd name="connsiteX385" fmla="*/ 66741 w 1332438"/>
                    <a:gd name="connsiteY385" fmla="*/ 944564 h 1332617"/>
                    <a:gd name="connsiteX386" fmla="*/ 927207 w 1332438"/>
                    <a:gd name="connsiteY386" fmla="*/ 59113 h 1332617"/>
                    <a:gd name="connsiteX387" fmla="*/ 922750 w 1332438"/>
                    <a:gd name="connsiteY387" fmla="*/ 59991 h 1332617"/>
                    <a:gd name="connsiteX388" fmla="*/ 897830 w 1332438"/>
                    <a:gd name="connsiteY388" fmla="*/ 50068 h 1332617"/>
                    <a:gd name="connsiteX389" fmla="*/ 895455 w 1332438"/>
                    <a:gd name="connsiteY389" fmla="*/ 44830 h 1332617"/>
                    <a:gd name="connsiteX390" fmla="*/ 900693 w 1332438"/>
                    <a:gd name="connsiteY390" fmla="*/ 42456 h 1332617"/>
                    <a:gd name="connsiteX391" fmla="*/ 925938 w 1332438"/>
                    <a:gd name="connsiteY391" fmla="*/ 52508 h 1332617"/>
                    <a:gd name="connsiteX392" fmla="*/ 928086 w 1332438"/>
                    <a:gd name="connsiteY392" fmla="*/ 57844 h 1332617"/>
                    <a:gd name="connsiteX393" fmla="*/ 927207 w 1332438"/>
                    <a:gd name="connsiteY393" fmla="*/ 59145 h 1332617"/>
                    <a:gd name="connsiteX394" fmla="*/ 46311 w 1332438"/>
                    <a:gd name="connsiteY394" fmla="*/ 894625 h 1332617"/>
                    <a:gd name="connsiteX395" fmla="*/ 44814 w 1332438"/>
                    <a:gd name="connsiteY395" fmla="*/ 895569 h 1332617"/>
                    <a:gd name="connsiteX396" fmla="*/ 39609 w 1332438"/>
                    <a:gd name="connsiteY396" fmla="*/ 893129 h 1332617"/>
                    <a:gd name="connsiteX397" fmla="*/ 30858 w 1332438"/>
                    <a:gd name="connsiteY397" fmla="*/ 867298 h 1332617"/>
                    <a:gd name="connsiteX398" fmla="*/ 33525 w 1332438"/>
                    <a:gd name="connsiteY398" fmla="*/ 862190 h 1332617"/>
                    <a:gd name="connsiteX399" fmla="*/ 38633 w 1332438"/>
                    <a:gd name="connsiteY399" fmla="*/ 864825 h 1332617"/>
                    <a:gd name="connsiteX400" fmla="*/ 47254 w 1332438"/>
                    <a:gd name="connsiteY400" fmla="*/ 890364 h 1332617"/>
                    <a:gd name="connsiteX401" fmla="*/ 46311 w 1332438"/>
                    <a:gd name="connsiteY401" fmla="*/ 894625 h 1332617"/>
                    <a:gd name="connsiteX402" fmla="*/ 876911 w 1332438"/>
                    <a:gd name="connsiteY402" fmla="*/ 40211 h 1332617"/>
                    <a:gd name="connsiteX403" fmla="*/ 872779 w 1332438"/>
                    <a:gd name="connsiteY403" fmla="*/ 41187 h 1332617"/>
                    <a:gd name="connsiteX404" fmla="*/ 847111 w 1332438"/>
                    <a:gd name="connsiteY404" fmla="*/ 33314 h 1332617"/>
                    <a:gd name="connsiteX405" fmla="*/ 844313 w 1332438"/>
                    <a:gd name="connsiteY405" fmla="*/ 28304 h 1332617"/>
                    <a:gd name="connsiteX406" fmla="*/ 849323 w 1332438"/>
                    <a:gd name="connsiteY406" fmla="*/ 25506 h 1332617"/>
                    <a:gd name="connsiteX407" fmla="*/ 875317 w 1332438"/>
                    <a:gd name="connsiteY407" fmla="*/ 33477 h 1332617"/>
                    <a:gd name="connsiteX408" fmla="*/ 877887 w 1332438"/>
                    <a:gd name="connsiteY408" fmla="*/ 38617 h 1332617"/>
                    <a:gd name="connsiteX409" fmla="*/ 876911 w 1332438"/>
                    <a:gd name="connsiteY409" fmla="*/ 40211 h 1332617"/>
                    <a:gd name="connsiteX410" fmla="*/ 30077 w 1332438"/>
                    <a:gd name="connsiteY410" fmla="*/ 843158 h 1332617"/>
                    <a:gd name="connsiteX411" fmla="*/ 28287 w 1332438"/>
                    <a:gd name="connsiteY411" fmla="*/ 844199 h 1332617"/>
                    <a:gd name="connsiteX412" fmla="*/ 23310 w 1332438"/>
                    <a:gd name="connsiteY412" fmla="*/ 841336 h 1332617"/>
                    <a:gd name="connsiteX413" fmla="*/ 16706 w 1332438"/>
                    <a:gd name="connsiteY413" fmla="*/ 814887 h 1332617"/>
                    <a:gd name="connsiteX414" fmla="*/ 19764 w 1332438"/>
                    <a:gd name="connsiteY414" fmla="*/ 810040 h 1332617"/>
                    <a:gd name="connsiteX415" fmla="*/ 24611 w 1332438"/>
                    <a:gd name="connsiteY415" fmla="*/ 813098 h 1332617"/>
                    <a:gd name="connsiteX416" fmla="*/ 31118 w 1332438"/>
                    <a:gd name="connsiteY416" fmla="*/ 839222 h 1332617"/>
                    <a:gd name="connsiteX417" fmla="*/ 30077 w 1332438"/>
                    <a:gd name="connsiteY417" fmla="*/ 843158 h 1332617"/>
                    <a:gd name="connsiteX418" fmla="*/ 825184 w 1332438"/>
                    <a:gd name="connsiteY418" fmla="*/ 25473 h 1332617"/>
                    <a:gd name="connsiteX419" fmla="*/ 821345 w 1332438"/>
                    <a:gd name="connsiteY419" fmla="*/ 26547 h 1332617"/>
                    <a:gd name="connsiteX420" fmla="*/ 795123 w 1332438"/>
                    <a:gd name="connsiteY420" fmla="*/ 20789 h 1332617"/>
                    <a:gd name="connsiteX421" fmla="*/ 791935 w 1332438"/>
                    <a:gd name="connsiteY421" fmla="*/ 16006 h 1332617"/>
                    <a:gd name="connsiteX422" fmla="*/ 796717 w 1332438"/>
                    <a:gd name="connsiteY422" fmla="*/ 12818 h 1332617"/>
                    <a:gd name="connsiteX423" fmla="*/ 823264 w 1332438"/>
                    <a:gd name="connsiteY423" fmla="*/ 18674 h 1332617"/>
                    <a:gd name="connsiteX424" fmla="*/ 826257 w 1332438"/>
                    <a:gd name="connsiteY424" fmla="*/ 23586 h 1332617"/>
                    <a:gd name="connsiteX425" fmla="*/ 825184 w 1332438"/>
                    <a:gd name="connsiteY425" fmla="*/ 25506 h 1332617"/>
                    <a:gd name="connsiteX426" fmla="*/ 18072 w 1332438"/>
                    <a:gd name="connsiteY426" fmla="*/ 790585 h 1332617"/>
                    <a:gd name="connsiteX427" fmla="*/ 15957 w 1332438"/>
                    <a:gd name="connsiteY427" fmla="*/ 791691 h 1332617"/>
                    <a:gd name="connsiteX428" fmla="*/ 11208 w 1332438"/>
                    <a:gd name="connsiteY428" fmla="*/ 788438 h 1332617"/>
                    <a:gd name="connsiteX429" fmla="*/ 6783 w 1332438"/>
                    <a:gd name="connsiteY429" fmla="*/ 761533 h 1332617"/>
                    <a:gd name="connsiteX430" fmla="*/ 10232 w 1332438"/>
                    <a:gd name="connsiteY430" fmla="*/ 756946 h 1332617"/>
                    <a:gd name="connsiteX431" fmla="*/ 14819 w 1332438"/>
                    <a:gd name="connsiteY431" fmla="*/ 760394 h 1332617"/>
                    <a:gd name="connsiteX432" fmla="*/ 19178 w 1332438"/>
                    <a:gd name="connsiteY432" fmla="*/ 786974 h 1332617"/>
                    <a:gd name="connsiteX433" fmla="*/ 18040 w 1332438"/>
                    <a:gd name="connsiteY433" fmla="*/ 790585 h 1332617"/>
                    <a:gd name="connsiteX434" fmla="*/ 772415 w 1332438"/>
                    <a:gd name="connsiteY434" fmla="*/ 14965 h 1332617"/>
                    <a:gd name="connsiteX435" fmla="*/ 768902 w 1332438"/>
                    <a:gd name="connsiteY435" fmla="*/ 16104 h 1332617"/>
                    <a:gd name="connsiteX436" fmla="*/ 742257 w 1332438"/>
                    <a:gd name="connsiteY436" fmla="*/ 12460 h 1332617"/>
                    <a:gd name="connsiteX437" fmla="*/ 738678 w 1332438"/>
                    <a:gd name="connsiteY437" fmla="*/ 7971 h 1332617"/>
                    <a:gd name="connsiteX438" fmla="*/ 743168 w 1332438"/>
                    <a:gd name="connsiteY438" fmla="*/ 4392 h 1332617"/>
                    <a:gd name="connsiteX439" fmla="*/ 770138 w 1332438"/>
                    <a:gd name="connsiteY439" fmla="*/ 8068 h 1332617"/>
                    <a:gd name="connsiteX440" fmla="*/ 773521 w 1332438"/>
                    <a:gd name="connsiteY440" fmla="*/ 12720 h 1332617"/>
                    <a:gd name="connsiteX441" fmla="*/ 772383 w 1332438"/>
                    <a:gd name="connsiteY441" fmla="*/ 14965 h 1332617"/>
                    <a:gd name="connsiteX442" fmla="*/ 10394 w 1332438"/>
                    <a:gd name="connsiteY442" fmla="*/ 737231 h 1332617"/>
                    <a:gd name="connsiteX443" fmla="*/ 7954 w 1332438"/>
                    <a:gd name="connsiteY443" fmla="*/ 738402 h 1332617"/>
                    <a:gd name="connsiteX444" fmla="*/ 3497 w 1332438"/>
                    <a:gd name="connsiteY444" fmla="*/ 734791 h 1332617"/>
                    <a:gd name="connsiteX445" fmla="*/ 1253 w 1332438"/>
                    <a:gd name="connsiteY445" fmla="*/ 707626 h 1332617"/>
                    <a:gd name="connsiteX446" fmla="*/ 5059 w 1332438"/>
                    <a:gd name="connsiteY446" fmla="*/ 703331 h 1332617"/>
                    <a:gd name="connsiteX447" fmla="*/ 9353 w 1332438"/>
                    <a:gd name="connsiteY447" fmla="*/ 707138 h 1332617"/>
                    <a:gd name="connsiteX448" fmla="*/ 11566 w 1332438"/>
                    <a:gd name="connsiteY448" fmla="*/ 733945 h 1332617"/>
                    <a:gd name="connsiteX449" fmla="*/ 10394 w 1332438"/>
                    <a:gd name="connsiteY449" fmla="*/ 737231 h 1332617"/>
                    <a:gd name="connsiteX450" fmla="*/ 718963 w 1332438"/>
                    <a:gd name="connsiteY450" fmla="*/ 8784 h 1332617"/>
                    <a:gd name="connsiteX451" fmla="*/ 715775 w 1332438"/>
                    <a:gd name="connsiteY451" fmla="*/ 9955 h 1332617"/>
                    <a:gd name="connsiteX452" fmla="*/ 688935 w 1332438"/>
                    <a:gd name="connsiteY452" fmla="*/ 8491 h 1332617"/>
                    <a:gd name="connsiteX453" fmla="*/ 684999 w 1332438"/>
                    <a:gd name="connsiteY453" fmla="*/ 4294 h 1332617"/>
                    <a:gd name="connsiteX454" fmla="*/ 689196 w 1332438"/>
                    <a:gd name="connsiteY454" fmla="*/ 390 h 1332617"/>
                    <a:gd name="connsiteX455" fmla="*/ 716361 w 1332438"/>
                    <a:gd name="connsiteY455" fmla="*/ 1887 h 1332617"/>
                    <a:gd name="connsiteX456" fmla="*/ 720102 w 1332438"/>
                    <a:gd name="connsiteY456" fmla="*/ 6246 h 1332617"/>
                    <a:gd name="connsiteX457" fmla="*/ 718931 w 1332438"/>
                    <a:gd name="connsiteY457" fmla="*/ 8816 h 1332617"/>
                    <a:gd name="connsiteX458" fmla="*/ 7076 w 1332438"/>
                    <a:gd name="connsiteY458" fmla="*/ 683454 h 1332617"/>
                    <a:gd name="connsiteX459" fmla="*/ 4278 w 1332438"/>
                    <a:gd name="connsiteY459" fmla="*/ 684625 h 1332617"/>
                    <a:gd name="connsiteX460" fmla="*/ 146 w 1332438"/>
                    <a:gd name="connsiteY460" fmla="*/ 680656 h 1332617"/>
                    <a:gd name="connsiteX461" fmla="*/ 146 w 1332438"/>
                    <a:gd name="connsiteY461" fmla="*/ 653426 h 1332617"/>
                    <a:gd name="connsiteX462" fmla="*/ 4278 w 1332438"/>
                    <a:gd name="connsiteY462" fmla="*/ 649457 h 1332617"/>
                    <a:gd name="connsiteX463" fmla="*/ 8247 w 1332438"/>
                    <a:gd name="connsiteY463" fmla="*/ 653588 h 1332617"/>
                    <a:gd name="connsiteX464" fmla="*/ 8247 w 1332438"/>
                    <a:gd name="connsiteY464" fmla="*/ 680493 h 1332617"/>
                    <a:gd name="connsiteX465" fmla="*/ 7043 w 1332438"/>
                    <a:gd name="connsiteY465" fmla="*/ 683454 h 1332617"/>
                    <a:gd name="connsiteX466" fmla="*/ 665154 w 1332438"/>
                    <a:gd name="connsiteY466" fmla="*/ 6930 h 1332617"/>
                    <a:gd name="connsiteX467" fmla="*/ 662291 w 1332438"/>
                    <a:gd name="connsiteY467" fmla="*/ 8133 h 1332617"/>
                    <a:gd name="connsiteX468" fmla="*/ 635386 w 1332438"/>
                    <a:gd name="connsiteY468" fmla="*/ 8849 h 1332617"/>
                    <a:gd name="connsiteX469" fmla="*/ 631124 w 1332438"/>
                    <a:gd name="connsiteY469" fmla="*/ 4978 h 1332617"/>
                    <a:gd name="connsiteX470" fmla="*/ 634996 w 1332438"/>
                    <a:gd name="connsiteY470" fmla="*/ 716 h 1332617"/>
                    <a:gd name="connsiteX471" fmla="*/ 662226 w 1332438"/>
                    <a:gd name="connsiteY471" fmla="*/ 0 h 1332617"/>
                    <a:gd name="connsiteX472" fmla="*/ 666325 w 1332438"/>
                    <a:gd name="connsiteY472" fmla="*/ 4034 h 1332617"/>
                    <a:gd name="connsiteX473" fmla="*/ 665121 w 1332438"/>
                    <a:gd name="connsiteY473" fmla="*/ 6930 h 1332617"/>
                    <a:gd name="connsiteX474" fmla="*/ 8117 w 1332438"/>
                    <a:gd name="connsiteY474" fmla="*/ 629612 h 1332617"/>
                    <a:gd name="connsiteX475" fmla="*/ 4994 w 1332438"/>
                    <a:gd name="connsiteY475" fmla="*/ 630783 h 1332617"/>
                    <a:gd name="connsiteX476" fmla="*/ 1187 w 1332438"/>
                    <a:gd name="connsiteY476" fmla="*/ 626488 h 1332617"/>
                    <a:gd name="connsiteX477" fmla="*/ 3367 w 1332438"/>
                    <a:gd name="connsiteY477" fmla="*/ 599356 h 1332617"/>
                    <a:gd name="connsiteX478" fmla="*/ 7824 w 1332438"/>
                    <a:gd name="connsiteY478" fmla="*/ 595712 h 1332617"/>
                    <a:gd name="connsiteX479" fmla="*/ 11468 w 1332438"/>
                    <a:gd name="connsiteY479" fmla="*/ 600169 h 1332617"/>
                    <a:gd name="connsiteX480" fmla="*/ 9321 w 1332438"/>
                    <a:gd name="connsiteY480" fmla="*/ 626976 h 1332617"/>
                    <a:gd name="connsiteX481" fmla="*/ 8149 w 1332438"/>
                    <a:gd name="connsiteY481" fmla="*/ 629612 h 1332617"/>
                    <a:gd name="connsiteX482" fmla="*/ 611344 w 1332438"/>
                    <a:gd name="connsiteY482" fmla="*/ 9435 h 1332617"/>
                    <a:gd name="connsiteX483" fmla="*/ 608839 w 1332438"/>
                    <a:gd name="connsiteY483" fmla="*/ 10606 h 1332617"/>
                    <a:gd name="connsiteX484" fmla="*/ 582097 w 1332438"/>
                    <a:gd name="connsiteY484" fmla="*/ 13501 h 1332617"/>
                    <a:gd name="connsiteX485" fmla="*/ 577542 w 1332438"/>
                    <a:gd name="connsiteY485" fmla="*/ 9988 h 1332617"/>
                    <a:gd name="connsiteX486" fmla="*/ 581056 w 1332438"/>
                    <a:gd name="connsiteY486" fmla="*/ 5433 h 1332617"/>
                    <a:gd name="connsiteX487" fmla="*/ 608156 w 1332438"/>
                    <a:gd name="connsiteY487" fmla="*/ 2505 h 1332617"/>
                    <a:gd name="connsiteX488" fmla="*/ 612548 w 1332438"/>
                    <a:gd name="connsiteY488" fmla="*/ 6214 h 1332617"/>
                    <a:gd name="connsiteX489" fmla="*/ 611377 w 1332438"/>
                    <a:gd name="connsiteY489" fmla="*/ 9435 h 1332617"/>
                    <a:gd name="connsiteX490" fmla="*/ 13485 w 1332438"/>
                    <a:gd name="connsiteY490" fmla="*/ 576062 h 1332617"/>
                    <a:gd name="connsiteX491" fmla="*/ 10036 w 1332438"/>
                    <a:gd name="connsiteY491" fmla="*/ 577201 h 1332617"/>
                    <a:gd name="connsiteX492" fmla="*/ 6588 w 1332438"/>
                    <a:gd name="connsiteY492" fmla="*/ 572614 h 1332617"/>
                    <a:gd name="connsiteX493" fmla="*/ 10947 w 1332438"/>
                    <a:gd name="connsiteY493" fmla="*/ 545741 h 1332617"/>
                    <a:gd name="connsiteX494" fmla="*/ 15665 w 1332438"/>
                    <a:gd name="connsiteY494" fmla="*/ 542488 h 1332617"/>
                    <a:gd name="connsiteX495" fmla="*/ 18918 w 1332438"/>
                    <a:gd name="connsiteY495" fmla="*/ 547205 h 1332617"/>
                    <a:gd name="connsiteX496" fmla="*/ 14624 w 1332438"/>
                    <a:gd name="connsiteY496" fmla="*/ 573720 h 1332617"/>
                    <a:gd name="connsiteX497" fmla="*/ 13485 w 1332438"/>
                    <a:gd name="connsiteY497" fmla="*/ 576030 h 1332617"/>
                    <a:gd name="connsiteX498" fmla="*/ 557892 w 1332438"/>
                    <a:gd name="connsiteY498" fmla="*/ 16299 h 1332617"/>
                    <a:gd name="connsiteX499" fmla="*/ 555713 w 1332438"/>
                    <a:gd name="connsiteY499" fmla="*/ 17438 h 1332617"/>
                    <a:gd name="connsiteX500" fmla="*/ 529263 w 1332438"/>
                    <a:gd name="connsiteY500" fmla="*/ 22480 h 1332617"/>
                    <a:gd name="connsiteX501" fmla="*/ 524448 w 1332438"/>
                    <a:gd name="connsiteY501" fmla="*/ 19357 h 1332617"/>
                    <a:gd name="connsiteX502" fmla="*/ 527572 w 1332438"/>
                    <a:gd name="connsiteY502" fmla="*/ 14542 h 1332617"/>
                    <a:gd name="connsiteX503" fmla="*/ 554346 w 1332438"/>
                    <a:gd name="connsiteY503" fmla="*/ 9435 h 1332617"/>
                    <a:gd name="connsiteX504" fmla="*/ 559031 w 1332438"/>
                    <a:gd name="connsiteY504" fmla="*/ 12753 h 1332617"/>
                    <a:gd name="connsiteX505" fmla="*/ 557892 w 1332438"/>
                    <a:gd name="connsiteY505" fmla="*/ 16299 h 1332617"/>
                    <a:gd name="connsiteX506" fmla="*/ 23147 w 1332438"/>
                    <a:gd name="connsiteY506" fmla="*/ 523131 h 1332617"/>
                    <a:gd name="connsiteX507" fmla="*/ 19373 w 1332438"/>
                    <a:gd name="connsiteY507" fmla="*/ 524237 h 1332617"/>
                    <a:gd name="connsiteX508" fmla="*/ 16315 w 1332438"/>
                    <a:gd name="connsiteY508" fmla="*/ 519390 h 1332617"/>
                    <a:gd name="connsiteX509" fmla="*/ 22822 w 1332438"/>
                    <a:gd name="connsiteY509" fmla="*/ 492973 h 1332617"/>
                    <a:gd name="connsiteX510" fmla="*/ 27799 w 1332438"/>
                    <a:gd name="connsiteY510" fmla="*/ 490110 h 1332617"/>
                    <a:gd name="connsiteX511" fmla="*/ 30662 w 1332438"/>
                    <a:gd name="connsiteY511" fmla="*/ 495087 h 1332617"/>
                    <a:gd name="connsiteX512" fmla="*/ 24221 w 1332438"/>
                    <a:gd name="connsiteY512" fmla="*/ 521179 h 1332617"/>
                    <a:gd name="connsiteX513" fmla="*/ 23147 w 1332438"/>
                    <a:gd name="connsiteY513" fmla="*/ 523163 h 1332617"/>
                    <a:gd name="connsiteX514" fmla="*/ 505124 w 1332438"/>
                    <a:gd name="connsiteY514" fmla="*/ 27458 h 1332617"/>
                    <a:gd name="connsiteX515" fmla="*/ 503269 w 1332438"/>
                    <a:gd name="connsiteY515" fmla="*/ 28531 h 1332617"/>
                    <a:gd name="connsiteX516" fmla="*/ 477308 w 1332438"/>
                    <a:gd name="connsiteY516" fmla="*/ 35721 h 1332617"/>
                    <a:gd name="connsiteX517" fmla="*/ 472266 w 1332438"/>
                    <a:gd name="connsiteY517" fmla="*/ 32989 h 1332617"/>
                    <a:gd name="connsiteX518" fmla="*/ 474998 w 1332438"/>
                    <a:gd name="connsiteY518" fmla="*/ 27946 h 1332617"/>
                    <a:gd name="connsiteX519" fmla="*/ 501285 w 1332438"/>
                    <a:gd name="connsiteY519" fmla="*/ 20691 h 1332617"/>
                    <a:gd name="connsiteX520" fmla="*/ 506230 w 1332438"/>
                    <a:gd name="connsiteY520" fmla="*/ 23619 h 1332617"/>
                    <a:gd name="connsiteX521" fmla="*/ 505156 w 1332438"/>
                    <a:gd name="connsiteY521" fmla="*/ 27490 h 1332617"/>
                    <a:gd name="connsiteX522" fmla="*/ 37071 w 1332438"/>
                    <a:gd name="connsiteY522" fmla="*/ 471176 h 1332617"/>
                    <a:gd name="connsiteX523" fmla="*/ 32972 w 1332438"/>
                    <a:gd name="connsiteY523" fmla="*/ 472184 h 1332617"/>
                    <a:gd name="connsiteX524" fmla="*/ 30305 w 1332438"/>
                    <a:gd name="connsiteY524" fmla="*/ 467109 h 1332617"/>
                    <a:gd name="connsiteX525" fmla="*/ 38926 w 1332438"/>
                    <a:gd name="connsiteY525" fmla="*/ 441343 h 1332617"/>
                    <a:gd name="connsiteX526" fmla="*/ 44131 w 1332438"/>
                    <a:gd name="connsiteY526" fmla="*/ 438870 h 1332617"/>
                    <a:gd name="connsiteX527" fmla="*/ 46604 w 1332438"/>
                    <a:gd name="connsiteY527" fmla="*/ 444076 h 1332617"/>
                    <a:gd name="connsiteX528" fmla="*/ 38080 w 1332438"/>
                    <a:gd name="connsiteY528" fmla="*/ 469517 h 1332617"/>
                    <a:gd name="connsiteX529" fmla="*/ 37071 w 1332438"/>
                    <a:gd name="connsiteY529" fmla="*/ 471176 h 1332617"/>
                    <a:gd name="connsiteX530" fmla="*/ 453429 w 1332438"/>
                    <a:gd name="connsiteY530" fmla="*/ 42878 h 1332617"/>
                    <a:gd name="connsiteX531" fmla="*/ 451867 w 1332438"/>
                    <a:gd name="connsiteY531" fmla="*/ 43855 h 1332617"/>
                    <a:gd name="connsiteX532" fmla="*/ 426557 w 1332438"/>
                    <a:gd name="connsiteY532" fmla="*/ 53126 h 1332617"/>
                    <a:gd name="connsiteX533" fmla="*/ 421286 w 1332438"/>
                    <a:gd name="connsiteY533" fmla="*/ 50817 h 1332617"/>
                    <a:gd name="connsiteX534" fmla="*/ 423596 w 1332438"/>
                    <a:gd name="connsiteY534" fmla="*/ 45546 h 1332617"/>
                    <a:gd name="connsiteX535" fmla="*/ 449200 w 1332438"/>
                    <a:gd name="connsiteY535" fmla="*/ 36144 h 1332617"/>
                    <a:gd name="connsiteX536" fmla="*/ 454372 w 1332438"/>
                    <a:gd name="connsiteY536" fmla="*/ 38649 h 1332617"/>
                    <a:gd name="connsiteX537" fmla="*/ 453396 w 1332438"/>
                    <a:gd name="connsiteY537" fmla="*/ 42846 h 1332617"/>
                    <a:gd name="connsiteX538" fmla="*/ 55160 w 1332438"/>
                    <a:gd name="connsiteY538" fmla="*/ 420587 h 1332617"/>
                    <a:gd name="connsiteX539" fmla="*/ 50768 w 1332438"/>
                    <a:gd name="connsiteY539" fmla="*/ 421465 h 1332617"/>
                    <a:gd name="connsiteX540" fmla="*/ 48523 w 1332438"/>
                    <a:gd name="connsiteY540" fmla="*/ 416162 h 1332617"/>
                    <a:gd name="connsiteX541" fmla="*/ 59226 w 1332438"/>
                    <a:gd name="connsiteY541" fmla="*/ 391210 h 1332617"/>
                    <a:gd name="connsiteX542" fmla="*/ 64594 w 1332438"/>
                    <a:gd name="connsiteY542" fmla="*/ 389193 h 1332617"/>
                    <a:gd name="connsiteX543" fmla="*/ 66611 w 1332438"/>
                    <a:gd name="connsiteY543" fmla="*/ 394560 h 1332617"/>
                    <a:gd name="connsiteX544" fmla="*/ 56038 w 1332438"/>
                    <a:gd name="connsiteY544" fmla="*/ 419220 h 1332617"/>
                    <a:gd name="connsiteX545" fmla="*/ 55160 w 1332438"/>
                    <a:gd name="connsiteY545" fmla="*/ 420554 h 1332617"/>
                    <a:gd name="connsiteX546" fmla="*/ 403165 w 1332438"/>
                    <a:gd name="connsiteY546" fmla="*/ 62496 h 1332617"/>
                    <a:gd name="connsiteX547" fmla="*/ 401929 w 1332438"/>
                    <a:gd name="connsiteY547" fmla="*/ 63342 h 1332617"/>
                    <a:gd name="connsiteX548" fmla="*/ 377464 w 1332438"/>
                    <a:gd name="connsiteY548" fmla="*/ 74663 h 1332617"/>
                    <a:gd name="connsiteX549" fmla="*/ 372031 w 1332438"/>
                    <a:gd name="connsiteY549" fmla="*/ 72809 h 1332617"/>
                    <a:gd name="connsiteX550" fmla="*/ 373886 w 1332438"/>
                    <a:gd name="connsiteY550" fmla="*/ 67376 h 1332617"/>
                    <a:gd name="connsiteX551" fmla="*/ 398676 w 1332438"/>
                    <a:gd name="connsiteY551" fmla="*/ 55892 h 1332617"/>
                    <a:gd name="connsiteX552" fmla="*/ 404011 w 1332438"/>
                    <a:gd name="connsiteY552" fmla="*/ 57974 h 1332617"/>
                    <a:gd name="connsiteX553" fmla="*/ 403165 w 1332438"/>
                    <a:gd name="connsiteY553" fmla="*/ 62463 h 1332617"/>
                    <a:gd name="connsiteX554" fmla="*/ 77347 w 1332438"/>
                    <a:gd name="connsiteY554" fmla="*/ 371592 h 1332617"/>
                    <a:gd name="connsiteX555" fmla="*/ 72663 w 1332438"/>
                    <a:gd name="connsiteY555" fmla="*/ 372340 h 1332617"/>
                    <a:gd name="connsiteX556" fmla="*/ 70873 w 1332438"/>
                    <a:gd name="connsiteY556" fmla="*/ 366875 h 1332617"/>
                    <a:gd name="connsiteX557" fmla="*/ 83594 w 1332438"/>
                    <a:gd name="connsiteY557" fmla="*/ 342800 h 1332617"/>
                    <a:gd name="connsiteX558" fmla="*/ 89124 w 1332438"/>
                    <a:gd name="connsiteY558" fmla="*/ 341239 h 1332617"/>
                    <a:gd name="connsiteX559" fmla="*/ 90686 w 1332438"/>
                    <a:gd name="connsiteY559" fmla="*/ 346769 h 1332617"/>
                    <a:gd name="connsiteX560" fmla="*/ 78095 w 1332438"/>
                    <a:gd name="connsiteY560" fmla="*/ 370551 h 1332617"/>
                    <a:gd name="connsiteX561" fmla="*/ 77347 w 1332438"/>
                    <a:gd name="connsiteY561" fmla="*/ 371592 h 1332617"/>
                    <a:gd name="connsiteX562" fmla="*/ 354691 w 1332438"/>
                    <a:gd name="connsiteY562" fmla="*/ 86147 h 1332617"/>
                    <a:gd name="connsiteX563" fmla="*/ 353748 w 1332438"/>
                    <a:gd name="connsiteY563" fmla="*/ 86863 h 1332617"/>
                    <a:gd name="connsiteX564" fmla="*/ 330357 w 1332438"/>
                    <a:gd name="connsiteY564" fmla="*/ 100137 h 1332617"/>
                    <a:gd name="connsiteX565" fmla="*/ 324793 w 1332438"/>
                    <a:gd name="connsiteY565" fmla="*/ 98705 h 1332617"/>
                    <a:gd name="connsiteX566" fmla="*/ 326192 w 1332438"/>
                    <a:gd name="connsiteY566" fmla="*/ 93142 h 1332617"/>
                    <a:gd name="connsiteX567" fmla="*/ 349876 w 1332438"/>
                    <a:gd name="connsiteY567" fmla="*/ 79706 h 1332617"/>
                    <a:gd name="connsiteX568" fmla="*/ 355374 w 1332438"/>
                    <a:gd name="connsiteY568" fmla="*/ 81365 h 1332617"/>
                    <a:gd name="connsiteX569" fmla="*/ 354691 w 1332438"/>
                    <a:gd name="connsiteY569" fmla="*/ 86180 h 1332617"/>
                    <a:gd name="connsiteX570" fmla="*/ 103504 w 1332438"/>
                    <a:gd name="connsiteY570" fmla="*/ 324517 h 1332617"/>
                    <a:gd name="connsiteX571" fmla="*/ 98526 w 1332438"/>
                    <a:gd name="connsiteY571" fmla="*/ 325102 h 1332617"/>
                    <a:gd name="connsiteX572" fmla="*/ 97192 w 1332438"/>
                    <a:gd name="connsiteY572" fmla="*/ 319507 h 1332617"/>
                    <a:gd name="connsiteX573" fmla="*/ 111865 w 1332438"/>
                    <a:gd name="connsiteY573" fmla="*/ 296571 h 1332617"/>
                    <a:gd name="connsiteX574" fmla="*/ 117493 w 1332438"/>
                    <a:gd name="connsiteY574" fmla="*/ 295465 h 1332617"/>
                    <a:gd name="connsiteX575" fmla="*/ 118599 w 1332438"/>
                    <a:gd name="connsiteY575" fmla="*/ 301093 h 1332617"/>
                    <a:gd name="connsiteX576" fmla="*/ 104122 w 1332438"/>
                    <a:gd name="connsiteY576" fmla="*/ 323769 h 1332617"/>
                    <a:gd name="connsiteX577" fmla="*/ 103536 w 1332438"/>
                    <a:gd name="connsiteY577" fmla="*/ 324517 h 1332617"/>
                    <a:gd name="connsiteX578" fmla="*/ 308397 w 1332438"/>
                    <a:gd name="connsiteY578" fmla="*/ 113670 h 1332617"/>
                    <a:gd name="connsiteX579" fmla="*/ 307746 w 1332438"/>
                    <a:gd name="connsiteY579" fmla="*/ 114191 h 1332617"/>
                    <a:gd name="connsiteX580" fmla="*/ 285526 w 1332438"/>
                    <a:gd name="connsiteY580" fmla="*/ 129319 h 1332617"/>
                    <a:gd name="connsiteX581" fmla="*/ 279865 w 1332438"/>
                    <a:gd name="connsiteY581" fmla="*/ 128375 h 1332617"/>
                    <a:gd name="connsiteX582" fmla="*/ 280809 w 1332438"/>
                    <a:gd name="connsiteY582" fmla="*/ 122715 h 1332617"/>
                    <a:gd name="connsiteX583" fmla="*/ 303322 w 1332438"/>
                    <a:gd name="connsiteY583" fmla="*/ 107392 h 1332617"/>
                    <a:gd name="connsiteX584" fmla="*/ 308950 w 1332438"/>
                    <a:gd name="connsiteY584" fmla="*/ 108595 h 1332617"/>
                    <a:gd name="connsiteX585" fmla="*/ 308429 w 1332438"/>
                    <a:gd name="connsiteY585" fmla="*/ 113670 h 1332617"/>
                    <a:gd name="connsiteX586" fmla="*/ 133434 w 1332438"/>
                    <a:gd name="connsiteY586" fmla="*/ 279751 h 1332617"/>
                    <a:gd name="connsiteX587" fmla="*/ 128164 w 1332438"/>
                    <a:gd name="connsiteY587" fmla="*/ 280142 h 1332617"/>
                    <a:gd name="connsiteX588" fmla="*/ 127285 w 1332438"/>
                    <a:gd name="connsiteY588" fmla="*/ 274481 h 1332617"/>
                    <a:gd name="connsiteX589" fmla="*/ 143780 w 1332438"/>
                    <a:gd name="connsiteY589" fmla="*/ 252814 h 1332617"/>
                    <a:gd name="connsiteX590" fmla="*/ 149473 w 1332438"/>
                    <a:gd name="connsiteY590" fmla="*/ 252163 h 1332617"/>
                    <a:gd name="connsiteX591" fmla="*/ 150124 w 1332438"/>
                    <a:gd name="connsiteY591" fmla="*/ 257857 h 1332617"/>
                    <a:gd name="connsiteX592" fmla="*/ 133825 w 1332438"/>
                    <a:gd name="connsiteY592" fmla="*/ 279263 h 1332617"/>
                    <a:gd name="connsiteX593" fmla="*/ 133402 w 1332438"/>
                    <a:gd name="connsiteY593" fmla="*/ 279751 h 1332617"/>
                    <a:gd name="connsiteX594" fmla="*/ 264510 w 1332438"/>
                    <a:gd name="connsiteY594" fmla="*/ 144870 h 1332617"/>
                    <a:gd name="connsiteX595" fmla="*/ 264119 w 1332438"/>
                    <a:gd name="connsiteY595" fmla="*/ 145227 h 1332617"/>
                    <a:gd name="connsiteX596" fmla="*/ 243200 w 1332438"/>
                    <a:gd name="connsiteY596" fmla="*/ 162112 h 1332617"/>
                    <a:gd name="connsiteX597" fmla="*/ 237475 w 1332438"/>
                    <a:gd name="connsiteY597" fmla="*/ 161624 h 1332617"/>
                    <a:gd name="connsiteX598" fmla="*/ 237963 w 1332438"/>
                    <a:gd name="connsiteY598" fmla="*/ 155898 h 1332617"/>
                    <a:gd name="connsiteX599" fmla="*/ 259142 w 1332438"/>
                    <a:gd name="connsiteY599" fmla="*/ 138786 h 1332617"/>
                    <a:gd name="connsiteX600" fmla="*/ 264835 w 1332438"/>
                    <a:gd name="connsiteY600" fmla="*/ 139502 h 1332617"/>
                    <a:gd name="connsiteX601" fmla="*/ 264510 w 1332438"/>
                    <a:gd name="connsiteY601" fmla="*/ 144870 h 1332617"/>
                    <a:gd name="connsiteX602" fmla="*/ 166911 w 1332438"/>
                    <a:gd name="connsiteY602" fmla="*/ 237556 h 1332617"/>
                    <a:gd name="connsiteX603" fmla="*/ 161380 w 1332438"/>
                    <a:gd name="connsiteY603" fmla="*/ 237751 h 1332617"/>
                    <a:gd name="connsiteX604" fmla="*/ 160957 w 1332438"/>
                    <a:gd name="connsiteY604" fmla="*/ 232026 h 1332617"/>
                    <a:gd name="connsiteX605" fmla="*/ 179143 w 1332438"/>
                    <a:gd name="connsiteY605" fmla="*/ 211757 h 1332617"/>
                    <a:gd name="connsiteX606" fmla="*/ 184869 w 1332438"/>
                    <a:gd name="connsiteY606" fmla="*/ 211562 h 1332617"/>
                    <a:gd name="connsiteX607" fmla="*/ 185064 w 1332438"/>
                    <a:gd name="connsiteY607" fmla="*/ 217288 h 1332617"/>
                    <a:gd name="connsiteX608" fmla="*/ 167106 w 1332438"/>
                    <a:gd name="connsiteY608" fmla="*/ 237296 h 1332617"/>
                    <a:gd name="connsiteX609" fmla="*/ 166911 w 1332438"/>
                    <a:gd name="connsiteY609" fmla="*/ 237524 h 1332617"/>
                    <a:gd name="connsiteX610" fmla="*/ 223290 w 1332438"/>
                    <a:gd name="connsiteY610" fmla="*/ 179550 h 1332617"/>
                    <a:gd name="connsiteX611" fmla="*/ 223160 w 1332438"/>
                    <a:gd name="connsiteY611" fmla="*/ 179680 h 1332617"/>
                    <a:gd name="connsiteX612" fmla="*/ 203640 w 1332438"/>
                    <a:gd name="connsiteY612" fmla="*/ 198191 h 1332617"/>
                    <a:gd name="connsiteX613" fmla="*/ 197882 w 1332438"/>
                    <a:gd name="connsiteY613" fmla="*/ 198159 h 1332617"/>
                    <a:gd name="connsiteX614" fmla="*/ 197915 w 1332438"/>
                    <a:gd name="connsiteY614" fmla="*/ 192400 h 1332617"/>
                    <a:gd name="connsiteX615" fmla="*/ 217662 w 1332438"/>
                    <a:gd name="connsiteY615" fmla="*/ 173661 h 1332617"/>
                    <a:gd name="connsiteX616" fmla="*/ 223388 w 1332438"/>
                    <a:gd name="connsiteY616" fmla="*/ 173921 h 1332617"/>
                    <a:gd name="connsiteX617" fmla="*/ 223258 w 1332438"/>
                    <a:gd name="connsiteY617" fmla="*/ 179517 h 13326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Lst>
                  <a:rect l="l" t="t" r="r" b="b"/>
                  <a:pathLst>
                    <a:path w="1332438" h="1332617">
                      <a:moveTo>
                        <a:pt x="1137370" y="1137484"/>
                      </a:moveTo>
                      <a:cubicBezTo>
                        <a:pt x="1134898" y="1139957"/>
                        <a:pt x="1132425" y="1142397"/>
                        <a:pt x="1129920" y="1144837"/>
                      </a:cubicBezTo>
                      <a:cubicBezTo>
                        <a:pt x="1128326" y="1146399"/>
                        <a:pt x="1125724" y="1146366"/>
                        <a:pt x="1124194" y="1144739"/>
                      </a:cubicBezTo>
                      <a:cubicBezTo>
                        <a:pt x="1122633" y="1143145"/>
                        <a:pt x="1122796" y="1140510"/>
                        <a:pt x="1124292" y="1138981"/>
                      </a:cubicBezTo>
                      <a:cubicBezTo>
                        <a:pt x="1130701" y="1132767"/>
                        <a:pt x="1137078" y="1126326"/>
                        <a:pt x="1143226" y="1119851"/>
                      </a:cubicBezTo>
                      <a:cubicBezTo>
                        <a:pt x="1144886" y="1118192"/>
                        <a:pt x="1147358" y="1118160"/>
                        <a:pt x="1148985" y="1119721"/>
                      </a:cubicBezTo>
                      <a:cubicBezTo>
                        <a:pt x="1150611" y="1121283"/>
                        <a:pt x="1150676" y="1123853"/>
                        <a:pt x="1149115" y="1125447"/>
                      </a:cubicBezTo>
                      <a:cubicBezTo>
                        <a:pt x="1145309" y="1129481"/>
                        <a:pt x="1141339" y="1133515"/>
                        <a:pt x="1137403" y="1137452"/>
                      </a:cubicBezTo>
                      <a:close/>
                      <a:moveTo>
                        <a:pt x="1110336" y="1163055"/>
                      </a:moveTo>
                      <a:cubicBezTo>
                        <a:pt x="1110336" y="1163055"/>
                        <a:pt x="1110238" y="1163153"/>
                        <a:pt x="1110173" y="1163218"/>
                      </a:cubicBezTo>
                      <a:cubicBezTo>
                        <a:pt x="1103439" y="1169269"/>
                        <a:pt x="1096476" y="1175223"/>
                        <a:pt x="1089514" y="1180949"/>
                      </a:cubicBezTo>
                      <a:cubicBezTo>
                        <a:pt x="1087790" y="1182380"/>
                        <a:pt x="1085220" y="1182120"/>
                        <a:pt x="1083788" y="1180396"/>
                      </a:cubicBezTo>
                      <a:cubicBezTo>
                        <a:pt x="1082357" y="1178671"/>
                        <a:pt x="1082617" y="1176101"/>
                        <a:pt x="1084341" y="1174670"/>
                      </a:cubicBezTo>
                      <a:cubicBezTo>
                        <a:pt x="1091206" y="1169009"/>
                        <a:pt x="1098071" y="1163121"/>
                        <a:pt x="1104740" y="1157134"/>
                      </a:cubicBezTo>
                      <a:cubicBezTo>
                        <a:pt x="1106399" y="1155638"/>
                        <a:pt x="1108969" y="1155768"/>
                        <a:pt x="1110466" y="1157460"/>
                      </a:cubicBezTo>
                      <a:cubicBezTo>
                        <a:pt x="1111897" y="1159086"/>
                        <a:pt x="1111832" y="1161526"/>
                        <a:pt x="1110303" y="1163023"/>
                      </a:cubicBezTo>
                      <a:close/>
                      <a:moveTo>
                        <a:pt x="1167073" y="1105765"/>
                      </a:moveTo>
                      <a:cubicBezTo>
                        <a:pt x="1165577" y="1107261"/>
                        <a:pt x="1163137" y="1107359"/>
                        <a:pt x="1161510" y="1105927"/>
                      </a:cubicBezTo>
                      <a:cubicBezTo>
                        <a:pt x="1159818" y="1104431"/>
                        <a:pt x="1159655" y="1101893"/>
                        <a:pt x="1161152" y="1100202"/>
                      </a:cubicBezTo>
                      <a:cubicBezTo>
                        <a:pt x="1167041" y="1093467"/>
                        <a:pt x="1172896" y="1086570"/>
                        <a:pt x="1178492" y="1079641"/>
                      </a:cubicBezTo>
                      <a:cubicBezTo>
                        <a:pt x="1179923" y="1077917"/>
                        <a:pt x="1182461" y="1077624"/>
                        <a:pt x="1184218" y="1079023"/>
                      </a:cubicBezTo>
                      <a:cubicBezTo>
                        <a:pt x="1185975" y="1080421"/>
                        <a:pt x="1186235" y="1082992"/>
                        <a:pt x="1184836" y="1084716"/>
                      </a:cubicBezTo>
                      <a:cubicBezTo>
                        <a:pt x="1179175" y="1091743"/>
                        <a:pt x="1173254" y="1098738"/>
                        <a:pt x="1167301" y="1105537"/>
                      </a:cubicBezTo>
                      <a:cubicBezTo>
                        <a:pt x="1167236" y="1105602"/>
                        <a:pt x="1167171" y="1105667"/>
                        <a:pt x="1167105" y="1105732"/>
                      </a:cubicBezTo>
                      <a:close/>
                      <a:moveTo>
                        <a:pt x="1068791" y="1197313"/>
                      </a:moveTo>
                      <a:cubicBezTo>
                        <a:pt x="1068791" y="1197313"/>
                        <a:pt x="1068531" y="1197573"/>
                        <a:pt x="1068368" y="1197671"/>
                      </a:cubicBezTo>
                      <a:cubicBezTo>
                        <a:pt x="1061146" y="1203169"/>
                        <a:pt x="1053728" y="1208536"/>
                        <a:pt x="1046343" y="1213677"/>
                      </a:cubicBezTo>
                      <a:cubicBezTo>
                        <a:pt x="1044489" y="1214946"/>
                        <a:pt x="1041984" y="1214490"/>
                        <a:pt x="1040682" y="1212668"/>
                      </a:cubicBezTo>
                      <a:cubicBezTo>
                        <a:pt x="1039413" y="1210814"/>
                        <a:pt x="1039869" y="1208309"/>
                        <a:pt x="1041691" y="1207008"/>
                      </a:cubicBezTo>
                      <a:cubicBezTo>
                        <a:pt x="1048978" y="1201932"/>
                        <a:pt x="1056298" y="1196597"/>
                        <a:pt x="1063455" y="1191197"/>
                      </a:cubicBezTo>
                      <a:cubicBezTo>
                        <a:pt x="1065245" y="1189830"/>
                        <a:pt x="1067782" y="1190188"/>
                        <a:pt x="1069149" y="1191977"/>
                      </a:cubicBezTo>
                      <a:cubicBezTo>
                        <a:pt x="1070385" y="1193604"/>
                        <a:pt x="1070190" y="1195881"/>
                        <a:pt x="1068791" y="1197313"/>
                      </a:cubicBezTo>
                      <a:close/>
                      <a:moveTo>
                        <a:pt x="1200972" y="1063895"/>
                      </a:moveTo>
                      <a:cubicBezTo>
                        <a:pt x="1199574" y="1065294"/>
                        <a:pt x="1197329" y="1065489"/>
                        <a:pt x="1195670" y="1064285"/>
                      </a:cubicBezTo>
                      <a:cubicBezTo>
                        <a:pt x="1193880" y="1062951"/>
                        <a:pt x="1193490" y="1060414"/>
                        <a:pt x="1194824" y="1058592"/>
                      </a:cubicBezTo>
                      <a:cubicBezTo>
                        <a:pt x="1200159" y="1051402"/>
                        <a:pt x="1205397" y="1044050"/>
                        <a:pt x="1210439" y="1036697"/>
                      </a:cubicBezTo>
                      <a:cubicBezTo>
                        <a:pt x="1211708" y="1034843"/>
                        <a:pt x="1214213" y="1034355"/>
                        <a:pt x="1216068" y="1035624"/>
                      </a:cubicBezTo>
                      <a:cubicBezTo>
                        <a:pt x="1217922" y="1036892"/>
                        <a:pt x="1218410" y="1039430"/>
                        <a:pt x="1217141" y="1041252"/>
                      </a:cubicBezTo>
                      <a:cubicBezTo>
                        <a:pt x="1212066" y="1048702"/>
                        <a:pt x="1206731" y="1056152"/>
                        <a:pt x="1201330" y="1063439"/>
                      </a:cubicBezTo>
                      <a:cubicBezTo>
                        <a:pt x="1201200" y="1063602"/>
                        <a:pt x="1201070" y="1063765"/>
                        <a:pt x="1200940" y="1063895"/>
                      </a:cubicBezTo>
                      <a:close/>
                      <a:moveTo>
                        <a:pt x="1024611" y="1228089"/>
                      </a:moveTo>
                      <a:cubicBezTo>
                        <a:pt x="1024416" y="1228284"/>
                        <a:pt x="1024188" y="1228479"/>
                        <a:pt x="1023928" y="1228642"/>
                      </a:cubicBezTo>
                      <a:cubicBezTo>
                        <a:pt x="1016315" y="1233489"/>
                        <a:pt x="1008475" y="1238272"/>
                        <a:pt x="1000667" y="1242794"/>
                      </a:cubicBezTo>
                      <a:cubicBezTo>
                        <a:pt x="998715" y="1243932"/>
                        <a:pt x="996242" y="1243249"/>
                        <a:pt x="995103" y="1241330"/>
                      </a:cubicBezTo>
                      <a:cubicBezTo>
                        <a:pt x="993965" y="1239378"/>
                        <a:pt x="994648" y="1236905"/>
                        <a:pt x="996567" y="1235767"/>
                      </a:cubicBezTo>
                      <a:cubicBezTo>
                        <a:pt x="1004278" y="1231277"/>
                        <a:pt x="1012021" y="1226560"/>
                        <a:pt x="1019536" y="1221777"/>
                      </a:cubicBezTo>
                      <a:cubicBezTo>
                        <a:pt x="1021423" y="1220574"/>
                        <a:pt x="1023928" y="1221127"/>
                        <a:pt x="1025132" y="1223014"/>
                      </a:cubicBezTo>
                      <a:cubicBezTo>
                        <a:pt x="1026173" y="1224640"/>
                        <a:pt x="1025912" y="1226755"/>
                        <a:pt x="1024578" y="1228056"/>
                      </a:cubicBezTo>
                      <a:close/>
                      <a:moveTo>
                        <a:pt x="1231326" y="1019422"/>
                      </a:moveTo>
                      <a:cubicBezTo>
                        <a:pt x="1230024" y="1020723"/>
                        <a:pt x="1227942" y="1021016"/>
                        <a:pt x="1226316" y="1020008"/>
                      </a:cubicBezTo>
                      <a:cubicBezTo>
                        <a:pt x="1224429" y="1018836"/>
                        <a:pt x="1223843" y="1016332"/>
                        <a:pt x="1225014" y="1014412"/>
                      </a:cubicBezTo>
                      <a:cubicBezTo>
                        <a:pt x="1229764" y="1006799"/>
                        <a:pt x="1234384" y="999024"/>
                        <a:pt x="1238776" y="991314"/>
                      </a:cubicBezTo>
                      <a:cubicBezTo>
                        <a:pt x="1239882" y="989362"/>
                        <a:pt x="1242354" y="988678"/>
                        <a:pt x="1244306" y="989784"/>
                      </a:cubicBezTo>
                      <a:cubicBezTo>
                        <a:pt x="1246258" y="990891"/>
                        <a:pt x="1246942" y="993363"/>
                        <a:pt x="1245835" y="995315"/>
                      </a:cubicBezTo>
                      <a:cubicBezTo>
                        <a:pt x="1241378" y="1003156"/>
                        <a:pt x="1236694" y="1011029"/>
                        <a:pt x="1231911" y="1018706"/>
                      </a:cubicBezTo>
                      <a:cubicBezTo>
                        <a:pt x="1231749" y="1018967"/>
                        <a:pt x="1231553" y="1019227"/>
                        <a:pt x="1231326" y="1019422"/>
                      </a:cubicBezTo>
                      <a:close/>
                      <a:moveTo>
                        <a:pt x="978024" y="1255156"/>
                      </a:moveTo>
                      <a:cubicBezTo>
                        <a:pt x="977731" y="1255449"/>
                        <a:pt x="977405" y="1255677"/>
                        <a:pt x="977048" y="1255872"/>
                      </a:cubicBezTo>
                      <a:cubicBezTo>
                        <a:pt x="969077" y="1260101"/>
                        <a:pt x="960846" y="1264201"/>
                        <a:pt x="952648" y="1268104"/>
                      </a:cubicBezTo>
                      <a:cubicBezTo>
                        <a:pt x="950631" y="1269081"/>
                        <a:pt x="948191" y="1268202"/>
                        <a:pt x="947248" y="1266185"/>
                      </a:cubicBezTo>
                      <a:cubicBezTo>
                        <a:pt x="946271" y="1264168"/>
                        <a:pt x="947150" y="1261728"/>
                        <a:pt x="949167" y="1260785"/>
                      </a:cubicBezTo>
                      <a:cubicBezTo>
                        <a:pt x="957268" y="1256913"/>
                        <a:pt x="965401" y="1252846"/>
                        <a:pt x="973274" y="1248682"/>
                      </a:cubicBezTo>
                      <a:cubicBezTo>
                        <a:pt x="975258" y="1247641"/>
                        <a:pt x="977698" y="1248389"/>
                        <a:pt x="978772" y="1250374"/>
                      </a:cubicBezTo>
                      <a:cubicBezTo>
                        <a:pt x="979618" y="1252001"/>
                        <a:pt x="979292" y="1253920"/>
                        <a:pt x="978056" y="1255124"/>
                      </a:cubicBezTo>
                      <a:close/>
                      <a:moveTo>
                        <a:pt x="1257938" y="972575"/>
                      </a:moveTo>
                      <a:cubicBezTo>
                        <a:pt x="1256734" y="973778"/>
                        <a:pt x="1254815" y="974136"/>
                        <a:pt x="1253220" y="973323"/>
                      </a:cubicBezTo>
                      <a:cubicBezTo>
                        <a:pt x="1251236" y="972282"/>
                        <a:pt x="1250455" y="969842"/>
                        <a:pt x="1251464" y="967857"/>
                      </a:cubicBezTo>
                      <a:cubicBezTo>
                        <a:pt x="1255563" y="959919"/>
                        <a:pt x="1259532" y="951786"/>
                        <a:pt x="1263306" y="943718"/>
                      </a:cubicBezTo>
                      <a:cubicBezTo>
                        <a:pt x="1264249" y="941668"/>
                        <a:pt x="1266657" y="940790"/>
                        <a:pt x="1268706" y="941733"/>
                      </a:cubicBezTo>
                      <a:cubicBezTo>
                        <a:pt x="1270756" y="942677"/>
                        <a:pt x="1271634" y="945084"/>
                        <a:pt x="1270691" y="947134"/>
                      </a:cubicBezTo>
                      <a:cubicBezTo>
                        <a:pt x="1266884" y="955332"/>
                        <a:pt x="1262850" y="963563"/>
                        <a:pt x="1258719" y="971599"/>
                      </a:cubicBezTo>
                      <a:cubicBezTo>
                        <a:pt x="1258523" y="971989"/>
                        <a:pt x="1258263" y="972314"/>
                        <a:pt x="1257970" y="972607"/>
                      </a:cubicBezTo>
                      <a:close/>
                      <a:moveTo>
                        <a:pt x="929257" y="1278352"/>
                      </a:moveTo>
                      <a:cubicBezTo>
                        <a:pt x="928899" y="1278710"/>
                        <a:pt x="928476" y="1279003"/>
                        <a:pt x="927988" y="1279198"/>
                      </a:cubicBezTo>
                      <a:cubicBezTo>
                        <a:pt x="919692" y="1282744"/>
                        <a:pt x="911168" y="1286160"/>
                        <a:pt x="902677" y="1289381"/>
                      </a:cubicBezTo>
                      <a:cubicBezTo>
                        <a:pt x="900563" y="1290162"/>
                        <a:pt x="898220" y="1289121"/>
                        <a:pt x="897439" y="1287006"/>
                      </a:cubicBezTo>
                      <a:cubicBezTo>
                        <a:pt x="896659" y="1284924"/>
                        <a:pt x="897700" y="1282582"/>
                        <a:pt x="899782" y="1281768"/>
                      </a:cubicBezTo>
                      <a:cubicBezTo>
                        <a:pt x="908175" y="1278580"/>
                        <a:pt x="916601" y="1275197"/>
                        <a:pt x="924800" y="1271716"/>
                      </a:cubicBezTo>
                      <a:cubicBezTo>
                        <a:pt x="926849" y="1270837"/>
                        <a:pt x="929257" y="1271781"/>
                        <a:pt x="930135" y="1273863"/>
                      </a:cubicBezTo>
                      <a:cubicBezTo>
                        <a:pt x="930818" y="1275424"/>
                        <a:pt x="930395" y="1277181"/>
                        <a:pt x="929257" y="1278320"/>
                      </a:cubicBezTo>
                      <a:close/>
                      <a:moveTo>
                        <a:pt x="1280613" y="923710"/>
                      </a:moveTo>
                      <a:cubicBezTo>
                        <a:pt x="1279475" y="924849"/>
                        <a:pt x="1277750" y="925239"/>
                        <a:pt x="1276189" y="924588"/>
                      </a:cubicBezTo>
                      <a:cubicBezTo>
                        <a:pt x="1274107" y="923710"/>
                        <a:pt x="1273131" y="921335"/>
                        <a:pt x="1274009" y="919285"/>
                      </a:cubicBezTo>
                      <a:cubicBezTo>
                        <a:pt x="1277425" y="911087"/>
                        <a:pt x="1280711" y="902661"/>
                        <a:pt x="1283801" y="894300"/>
                      </a:cubicBezTo>
                      <a:cubicBezTo>
                        <a:pt x="1284582" y="892185"/>
                        <a:pt x="1286925" y="891112"/>
                        <a:pt x="1289007" y="891893"/>
                      </a:cubicBezTo>
                      <a:cubicBezTo>
                        <a:pt x="1291121" y="892674"/>
                        <a:pt x="1292195" y="895016"/>
                        <a:pt x="1291414" y="897098"/>
                      </a:cubicBezTo>
                      <a:cubicBezTo>
                        <a:pt x="1288291" y="905556"/>
                        <a:pt x="1284973" y="914080"/>
                        <a:pt x="1281492" y="922376"/>
                      </a:cubicBezTo>
                      <a:cubicBezTo>
                        <a:pt x="1281296" y="922897"/>
                        <a:pt x="1280971" y="923320"/>
                        <a:pt x="1280613" y="923677"/>
                      </a:cubicBezTo>
                      <a:close/>
                      <a:moveTo>
                        <a:pt x="878765" y="1297482"/>
                      </a:moveTo>
                      <a:cubicBezTo>
                        <a:pt x="878343" y="1297905"/>
                        <a:pt x="877789" y="1298263"/>
                        <a:pt x="877171" y="1298458"/>
                      </a:cubicBezTo>
                      <a:cubicBezTo>
                        <a:pt x="868615" y="1301321"/>
                        <a:pt x="859831" y="1304021"/>
                        <a:pt x="851112" y="1306526"/>
                      </a:cubicBezTo>
                      <a:cubicBezTo>
                        <a:pt x="848965" y="1307144"/>
                        <a:pt x="846720" y="1305908"/>
                        <a:pt x="846102" y="1303761"/>
                      </a:cubicBezTo>
                      <a:cubicBezTo>
                        <a:pt x="845484" y="1301614"/>
                        <a:pt x="846720" y="1299336"/>
                        <a:pt x="848868" y="1298751"/>
                      </a:cubicBezTo>
                      <a:cubicBezTo>
                        <a:pt x="857489" y="1296278"/>
                        <a:pt x="866143" y="1293578"/>
                        <a:pt x="874601" y="1290780"/>
                      </a:cubicBezTo>
                      <a:cubicBezTo>
                        <a:pt x="876716" y="1290064"/>
                        <a:pt x="879026" y="1291236"/>
                        <a:pt x="879742" y="1293350"/>
                      </a:cubicBezTo>
                      <a:cubicBezTo>
                        <a:pt x="880229" y="1294847"/>
                        <a:pt x="879806" y="1296441"/>
                        <a:pt x="878765" y="1297514"/>
                      </a:cubicBezTo>
                      <a:close/>
                      <a:moveTo>
                        <a:pt x="1299190" y="873284"/>
                      </a:moveTo>
                      <a:cubicBezTo>
                        <a:pt x="1298149" y="874325"/>
                        <a:pt x="1296554" y="874748"/>
                        <a:pt x="1295058" y="874292"/>
                      </a:cubicBezTo>
                      <a:cubicBezTo>
                        <a:pt x="1292911" y="873609"/>
                        <a:pt x="1291739" y="871299"/>
                        <a:pt x="1292455" y="869185"/>
                      </a:cubicBezTo>
                      <a:cubicBezTo>
                        <a:pt x="1295188" y="860726"/>
                        <a:pt x="1297791" y="852072"/>
                        <a:pt x="1300198" y="843484"/>
                      </a:cubicBezTo>
                      <a:cubicBezTo>
                        <a:pt x="1300816" y="841336"/>
                        <a:pt x="1303061" y="840067"/>
                        <a:pt x="1305208" y="840653"/>
                      </a:cubicBezTo>
                      <a:cubicBezTo>
                        <a:pt x="1307355" y="841271"/>
                        <a:pt x="1308624" y="843484"/>
                        <a:pt x="1308039" y="845663"/>
                      </a:cubicBezTo>
                      <a:cubicBezTo>
                        <a:pt x="1305599" y="854382"/>
                        <a:pt x="1302963" y="863133"/>
                        <a:pt x="1300198" y="871690"/>
                      </a:cubicBezTo>
                      <a:cubicBezTo>
                        <a:pt x="1300003" y="872308"/>
                        <a:pt x="1299645" y="872861"/>
                        <a:pt x="1299222" y="873316"/>
                      </a:cubicBezTo>
                      <a:close/>
                      <a:moveTo>
                        <a:pt x="826940" y="1312414"/>
                      </a:moveTo>
                      <a:cubicBezTo>
                        <a:pt x="826420" y="1312935"/>
                        <a:pt x="825769" y="1313293"/>
                        <a:pt x="825021" y="1313488"/>
                      </a:cubicBezTo>
                      <a:cubicBezTo>
                        <a:pt x="816270" y="1315635"/>
                        <a:pt x="807323" y="1317620"/>
                        <a:pt x="798409" y="1319409"/>
                      </a:cubicBezTo>
                      <a:cubicBezTo>
                        <a:pt x="796197" y="1319865"/>
                        <a:pt x="794082" y="1318433"/>
                        <a:pt x="793627" y="1316221"/>
                      </a:cubicBezTo>
                      <a:cubicBezTo>
                        <a:pt x="793171" y="1314041"/>
                        <a:pt x="794602" y="1311894"/>
                        <a:pt x="796815" y="1311438"/>
                      </a:cubicBezTo>
                      <a:cubicBezTo>
                        <a:pt x="805599" y="1309649"/>
                        <a:pt x="814448" y="1307697"/>
                        <a:pt x="823101" y="1305583"/>
                      </a:cubicBezTo>
                      <a:cubicBezTo>
                        <a:pt x="825281" y="1305062"/>
                        <a:pt x="827461" y="1306396"/>
                        <a:pt x="828014" y="1308576"/>
                      </a:cubicBezTo>
                      <a:cubicBezTo>
                        <a:pt x="828372" y="1310007"/>
                        <a:pt x="827916" y="1311438"/>
                        <a:pt x="826940" y="1312414"/>
                      </a:cubicBezTo>
                      <a:close/>
                      <a:moveTo>
                        <a:pt x="1313634" y="821491"/>
                      </a:moveTo>
                      <a:cubicBezTo>
                        <a:pt x="1312658" y="822467"/>
                        <a:pt x="1311259" y="822923"/>
                        <a:pt x="1309828" y="822565"/>
                      </a:cubicBezTo>
                      <a:cubicBezTo>
                        <a:pt x="1307648" y="822044"/>
                        <a:pt x="1306282" y="819865"/>
                        <a:pt x="1306802" y="817685"/>
                      </a:cubicBezTo>
                      <a:cubicBezTo>
                        <a:pt x="1308852" y="809031"/>
                        <a:pt x="1310739" y="800182"/>
                        <a:pt x="1312431" y="791398"/>
                      </a:cubicBezTo>
                      <a:cubicBezTo>
                        <a:pt x="1312854" y="789186"/>
                        <a:pt x="1314968" y="787755"/>
                        <a:pt x="1317180" y="788177"/>
                      </a:cubicBezTo>
                      <a:cubicBezTo>
                        <a:pt x="1319392" y="788600"/>
                        <a:pt x="1320824" y="790715"/>
                        <a:pt x="1320401" y="792927"/>
                      </a:cubicBezTo>
                      <a:cubicBezTo>
                        <a:pt x="1318677" y="801809"/>
                        <a:pt x="1316790" y="810755"/>
                        <a:pt x="1314708" y="819539"/>
                      </a:cubicBezTo>
                      <a:cubicBezTo>
                        <a:pt x="1314545" y="820288"/>
                        <a:pt x="1314155" y="820971"/>
                        <a:pt x="1313634" y="821491"/>
                      </a:cubicBezTo>
                      <a:close/>
                      <a:moveTo>
                        <a:pt x="774074" y="1323085"/>
                      </a:moveTo>
                      <a:cubicBezTo>
                        <a:pt x="773489" y="1323671"/>
                        <a:pt x="772708" y="1324094"/>
                        <a:pt x="771862" y="1324224"/>
                      </a:cubicBezTo>
                      <a:cubicBezTo>
                        <a:pt x="762915" y="1325655"/>
                        <a:pt x="753839" y="1326924"/>
                        <a:pt x="744860" y="1327965"/>
                      </a:cubicBezTo>
                      <a:cubicBezTo>
                        <a:pt x="742647" y="1328226"/>
                        <a:pt x="740598" y="1326631"/>
                        <a:pt x="740337" y="1324419"/>
                      </a:cubicBezTo>
                      <a:cubicBezTo>
                        <a:pt x="740077" y="1322207"/>
                        <a:pt x="741671" y="1320157"/>
                        <a:pt x="743884" y="1319897"/>
                      </a:cubicBezTo>
                      <a:cubicBezTo>
                        <a:pt x="752765" y="1318856"/>
                        <a:pt x="761712" y="1317587"/>
                        <a:pt x="770561" y="1316188"/>
                      </a:cubicBezTo>
                      <a:cubicBezTo>
                        <a:pt x="772773" y="1315831"/>
                        <a:pt x="774855" y="1317327"/>
                        <a:pt x="775213" y="1319572"/>
                      </a:cubicBezTo>
                      <a:cubicBezTo>
                        <a:pt x="775441" y="1320906"/>
                        <a:pt x="774953" y="1322207"/>
                        <a:pt x="774074" y="1323085"/>
                      </a:cubicBezTo>
                      <a:close/>
                      <a:moveTo>
                        <a:pt x="1323817" y="768690"/>
                      </a:moveTo>
                      <a:cubicBezTo>
                        <a:pt x="1322939" y="769568"/>
                        <a:pt x="1321670" y="770024"/>
                        <a:pt x="1320336" y="769829"/>
                      </a:cubicBezTo>
                      <a:cubicBezTo>
                        <a:pt x="1318124" y="769504"/>
                        <a:pt x="1316595" y="767421"/>
                        <a:pt x="1316920" y="765209"/>
                      </a:cubicBezTo>
                      <a:cubicBezTo>
                        <a:pt x="1318254" y="756425"/>
                        <a:pt x="1319425" y="747446"/>
                        <a:pt x="1320401" y="738565"/>
                      </a:cubicBezTo>
                      <a:cubicBezTo>
                        <a:pt x="1320661" y="736320"/>
                        <a:pt x="1322646" y="734726"/>
                        <a:pt x="1324891" y="734986"/>
                      </a:cubicBezTo>
                      <a:cubicBezTo>
                        <a:pt x="1327135" y="735214"/>
                        <a:pt x="1328730" y="737231"/>
                        <a:pt x="1328469" y="739475"/>
                      </a:cubicBezTo>
                      <a:cubicBezTo>
                        <a:pt x="1327493" y="748487"/>
                        <a:pt x="1326290" y="757564"/>
                        <a:pt x="1324956" y="766445"/>
                      </a:cubicBezTo>
                      <a:cubicBezTo>
                        <a:pt x="1324826" y="767324"/>
                        <a:pt x="1324403" y="768104"/>
                        <a:pt x="1323817" y="768723"/>
                      </a:cubicBezTo>
                      <a:close/>
                      <a:moveTo>
                        <a:pt x="720558" y="1329429"/>
                      </a:moveTo>
                      <a:cubicBezTo>
                        <a:pt x="719907" y="1330080"/>
                        <a:pt x="718996" y="1330535"/>
                        <a:pt x="717987" y="1330600"/>
                      </a:cubicBezTo>
                      <a:cubicBezTo>
                        <a:pt x="709041" y="1331284"/>
                        <a:pt x="699899" y="1331804"/>
                        <a:pt x="690790" y="1332162"/>
                      </a:cubicBezTo>
                      <a:cubicBezTo>
                        <a:pt x="688545" y="1332260"/>
                        <a:pt x="686658" y="1330503"/>
                        <a:pt x="686593" y="1328258"/>
                      </a:cubicBezTo>
                      <a:cubicBezTo>
                        <a:pt x="686495" y="1326013"/>
                        <a:pt x="688252" y="1324126"/>
                        <a:pt x="690497" y="1324061"/>
                      </a:cubicBezTo>
                      <a:cubicBezTo>
                        <a:pt x="699476" y="1323736"/>
                        <a:pt x="708520" y="1323215"/>
                        <a:pt x="717369" y="1322532"/>
                      </a:cubicBezTo>
                      <a:cubicBezTo>
                        <a:pt x="719614" y="1322369"/>
                        <a:pt x="721566" y="1324029"/>
                        <a:pt x="721729" y="1326273"/>
                      </a:cubicBezTo>
                      <a:cubicBezTo>
                        <a:pt x="721826" y="1327510"/>
                        <a:pt x="721371" y="1328649"/>
                        <a:pt x="720558" y="1329462"/>
                      </a:cubicBezTo>
                      <a:close/>
                      <a:moveTo>
                        <a:pt x="1329706" y="715173"/>
                      </a:moveTo>
                      <a:cubicBezTo>
                        <a:pt x="1328892" y="715987"/>
                        <a:pt x="1327786" y="716442"/>
                        <a:pt x="1326550" y="716345"/>
                      </a:cubicBezTo>
                      <a:cubicBezTo>
                        <a:pt x="1324305" y="716182"/>
                        <a:pt x="1322613" y="714262"/>
                        <a:pt x="1322776" y="712018"/>
                      </a:cubicBezTo>
                      <a:cubicBezTo>
                        <a:pt x="1323394" y="703104"/>
                        <a:pt x="1323817" y="694059"/>
                        <a:pt x="1324077" y="685145"/>
                      </a:cubicBezTo>
                      <a:cubicBezTo>
                        <a:pt x="1324142" y="682900"/>
                        <a:pt x="1325997" y="681144"/>
                        <a:pt x="1328242" y="681209"/>
                      </a:cubicBezTo>
                      <a:cubicBezTo>
                        <a:pt x="1330486" y="681274"/>
                        <a:pt x="1332243" y="683128"/>
                        <a:pt x="1332178" y="685373"/>
                      </a:cubicBezTo>
                      <a:cubicBezTo>
                        <a:pt x="1331918" y="694385"/>
                        <a:pt x="1331462" y="703527"/>
                        <a:pt x="1330844" y="712571"/>
                      </a:cubicBezTo>
                      <a:cubicBezTo>
                        <a:pt x="1330779" y="713579"/>
                        <a:pt x="1330324" y="714490"/>
                        <a:pt x="1329673" y="715173"/>
                      </a:cubicBezTo>
                      <a:close/>
                      <a:moveTo>
                        <a:pt x="666748" y="1331414"/>
                      </a:moveTo>
                      <a:cubicBezTo>
                        <a:pt x="666000" y="1332162"/>
                        <a:pt x="664991" y="1332617"/>
                        <a:pt x="663852" y="1332617"/>
                      </a:cubicBezTo>
                      <a:cubicBezTo>
                        <a:pt x="654808" y="1332617"/>
                        <a:pt x="645666" y="1332357"/>
                        <a:pt x="636622" y="1331967"/>
                      </a:cubicBezTo>
                      <a:cubicBezTo>
                        <a:pt x="634377" y="1331869"/>
                        <a:pt x="632653" y="1329982"/>
                        <a:pt x="632751" y="1327738"/>
                      </a:cubicBezTo>
                      <a:cubicBezTo>
                        <a:pt x="632848" y="1325493"/>
                        <a:pt x="634735" y="1323769"/>
                        <a:pt x="636980" y="1323866"/>
                      </a:cubicBezTo>
                      <a:cubicBezTo>
                        <a:pt x="645894" y="1324256"/>
                        <a:pt x="654938" y="1324484"/>
                        <a:pt x="663885" y="1324517"/>
                      </a:cubicBezTo>
                      <a:cubicBezTo>
                        <a:pt x="666130" y="1324517"/>
                        <a:pt x="667951" y="1326339"/>
                        <a:pt x="667919" y="1328583"/>
                      </a:cubicBezTo>
                      <a:cubicBezTo>
                        <a:pt x="667919" y="1329689"/>
                        <a:pt x="667464" y="1330698"/>
                        <a:pt x="666715" y="1331446"/>
                      </a:cubicBezTo>
                      <a:close/>
                      <a:moveTo>
                        <a:pt x="1331267" y="661331"/>
                      </a:moveTo>
                      <a:cubicBezTo>
                        <a:pt x="1330551" y="662047"/>
                        <a:pt x="1329543" y="662502"/>
                        <a:pt x="1328437" y="662535"/>
                      </a:cubicBezTo>
                      <a:cubicBezTo>
                        <a:pt x="1326192" y="662535"/>
                        <a:pt x="1324370" y="660778"/>
                        <a:pt x="1324338" y="658533"/>
                      </a:cubicBezTo>
                      <a:cubicBezTo>
                        <a:pt x="1324240" y="649619"/>
                        <a:pt x="1323947" y="640575"/>
                        <a:pt x="1323459" y="631629"/>
                      </a:cubicBezTo>
                      <a:cubicBezTo>
                        <a:pt x="1323329" y="629384"/>
                        <a:pt x="1325053" y="627464"/>
                        <a:pt x="1327298" y="627367"/>
                      </a:cubicBezTo>
                      <a:cubicBezTo>
                        <a:pt x="1329543" y="627237"/>
                        <a:pt x="1331462" y="628961"/>
                        <a:pt x="1331560" y="631206"/>
                      </a:cubicBezTo>
                      <a:cubicBezTo>
                        <a:pt x="1332048" y="640250"/>
                        <a:pt x="1332341" y="649392"/>
                        <a:pt x="1332438" y="658436"/>
                      </a:cubicBezTo>
                      <a:cubicBezTo>
                        <a:pt x="1332438" y="659574"/>
                        <a:pt x="1331983" y="660615"/>
                        <a:pt x="1331235" y="661364"/>
                      </a:cubicBezTo>
                      <a:close/>
                      <a:moveTo>
                        <a:pt x="612971" y="1329039"/>
                      </a:moveTo>
                      <a:cubicBezTo>
                        <a:pt x="612158" y="1329852"/>
                        <a:pt x="610986" y="1330308"/>
                        <a:pt x="609750" y="1330210"/>
                      </a:cubicBezTo>
                      <a:cubicBezTo>
                        <a:pt x="600771" y="1329462"/>
                        <a:pt x="591662" y="1328486"/>
                        <a:pt x="582683" y="1327380"/>
                      </a:cubicBezTo>
                      <a:cubicBezTo>
                        <a:pt x="580470" y="1327087"/>
                        <a:pt x="578876" y="1325070"/>
                        <a:pt x="579169" y="1322858"/>
                      </a:cubicBezTo>
                      <a:cubicBezTo>
                        <a:pt x="579429" y="1320613"/>
                        <a:pt x="581479" y="1319051"/>
                        <a:pt x="583691" y="1319344"/>
                      </a:cubicBezTo>
                      <a:cubicBezTo>
                        <a:pt x="592540" y="1320450"/>
                        <a:pt x="601552" y="1321394"/>
                        <a:pt x="610433" y="1322142"/>
                      </a:cubicBezTo>
                      <a:cubicBezTo>
                        <a:pt x="612678" y="1322337"/>
                        <a:pt x="614337" y="1324289"/>
                        <a:pt x="614142" y="1326534"/>
                      </a:cubicBezTo>
                      <a:cubicBezTo>
                        <a:pt x="614044" y="1327542"/>
                        <a:pt x="613621" y="1328421"/>
                        <a:pt x="612971" y="1329071"/>
                      </a:cubicBezTo>
                      <a:close/>
                      <a:moveTo>
                        <a:pt x="1328469" y="607554"/>
                      </a:moveTo>
                      <a:cubicBezTo>
                        <a:pt x="1327819" y="608205"/>
                        <a:pt x="1326973" y="608628"/>
                        <a:pt x="1325964" y="608725"/>
                      </a:cubicBezTo>
                      <a:cubicBezTo>
                        <a:pt x="1323719" y="608920"/>
                        <a:pt x="1321768" y="607294"/>
                        <a:pt x="1321540" y="605049"/>
                      </a:cubicBezTo>
                      <a:cubicBezTo>
                        <a:pt x="1320726" y="596168"/>
                        <a:pt x="1319685" y="587188"/>
                        <a:pt x="1318514" y="578307"/>
                      </a:cubicBezTo>
                      <a:cubicBezTo>
                        <a:pt x="1318221" y="576095"/>
                        <a:pt x="1319783" y="574045"/>
                        <a:pt x="1321995" y="573752"/>
                      </a:cubicBezTo>
                      <a:cubicBezTo>
                        <a:pt x="1324208" y="573459"/>
                        <a:pt x="1326257" y="575021"/>
                        <a:pt x="1326550" y="577233"/>
                      </a:cubicBezTo>
                      <a:cubicBezTo>
                        <a:pt x="1327754" y="586212"/>
                        <a:pt x="1328795" y="595322"/>
                        <a:pt x="1329608" y="604301"/>
                      </a:cubicBezTo>
                      <a:cubicBezTo>
                        <a:pt x="1329738" y="605570"/>
                        <a:pt x="1329250" y="606741"/>
                        <a:pt x="1328437" y="607554"/>
                      </a:cubicBezTo>
                      <a:close/>
                      <a:moveTo>
                        <a:pt x="559584" y="1322337"/>
                      </a:moveTo>
                      <a:cubicBezTo>
                        <a:pt x="558673" y="1323248"/>
                        <a:pt x="557372" y="1323703"/>
                        <a:pt x="556038" y="1323476"/>
                      </a:cubicBezTo>
                      <a:cubicBezTo>
                        <a:pt x="547124" y="1321979"/>
                        <a:pt x="538112" y="1320288"/>
                        <a:pt x="529296" y="1318466"/>
                      </a:cubicBezTo>
                      <a:cubicBezTo>
                        <a:pt x="527116" y="1318010"/>
                        <a:pt x="525685" y="1315863"/>
                        <a:pt x="526140" y="1313651"/>
                      </a:cubicBezTo>
                      <a:cubicBezTo>
                        <a:pt x="526596" y="1311438"/>
                        <a:pt x="528743" y="1310040"/>
                        <a:pt x="530955" y="1310495"/>
                      </a:cubicBezTo>
                      <a:cubicBezTo>
                        <a:pt x="539674" y="1312317"/>
                        <a:pt x="548555" y="1313976"/>
                        <a:pt x="557372" y="1315440"/>
                      </a:cubicBezTo>
                      <a:cubicBezTo>
                        <a:pt x="559584" y="1315798"/>
                        <a:pt x="561081" y="1317912"/>
                        <a:pt x="560723" y="1320125"/>
                      </a:cubicBezTo>
                      <a:cubicBezTo>
                        <a:pt x="560593" y="1321003"/>
                        <a:pt x="560170" y="1321752"/>
                        <a:pt x="559584" y="1322337"/>
                      </a:cubicBezTo>
                      <a:close/>
                      <a:moveTo>
                        <a:pt x="1321312" y="554135"/>
                      </a:moveTo>
                      <a:cubicBezTo>
                        <a:pt x="1320759" y="554688"/>
                        <a:pt x="1320011" y="555111"/>
                        <a:pt x="1319132" y="555274"/>
                      </a:cubicBezTo>
                      <a:cubicBezTo>
                        <a:pt x="1316920" y="555664"/>
                        <a:pt x="1314805" y="554200"/>
                        <a:pt x="1314415" y="551988"/>
                      </a:cubicBezTo>
                      <a:cubicBezTo>
                        <a:pt x="1312854" y="543171"/>
                        <a:pt x="1311129" y="534290"/>
                        <a:pt x="1309210" y="525571"/>
                      </a:cubicBezTo>
                      <a:cubicBezTo>
                        <a:pt x="1308722" y="523391"/>
                        <a:pt x="1310121" y="521211"/>
                        <a:pt x="1312300" y="520723"/>
                      </a:cubicBezTo>
                      <a:cubicBezTo>
                        <a:pt x="1314480" y="520235"/>
                        <a:pt x="1316660" y="521634"/>
                        <a:pt x="1317148" y="523814"/>
                      </a:cubicBezTo>
                      <a:cubicBezTo>
                        <a:pt x="1319067" y="532631"/>
                        <a:pt x="1320824" y="541642"/>
                        <a:pt x="1322418" y="550556"/>
                      </a:cubicBezTo>
                      <a:cubicBezTo>
                        <a:pt x="1322646" y="551923"/>
                        <a:pt x="1322190" y="553224"/>
                        <a:pt x="1321279" y="554135"/>
                      </a:cubicBezTo>
                      <a:close/>
                      <a:moveTo>
                        <a:pt x="506913" y="1311341"/>
                      </a:moveTo>
                      <a:cubicBezTo>
                        <a:pt x="505937" y="1312317"/>
                        <a:pt x="504473" y="1312772"/>
                        <a:pt x="503042" y="1312414"/>
                      </a:cubicBezTo>
                      <a:cubicBezTo>
                        <a:pt x="494258" y="1310202"/>
                        <a:pt x="485441" y="1307795"/>
                        <a:pt x="476820" y="1305257"/>
                      </a:cubicBezTo>
                      <a:cubicBezTo>
                        <a:pt x="474673" y="1304607"/>
                        <a:pt x="473437" y="1302362"/>
                        <a:pt x="474087" y="1300215"/>
                      </a:cubicBezTo>
                      <a:cubicBezTo>
                        <a:pt x="474706" y="1298067"/>
                        <a:pt x="476983" y="1296831"/>
                        <a:pt x="479130" y="1297482"/>
                      </a:cubicBezTo>
                      <a:cubicBezTo>
                        <a:pt x="487654" y="1299987"/>
                        <a:pt x="496372" y="1302394"/>
                        <a:pt x="505026" y="1304574"/>
                      </a:cubicBezTo>
                      <a:cubicBezTo>
                        <a:pt x="507206" y="1305127"/>
                        <a:pt x="508507" y="1307339"/>
                        <a:pt x="507987" y="1309519"/>
                      </a:cubicBezTo>
                      <a:cubicBezTo>
                        <a:pt x="507792" y="1310267"/>
                        <a:pt x="507434" y="1310885"/>
                        <a:pt x="506913" y="1311406"/>
                      </a:cubicBezTo>
                      <a:close/>
                      <a:moveTo>
                        <a:pt x="1309828" y="501431"/>
                      </a:moveTo>
                      <a:cubicBezTo>
                        <a:pt x="1309340" y="501919"/>
                        <a:pt x="1308722" y="502310"/>
                        <a:pt x="1307974" y="502472"/>
                      </a:cubicBezTo>
                      <a:cubicBezTo>
                        <a:pt x="1305794" y="503025"/>
                        <a:pt x="1303582" y="501724"/>
                        <a:pt x="1303028" y="499577"/>
                      </a:cubicBezTo>
                      <a:cubicBezTo>
                        <a:pt x="1300784" y="490923"/>
                        <a:pt x="1298311" y="482204"/>
                        <a:pt x="1295709" y="473648"/>
                      </a:cubicBezTo>
                      <a:cubicBezTo>
                        <a:pt x="1295058" y="471501"/>
                        <a:pt x="1296262" y="469224"/>
                        <a:pt x="1298409" y="468573"/>
                      </a:cubicBezTo>
                      <a:cubicBezTo>
                        <a:pt x="1300556" y="467922"/>
                        <a:pt x="1302833" y="469126"/>
                        <a:pt x="1303484" y="471273"/>
                      </a:cubicBezTo>
                      <a:cubicBezTo>
                        <a:pt x="1306119" y="479927"/>
                        <a:pt x="1308624" y="488744"/>
                        <a:pt x="1310901" y="497527"/>
                      </a:cubicBezTo>
                      <a:cubicBezTo>
                        <a:pt x="1311292" y="498959"/>
                        <a:pt x="1310836" y="500455"/>
                        <a:pt x="1309828" y="501431"/>
                      </a:cubicBezTo>
                      <a:close/>
                      <a:moveTo>
                        <a:pt x="455348" y="1296116"/>
                      </a:moveTo>
                      <a:cubicBezTo>
                        <a:pt x="454275" y="1297189"/>
                        <a:pt x="452681" y="1297612"/>
                        <a:pt x="451152" y="1297091"/>
                      </a:cubicBezTo>
                      <a:cubicBezTo>
                        <a:pt x="442628" y="1294196"/>
                        <a:pt x="434039" y="1291073"/>
                        <a:pt x="425613" y="1287819"/>
                      </a:cubicBezTo>
                      <a:cubicBezTo>
                        <a:pt x="423531" y="1287006"/>
                        <a:pt x="422490" y="1284664"/>
                        <a:pt x="423303" y="1282582"/>
                      </a:cubicBezTo>
                      <a:cubicBezTo>
                        <a:pt x="424117" y="1280500"/>
                        <a:pt x="426459" y="1279459"/>
                        <a:pt x="428541" y="1280272"/>
                      </a:cubicBezTo>
                      <a:cubicBezTo>
                        <a:pt x="436837" y="1283493"/>
                        <a:pt x="445328" y="1286551"/>
                        <a:pt x="453754" y="1289446"/>
                      </a:cubicBezTo>
                      <a:cubicBezTo>
                        <a:pt x="455869" y="1290162"/>
                        <a:pt x="457008" y="1292472"/>
                        <a:pt x="456292" y="1294586"/>
                      </a:cubicBezTo>
                      <a:cubicBezTo>
                        <a:pt x="456097" y="1295204"/>
                        <a:pt x="455739" y="1295725"/>
                        <a:pt x="455316" y="1296148"/>
                      </a:cubicBezTo>
                      <a:close/>
                      <a:moveTo>
                        <a:pt x="1294082" y="449834"/>
                      </a:moveTo>
                      <a:cubicBezTo>
                        <a:pt x="1293659" y="450257"/>
                        <a:pt x="1293139" y="450582"/>
                        <a:pt x="1292553" y="450777"/>
                      </a:cubicBezTo>
                      <a:cubicBezTo>
                        <a:pt x="1290438" y="451526"/>
                        <a:pt x="1288128" y="450420"/>
                        <a:pt x="1287380" y="448272"/>
                      </a:cubicBezTo>
                      <a:cubicBezTo>
                        <a:pt x="1284420" y="439814"/>
                        <a:pt x="1281264" y="431323"/>
                        <a:pt x="1277945" y="423027"/>
                      </a:cubicBezTo>
                      <a:cubicBezTo>
                        <a:pt x="1277132" y="420945"/>
                        <a:pt x="1278141" y="418570"/>
                        <a:pt x="1280223" y="417756"/>
                      </a:cubicBezTo>
                      <a:cubicBezTo>
                        <a:pt x="1282305" y="416943"/>
                        <a:pt x="1284680" y="417952"/>
                        <a:pt x="1285493" y="420034"/>
                      </a:cubicBezTo>
                      <a:cubicBezTo>
                        <a:pt x="1288844" y="428460"/>
                        <a:pt x="1292032" y="437049"/>
                        <a:pt x="1295025" y="445605"/>
                      </a:cubicBezTo>
                      <a:cubicBezTo>
                        <a:pt x="1295546" y="447134"/>
                        <a:pt x="1295123" y="448760"/>
                        <a:pt x="1294049" y="449834"/>
                      </a:cubicBezTo>
                      <a:close/>
                      <a:moveTo>
                        <a:pt x="405215" y="1276758"/>
                      </a:moveTo>
                      <a:cubicBezTo>
                        <a:pt x="404076" y="1277897"/>
                        <a:pt x="402287" y="1278287"/>
                        <a:pt x="400725" y="1277604"/>
                      </a:cubicBezTo>
                      <a:cubicBezTo>
                        <a:pt x="392462" y="1274025"/>
                        <a:pt x="384134" y="1270187"/>
                        <a:pt x="375968" y="1266250"/>
                      </a:cubicBezTo>
                      <a:cubicBezTo>
                        <a:pt x="373951" y="1265274"/>
                        <a:pt x="373105" y="1262834"/>
                        <a:pt x="374081" y="1260817"/>
                      </a:cubicBezTo>
                      <a:cubicBezTo>
                        <a:pt x="375057" y="1258800"/>
                        <a:pt x="377497" y="1257954"/>
                        <a:pt x="379514" y="1258930"/>
                      </a:cubicBezTo>
                      <a:cubicBezTo>
                        <a:pt x="387582" y="1262834"/>
                        <a:pt x="395780" y="1266608"/>
                        <a:pt x="403979" y="1270154"/>
                      </a:cubicBezTo>
                      <a:cubicBezTo>
                        <a:pt x="406028" y="1271032"/>
                        <a:pt x="406972" y="1273440"/>
                        <a:pt x="406093" y="1275489"/>
                      </a:cubicBezTo>
                      <a:cubicBezTo>
                        <a:pt x="405898" y="1275978"/>
                        <a:pt x="405605" y="1276401"/>
                        <a:pt x="405247" y="1276758"/>
                      </a:cubicBezTo>
                      <a:close/>
                      <a:moveTo>
                        <a:pt x="1274172" y="399668"/>
                      </a:moveTo>
                      <a:cubicBezTo>
                        <a:pt x="1273814" y="400026"/>
                        <a:pt x="1273424" y="400286"/>
                        <a:pt x="1272968" y="400514"/>
                      </a:cubicBezTo>
                      <a:cubicBezTo>
                        <a:pt x="1270918" y="401425"/>
                        <a:pt x="1268511" y="400514"/>
                        <a:pt x="1267600" y="398464"/>
                      </a:cubicBezTo>
                      <a:cubicBezTo>
                        <a:pt x="1263956" y="390299"/>
                        <a:pt x="1260085" y="382068"/>
                        <a:pt x="1256116" y="374065"/>
                      </a:cubicBezTo>
                      <a:cubicBezTo>
                        <a:pt x="1255107" y="372048"/>
                        <a:pt x="1255921" y="369608"/>
                        <a:pt x="1257938" y="368632"/>
                      </a:cubicBezTo>
                      <a:cubicBezTo>
                        <a:pt x="1259955" y="367623"/>
                        <a:pt x="1262395" y="368469"/>
                        <a:pt x="1263371" y="370453"/>
                      </a:cubicBezTo>
                      <a:cubicBezTo>
                        <a:pt x="1267405" y="378554"/>
                        <a:pt x="1271309" y="386883"/>
                        <a:pt x="1274985" y="395179"/>
                      </a:cubicBezTo>
                      <a:cubicBezTo>
                        <a:pt x="1275701" y="396773"/>
                        <a:pt x="1275310" y="398562"/>
                        <a:pt x="1274139" y="399701"/>
                      </a:cubicBezTo>
                      <a:close/>
                      <a:moveTo>
                        <a:pt x="356741" y="1253302"/>
                      </a:moveTo>
                      <a:cubicBezTo>
                        <a:pt x="355505" y="1254538"/>
                        <a:pt x="353585" y="1254863"/>
                        <a:pt x="351958" y="1254018"/>
                      </a:cubicBezTo>
                      <a:cubicBezTo>
                        <a:pt x="343988" y="1249756"/>
                        <a:pt x="336017" y="1245266"/>
                        <a:pt x="328209" y="1240679"/>
                      </a:cubicBezTo>
                      <a:cubicBezTo>
                        <a:pt x="326290" y="1239541"/>
                        <a:pt x="325639" y="1237035"/>
                        <a:pt x="326778" y="1235116"/>
                      </a:cubicBezTo>
                      <a:cubicBezTo>
                        <a:pt x="327917" y="1233197"/>
                        <a:pt x="330421" y="1232546"/>
                        <a:pt x="332341" y="1233685"/>
                      </a:cubicBezTo>
                      <a:cubicBezTo>
                        <a:pt x="340019" y="1238207"/>
                        <a:pt x="347924" y="1242664"/>
                        <a:pt x="355797" y="1246860"/>
                      </a:cubicBezTo>
                      <a:cubicBezTo>
                        <a:pt x="357782" y="1247934"/>
                        <a:pt x="358530" y="1250374"/>
                        <a:pt x="357456" y="1252359"/>
                      </a:cubicBezTo>
                      <a:cubicBezTo>
                        <a:pt x="357261" y="1252716"/>
                        <a:pt x="357033" y="1253042"/>
                        <a:pt x="356741" y="1253302"/>
                      </a:cubicBezTo>
                      <a:close/>
                      <a:moveTo>
                        <a:pt x="1250260" y="351324"/>
                      </a:moveTo>
                      <a:cubicBezTo>
                        <a:pt x="1250000" y="351584"/>
                        <a:pt x="1249674" y="351812"/>
                        <a:pt x="1249349" y="352007"/>
                      </a:cubicBezTo>
                      <a:cubicBezTo>
                        <a:pt x="1247397" y="353081"/>
                        <a:pt x="1244925" y="352365"/>
                        <a:pt x="1243851" y="350381"/>
                      </a:cubicBezTo>
                      <a:cubicBezTo>
                        <a:pt x="1239557" y="342540"/>
                        <a:pt x="1235067" y="334700"/>
                        <a:pt x="1230447" y="327054"/>
                      </a:cubicBezTo>
                      <a:cubicBezTo>
                        <a:pt x="1229276" y="325135"/>
                        <a:pt x="1229894" y="322630"/>
                        <a:pt x="1231846" y="321491"/>
                      </a:cubicBezTo>
                      <a:cubicBezTo>
                        <a:pt x="1233766" y="320320"/>
                        <a:pt x="1236271" y="320971"/>
                        <a:pt x="1237409" y="322890"/>
                      </a:cubicBezTo>
                      <a:cubicBezTo>
                        <a:pt x="1242062" y="330633"/>
                        <a:pt x="1246649" y="338571"/>
                        <a:pt x="1250976" y="346509"/>
                      </a:cubicBezTo>
                      <a:cubicBezTo>
                        <a:pt x="1251854" y="348136"/>
                        <a:pt x="1251529" y="350088"/>
                        <a:pt x="1250292" y="351324"/>
                      </a:cubicBezTo>
                      <a:close/>
                      <a:moveTo>
                        <a:pt x="310349" y="1225942"/>
                      </a:moveTo>
                      <a:cubicBezTo>
                        <a:pt x="309015" y="1227276"/>
                        <a:pt x="306900" y="1227536"/>
                        <a:pt x="305274" y="1226462"/>
                      </a:cubicBezTo>
                      <a:cubicBezTo>
                        <a:pt x="297693" y="1221582"/>
                        <a:pt x="290113" y="1216442"/>
                        <a:pt x="282696" y="1211237"/>
                      </a:cubicBezTo>
                      <a:cubicBezTo>
                        <a:pt x="280874" y="1209935"/>
                        <a:pt x="280418" y="1207398"/>
                        <a:pt x="281720" y="1205576"/>
                      </a:cubicBezTo>
                      <a:cubicBezTo>
                        <a:pt x="283021" y="1203754"/>
                        <a:pt x="285559" y="1203299"/>
                        <a:pt x="287380" y="1204600"/>
                      </a:cubicBezTo>
                      <a:cubicBezTo>
                        <a:pt x="294700" y="1209740"/>
                        <a:pt x="302183" y="1214815"/>
                        <a:pt x="309666" y="1219663"/>
                      </a:cubicBezTo>
                      <a:cubicBezTo>
                        <a:pt x="311552" y="1220867"/>
                        <a:pt x="312105" y="1223404"/>
                        <a:pt x="310869" y="1225291"/>
                      </a:cubicBezTo>
                      <a:cubicBezTo>
                        <a:pt x="310706" y="1225551"/>
                        <a:pt x="310511" y="1225747"/>
                        <a:pt x="310316" y="1225974"/>
                      </a:cubicBezTo>
                      <a:close/>
                      <a:moveTo>
                        <a:pt x="1222477" y="305160"/>
                      </a:moveTo>
                      <a:cubicBezTo>
                        <a:pt x="1222282" y="305355"/>
                        <a:pt x="1222086" y="305518"/>
                        <a:pt x="1221826" y="305680"/>
                      </a:cubicBezTo>
                      <a:cubicBezTo>
                        <a:pt x="1219939" y="306916"/>
                        <a:pt x="1217434" y="306396"/>
                        <a:pt x="1216198" y="304509"/>
                      </a:cubicBezTo>
                      <a:cubicBezTo>
                        <a:pt x="1211285" y="297059"/>
                        <a:pt x="1206145" y="289609"/>
                        <a:pt x="1200940" y="282354"/>
                      </a:cubicBezTo>
                      <a:cubicBezTo>
                        <a:pt x="1199638" y="280532"/>
                        <a:pt x="1200029" y="277995"/>
                        <a:pt x="1201851" y="276693"/>
                      </a:cubicBezTo>
                      <a:cubicBezTo>
                        <a:pt x="1203673" y="275392"/>
                        <a:pt x="1206210" y="275782"/>
                        <a:pt x="1207512" y="277604"/>
                      </a:cubicBezTo>
                      <a:cubicBezTo>
                        <a:pt x="1212782" y="284924"/>
                        <a:pt x="1217987" y="292472"/>
                        <a:pt x="1222965" y="300019"/>
                      </a:cubicBezTo>
                      <a:cubicBezTo>
                        <a:pt x="1224038" y="301646"/>
                        <a:pt x="1223778" y="303793"/>
                        <a:pt x="1222444" y="305127"/>
                      </a:cubicBezTo>
                      <a:close/>
                      <a:moveTo>
                        <a:pt x="266332" y="1194905"/>
                      </a:moveTo>
                      <a:cubicBezTo>
                        <a:pt x="264900" y="1196337"/>
                        <a:pt x="262623" y="1196499"/>
                        <a:pt x="260996" y="1195263"/>
                      </a:cubicBezTo>
                      <a:cubicBezTo>
                        <a:pt x="253839" y="1189765"/>
                        <a:pt x="246682" y="1184039"/>
                        <a:pt x="239752" y="1178248"/>
                      </a:cubicBezTo>
                      <a:cubicBezTo>
                        <a:pt x="238028" y="1176817"/>
                        <a:pt x="237800" y="1174247"/>
                        <a:pt x="239232" y="1172522"/>
                      </a:cubicBezTo>
                      <a:cubicBezTo>
                        <a:pt x="240663" y="1170798"/>
                        <a:pt x="243233" y="1170571"/>
                        <a:pt x="244957" y="1172002"/>
                      </a:cubicBezTo>
                      <a:cubicBezTo>
                        <a:pt x="251822" y="1177728"/>
                        <a:pt x="258881" y="1183389"/>
                        <a:pt x="265941" y="1188821"/>
                      </a:cubicBezTo>
                      <a:cubicBezTo>
                        <a:pt x="267730" y="1190188"/>
                        <a:pt x="268056" y="1192725"/>
                        <a:pt x="266689" y="1194515"/>
                      </a:cubicBezTo>
                      <a:cubicBezTo>
                        <a:pt x="266592" y="1194645"/>
                        <a:pt x="266462" y="1194808"/>
                        <a:pt x="266332" y="1194905"/>
                      </a:cubicBezTo>
                      <a:close/>
                      <a:moveTo>
                        <a:pt x="1191017" y="261435"/>
                      </a:moveTo>
                      <a:cubicBezTo>
                        <a:pt x="1191017" y="261435"/>
                        <a:pt x="1190790" y="261663"/>
                        <a:pt x="1190660" y="261761"/>
                      </a:cubicBezTo>
                      <a:cubicBezTo>
                        <a:pt x="1188903" y="263127"/>
                        <a:pt x="1186333" y="262834"/>
                        <a:pt x="1184966" y="261077"/>
                      </a:cubicBezTo>
                      <a:cubicBezTo>
                        <a:pt x="1179468" y="254050"/>
                        <a:pt x="1173742" y="247056"/>
                        <a:pt x="1167951" y="240256"/>
                      </a:cubicBezTo>
                      <a:cubicBezTo>
                        <a:pt x="1166487" y="238565"/>
                        <a:pt x="1166683" y="236027"/>
                        <a:pt x="1168407" y="234531"/>
                      </a:cubicBezTo>
                      <a:cubicBezTo>
                        <a:pt x="1170099" y="233067"/>
                        <a:pt x="1172669" y="233294"/>
                        <a:pt x="1174133" y="234986"/>
                      </a:cubicBezTo>
                      <a:cubicBezTo>
                        <a:pt x="1179989" y="241883"/>
                        <a:pt x="1185780" y="248975"/>
                        <a:pt x="1191343" y="256067"/>
                      </a:cubicBezTo>
                      <a:cubicBezTo>
                        <a:pt x="1192611" y="257694"/>
                        <a:pt x="1192449" y="260004"/>
                        <a:pt x="1191017" y="261435"/>
                      </a:cubicBezTo>
                      <a:close/>
                      <a:moveTo>
                        <a:pt x="224982" y="1160388"/>
                      </a:moveTo>
                      <a:cubicBezTo>
                        <a:pt x="223453" y="1161917"/>
                        <a:pt x="221013" y="1161982"/>
                        <a:pt x="219386" y="1160518"/>
                      </a:cubicBezTo>
                      <a:cubicBezTo>
                        <a:pt x="212685" y="1154467"/>
                        <a:pt x="206015" y="1148155"/>
                        <a:pt x="199574" y="1141844"/>
                      </a:cubicBezTo>
                      <a:cubicBezTo>
                        <a:pt x="197980" y="1140282"/>
                        <a:pt x="197947" y="1137712"/>
                        <a:pt x="199509" y="1136086"/>
                      </a:cubicBezTo>
                      <a:cubicBezTo>
                        <a:pt x="201038" y="1134556"/>
                        <a:pt x="203640" y="1134459"/>
                        <a:pt x="205267" y="1136020"/>
                      </a:cubicBezTo>
                      <a:cubicBezTo>
                        <a:pt x="211644" y="1142267"/>
                        <a:pt x="218215" y="1148481"/>
                        <a:pt x="224852" y="1154467"/>
                      </a:cubicBezTo>
                      <a:cubicBezTo>
                        <a:pt x="226511" y="1155963"/>
                        <a:pt x="226641" y="1158533"/>
                        <a:pt x="225145" y="1160192"/>
                      </a:cubicBezTo>
                      <a:cubicBezTo>
                        <a:pt x="225112" y="1160258"/>
                        <a:pt x="225047" y="1160290"/>
                        <a:pt x="225015" y="1160355"/>
                      </a:cubicBezTo>
                      <a:close/>
                      <a:moveTo>
                        <a:pt x="1156109" y="220411"/>
                      </a:moveTo>
                      <a:cubicBezTo>
                        <a:pt x="1156109" y="220411"/>
                        <a:pt x="1156044" y="220476"/>
                        <a:pt x="1155979" y="220541"/>
                      </a:cubicBezTo>
                      <a:cubicBezTo>
                        <a:pt x="1154320" y="222070"/>
                        <a:pt x="1151750" y="221973"/>
                        <a:pt x="1150253" y="220314"/>
                      </a:cubicBezTo>
                      <a:cubicBezTo>
                        <a:pt x="1144202" y="213742"/>
                        <a:pt x="1137923" y="207235"/>
                        <a:pt x="1131612" y="200924"/>
                      </a:cubicBezTo>
                      <a:cubicBezTo>
                        <a:pt x="1128619" y="197898"/>
                        <a:pt x="1125561" y="194938"/>
                        <a:pt x="1122535" y="192010"/>
                      </a:cubicBezTo>
                      <a:cubicBezTo>
                        <a:pt x="1120909" y="190448"/>
                        <a:pt x="1120876" y="187878"/>
                        <a:pt x="1122438" y="186252"/>
                      </a:cubicBezTo>
                      <a:cubicBezTo>
                        <a:pt x="1123999" y="184625"/>
                        <a:pt x="1126569" y="184592"/>
                        <a:pt x="1128164" y="186154"/>
                      </a:cubicBezTo>
                      <a:cubicBezTo>
                        <a:pt x="1131254" y="189114"/>
                        <a:pt x="1134312" y="192140"/>
                        <a:pt x="1137370" y="195166"/>
                      </a:cubicBezTo>
                      <a:cubicBezTo>
                        <a:pt x="1143747" y="201542"/>
                        <a:pt x="1150091" y="208146"/>
                        <a:pt x="1156240" y="214783"/>
                      </a:cubicBezTo>
                      <a:cubicBezTo>
                        <a:pt x="1157736" y="216377"/>
                        <a:pt x="1157671" y="218882"/>
                        <a:pt x="1156142" y="220411"/>
                      </a:cubicBezTo>
                      <a:close/>
                      <a:moveTo>
                        <a:pt x="186528" y="1122649"/>
                      </a:moveTo>
                      <a:cubicBezTo>
                        <a:pt x="186528" y="1122649"/>
                        <a:pt x="186463" y="1122714"/>
                        <a:pt x="186430" y="1122747"/>
                      </a:cubicBezTo>
                      <a:cubicBezTo>
                        <a:pt x="184804" y="1124276"/>
                        <a:pt x="182234" y="1124211"/>
                        <a:pt x="180705" y="1122584"/>
                      </a:cubicBezTo>
                      <a:cubicBezTo>
                        <a:pt x="174523" y="1116013"/>
                        <a:pt x="168375" y="1109213"/>
                        <a:pt x="162454" y="1102381"/>
                      </a:cubicBezTo>
                      <a:cubicBezTo>
                        <a:pt x="160990" y="1100690"/>
                        <a:pt x="161152" y="1098119"/>
                        <a:pt x="162877" y="1096656"/>
                      </a:cubicBezTo>
                      <a:cubicBezTo>
                        <a:pt x="164568" y="1095192"/>
                        <a:pt x="167138" y="1095354"/>
                        <a:pt x="168602" y="1097046"/>
                      </a:cubicBezTo>
                      <a:cubicBezTo>
                        <a:pt x="174458" y="1103780"/>
                        <a:pt x="180509" y="1110514"/>
                        <a:pt x="186626" y="1117021"/>
                      </a:cubicBezTo>
                      <a:cubicBezTo>
                        <a:pt x="188122" y="1118615"/>
                        <a:pt x="188090" y="1121120"/>
                        <a:pt x="186528" y="1122682"/>
                      </a:cubicBezTo>
                      <a:close/>
                      <a:moveTo>
                        <a:pt x="1108546" y="173726"/>
                      </a:moveTo>
                      <a:cubicBezTo>
                        <a:pt x="1107050" y="175223"/>
                        <a:pt x="1104610" y="175320"/>
                        <a:pt x="1102983" y="173889"/>
                      </a:cubicBezTo>
                      <a:cubicBezTo>
                        <a:pt x="1096314" y="167968"/>
                        <a:pt x="1089417" y="162080"/>
                        <a:pt x="1082520" y="156451"/>
                      </a:cubicBezTo>
                      <a:cubicBezTo>
                        <a:pt x="1080796" y="155020"/>
                        <a:pt x="1080535" y="152482"/>
                        <a:pt x="1081934" y="150725"/>
                      </a:cubicBezTo>
                      <a:cubicBezTo>
                        <a:pt x="1083333" y="148969"/>
                        <a:pt x="1085903" y="148741"/>
                        <a:pt x="1087660" y="150140"/>
                      </a:cubicBezTo>
                      <a:cubicBezTo>
                        <a:pt x="1094655" y="155866"/>
                        <a:pt x="1101617" y="161819"/>
                        <a:pt x="1108383" y="167805"/>
                      </a:cubicBezTo>
                      <a:cubicBezTo>
                        <a:pt x="1110075" y="169302"/>
                        <a:pt x="1110205" y="171872"/>
                        <a:pt x="1108709" y="173531"/>
                      </a:cubicBezTo>
                      <a:cubicBezTo>
                        <a:pt x="1108644" y="173596"/>
                        <a:pt x="1108611" y="173661"/>
                        <a:pt x="1108546" y="173694"/>
                      </a:cubicBezTo>
                      <a:close/>
                      <a:moveTo>
                        <a:pt x="151262" y="1081951"/>
                      </a:moveTo>
                      <a:cubicBezTo>
                        <a:pt x="151262" y="1081951"/>
                        <a:pt x="151035" y="1082146"/>
                        <a:pt x="150937" y="1082243"/>
                      </a:cubicBezTo>
                      <a:cubicBezTo>
                        <a:pt x="149180" y="1083642"/>
                        <a:pt x="146643" y="1083350"/>
                        <a:pt x="145244" y="1081593"/>
                      </a:cubicBezTo>
                      <a:cubicBezTo>
                        <a:pt x="139583" y="1074533"/>
                        <a:pt x="134020" y="1067246"/>
                        <a:pt x="128684" y="1059991"/>
                      </a:cubicBezTo>
                      <a:cubicBezTo>
                        <a:pt x="127350" y="1058169"/>
                        <a:pt x="127741" y="1055631"/>
                        <a:pt x="129563" y="1054330"/>
                      </a:cubicBezTo>
                      <a:cubicBezTo>
                        <a:pt x="131385" y="1052996"/>
                        <a:pt x="133922" y="1053387"/>
                        <a:pt x="135256" y="1055208"/>
                      </a:cubicBezTo>
                      <a:cubicBezTo>
                        <a:pt x="140526" y="1062398"/>
                        <a:pt x="146024" y="1069588"/>
                        <a:pt x="151620" y="1076550"/>
                      </a:cubicBezTo>
                      <a:cubicBezTo>
                        <a:pt x="152921" y="1078177"/>
                        <a:pt x="152759" y="1080519"/>
                        <a:pt x="151327" y="1081951"/>
                      </a:cubicBezTo>
                      <a:close/>
                      <a:moveTo>
                        <a:pt x="1066904" y="139599"/>
                      </a:moveTo>
                      <a:cubicBezTo>
                        <a:pt x="1065505" y="140998"/>
                        <a:pt x="1063228" y="141193"/>
                        <a:pt x="1061601" y="139957"/>
                      </a:cubicBezTo>
                      <a:cubicBezTo>
                        <a:pt x="1054476" y="134589"/>
                        <a:pt x="1047124" y="129286"/>
                        <a:pt x="1039804" y="124211"/>
                      </a:cubicBezTo>
                      <a:cubicBezTo>
                        <a:pt x="1037950" y="122942"/>
                        <a:pt x="1037494" y="120405"/>
                        <a:pt x="1038763" y="118550"/>
                      </a:cubicBezTo>
                      <a:cubicBezTo>
                        <a:pt x="1040032" y="116696"/>
                        <a:pt x="1042569" y="116241"/>
                        <a:pt x="1044424" y="117509"/>
                      </a:cubicBezTo>
                      <a:cubicBezTo>
                        <a:pt x="1051874" y="122650"/>
                        <a:pt x="1059291" y="128017"/>
                        <a:pt x="1066513" y="133450"/>
                      </a:cubicBezTo>
                      <a:cubicBezTo>
                        <a:pt x="1068303" y="134817"/>
                        <a:pt x="1068661" y="137354"/>
                        <a:pt x="1067327" y="139144"/>
                      </a:cubicBezTo>
                      <a:cubicBezTo>
                        <a:pt x="1067197" y="139306"/>
                        <a:pt x="1067099" y="139436"/>
                        <a:pt x="1066936" y="139567"/>
                      </a:cubicBezTo>
                      <a:close/>
                      <a:moveTo>
                        <a:pt x="119380" y="1038551"/>
                      </a:moveTo>
                      <a:cubicBezTo>
                        <a:pt x="119185" y="1038747"/>
                        <a:pt x="118989" y="1038909"/>
                        <a:pt x="118762" y="1039040"/>
                      </a:cubicBezTo>
                      <a:cubicBezTo>
                        <a:pt x="116907" y="1040308"/>
                        <a:pt x="114370" y="1039788"/>
                        <a:pt x="113134" y="1037933"/>
                      </a:cubicBezTo>
                      <a:cubicBezTo>
                        <a:pt x="108091" y="1030451"/>
                        <a:pt x="103113" y="1022740"/>
                        <a:pt x="98396" y="1015030"/>
                      </a:cubicBezTo>
                      <a:cubicBezTo>
                        <a:pt x="97225" y="1013111"/>
                        <a:pt x="97811" y="1010606"/>
                        <a:pt x="99730" y="1009435"/>
                      </a:cubicBezTo>
                      <a:cubicBezTo>
                        <a:pt x="101649" y="1008263"/>
                        <a:pt x="104154" y="1008849"/>
                        <a:pt x="105326" y="1010768"/>
                      </a:cubicBezTo>
                      <a:cubicBezTo>
                        <a:pt x="110010" y="1018381"/>
                        <a:pt x="114923" y="1025994"/>
                        <a:pt x="119900" y="1033379"/>
                      </a:cubicBezTo>
                      <a:cubicBezTo>
                        <a:pt x="121007" y="1035005"/>
                        <a:pt x="120746" y="1037185"/>
                        <a:pt x="119412" y="1038519"/>
                      </a:cubicBezTo>
                      <a:close/>
                      <a:moveTo>
                        <a:pt x="1022594" y="108986"/>
                      </a:moveTo>
                      <a:cubicBezTo>
                        <a:pt x="1021293" y="110287"/>
                        <a:pt x="1019178" y="110580"/>
                        <a:pt x="1017551" y="109539"/>
                      </a:cubicBezTo>
                      <a:cubicBezTo>
                        <a:pt x="1010004" y="104756"/>
                        <a:pt x="1002228" y="100072"/>
                        <a:pt x="994518" y="95647"/>
                      </a:cubicBezTo>
                      <a:cubicBezTo>
                        <a:pt x="992566" y="94541"/>
                        <a:pt x="991915" y="92036"/>
                        <a:pt x="993021" y="90116"/>
                      </a:cubicBezTo>
                      <a:cubicBezTo>
                        <a:pt x="994160" y="88164"/>
                        <a:pt x="996633" y="87514"/>
                        <a:pt x="998552" y="88620"/>
                      </a:cubicBezTo>
                      <a:cubicBezTo>
                        <a:pt x="1006360" y="93109"/>
                        <a:pt x="1014200" y="97859"/>
                        <a:pt x="1021878" y="102707"/>
                      </a:cubicBezTo>
                      <a:cubicBezTo>
                        <a:pt x="1023765" y="103910"/>
                        <a:pt x="1024351" y="106415"/>
                        <a:pt x="1023147" y="108302"/>
                      </a:cubicBezTo>
                      <a:cubicBezTo>
                        <a:pt x="1022984" y="108563"/>
                        <a:pt x="1022789" y="108790"/>
                        <a:pt x="1022594" y="109018"/>
                      </a:cubicBezTo>
                      <a:close/>
                      <a:moveTo>
                        <a:pt x="91141" y="992680"/>
                      </a:moveTo>
                      <a:cubicBezTo>
                        <a:pt x="90881" y="992940"/>
                        <a:pt x="90588" y="993168"/>
                        <a:pt x="90263" y="993363"/>
                      </a:cubicBezTo>
                      <a:cubicBezTo>
                        <a:pt x="88311" y="994469"/>
                        <a:pt x="85838" y="993754"/>
                        <a:pt x="84732" y="991802"/>
                      </a:cubicBezTo>
                      <a:cubicBezTo>
                        <a:pt x="80308" y="983896"/>
                        <a:pt x="75981" y="975828"/>
                        <a:pt x="71914" y="967792"/>
                      </a:cubicBezTo>
                      <a:cubicBezTo>
                        <a:pt x="70906" y="965775"/>
                        <a:pt x="71687" y="963335"/>
                        <a:pt x="73704" y="962327"/>
                      </a:cubicBezTo>
                      <a:cubicBezTo>
                        <a:pt x="75721" y="961318"/>
                        <a:pt x="78161" y="962099"/>
                        <a:pt x="79169" y="964116"/>
                      </a:cubicBezTo>
                      <a:cubicBezTo>
                        <a:pt x="83203" y="972054"/>
                        <a:pt x="87465" y="980057"/>
                        <a:pt x="91824" y="987833"/>
                      </a:cubicBezTo>
                      <a:cubicBezTo>
                        <a:pt x="92735" y="989459"/>
                        <a:pt x="92410" y="991444"/>
                        <a:pt x="91141" y="992680"/>
                      </a:cubicBezTo>
                      <a:close/>
                      <a:moveTo>
                        <a:pt x="975909" y="82081"/>
                      </a:moveTo>
                      <a:cubicBezTo>
                        <a:pt x="974673" y="83317"/>
                        <a:pt x="972753" y="83642"/>
                        <a:pt x="971159" y="82797"/>
                      </a:cubicBezTo>
                      <a:cubicBezTo>
                        <a:pt x="963254" y="78665"/>
                        <a:pt x="955153" y="74631"/>
                        <a:pt x="947085" y="70824"/>
                      </a:cubicBezTo>
                      <a:cubicBezTo>
                        <a:pt x="945068" y="69881"/>
                        <a:pt x="944189" y="67441"/>
                        <a:pt x="945133" y="65424"/>
                      </a:cubicBezTo>
                      <a:cubicBezTo>
                        <a:pt x="946076" y="63407"/>
                        <a:pt x="948516" y="62528"/>
                        <a:pt x="950533" y="63472"/>
                      </a:cubicBezTo>
                      <a:cubicBezTo>
                        <a:pt x="958732" y="67343"/>
                        <a:pt x="966930" y="71410"/>
                        <a:pt x="974933" y="75607"/>
                      </a:cubicBezTo>
                      <a:cubicBezTo>
                        <a:pt x="976918" y="76648"/>
                        <a:pt x="977698" y="79088"/>
                        <a:pt x="976657" y="81072"/>
                      </a:cubicBezTo>
                      <a:cubicBezTo>
                        <a:pt x="976462" y="81463"/>
                        <a:pt x="976202" y="81788"/>
                        <a:pt x="975942" y="82048"/>
                      </a:cubicBezTo>
                      <a:close/>
                      <a:moveTo>
                        <a:pt x="66709" y="944596"/>
                      </a:moveTo>
                      <a:cubicBezTo>
                        <a:pt x="66384" y="944922"/>
                        <a:pt x="65993" y="945214"/>
                        <a:pt x="65538" y="945409"/>
                      </a:cubicBezTo>
                      <a:cubicBezTo>
                        <a:pt x="63488" y="946353"/>
                        <a:pt x="61081" y="945442"/>
                        <a:pt x="60170" y="943392"/>
                      </a:cubicBezTo>
                      <a:cubicBezTo>
                        <a:pt x="56396" y="935129"/>
                        <a:pt x="52752" y="926703"/>
                        <a:pt x="49336" y="918342"/>
                      </a:cubicBezTo>
                      <a:cubicBezTo>
                        <a:pt x="48490" y="916260"/>
                        <a:pt x="49466" y="913885"/>
                        <a:pt x="51549" y="913039"/>
                      </a:cubicBezTo>
                      <a:cubicBezTo>
                        <a:pt x="53631" y="912193"/>
                        <a:pt x="56006" y="913202"/>
                        <a:pt x="56851" y="915251"/>
                      </a:cubicBezTo>
                      <a:cubicBezTo>
                        <a:pt x="60235" y="923515"/>
                        <a:pt x="63814" y="931843"/>
                        <a:pt x="67555" y="940009"/>
                      </a:cubicBezTo>
                      <a:cubicBezTo>
                        <a:pt x="68271" y="941603"/>
                        <a:pt x="67913" y="943392"/>
                        <a:pt x="66741" y="944564"/>
                      </a:cubicBezTo>
                      <a:close/>
                      <a:moveTo>
                        <a:pt x="927207" y="59113"/>
                      </a:moveTo>
                      <a:cubicBezTo>
                        <a:pt x="926068" y="60251"/>
                        <a:pt x="924312" y="60642"/>
                        <a:pt x="922750" y="59991"/>
                      </a:cubicBezTo>
                      <a:cubicBezTo>
                        <a:pt x="914552" y="56542"/>
                        <a:pt x="906191" y="53192"/>
                        <a:pt x="897830" y="50068"/>
                      </a:cubicBezTo>
                      <a:cubicBezTo>
                        <a:pt x="895715" y="49288"/>
                        <a:pt x="894674" y="46945"/>
                        <a:pt x="895455" y="44830"/>
                      </a:cubicBezTo>
                      <a:cubicBezTo>
                        <a:pt x="896236" y="42716"/>
                        <a:pt x="898578" y="41675"/>
                        <a:pt x="900693" y="42456"/>
                      </a:cubicBezTo>
                      <a:cubicBezTo>
                        <a:pt x="909151" y="45611"/>
                        <a:pt x="917642" y="48995"/>
                        <a:pt x="925938" y="52508"/>
                      </a:cubicBezTo>
                      <a:cubicBezTo>
                        <a:pt x="927988" y="53387"/>
                        <a:pt x="928964" y="55762"/>
                        <a:pt x="928086" y="57844"/>
                      </a:cubicBezTo>
                      <a:cubicBezTo>
                        <a:pt x="927890" y="58332"/>
                        <a:pt x="927565" y="58787"/>
                        <a:pt x="927207" y="59145"/>
                      </a:cubicBezTo>
                      <a:close/>
                      <a:moveTo>
                        <a:pt x="46311" y="894625"/>
                      </a:moveTo>
                      <a:cubicBezTo>
                        <a:pt x="45888" y="895048"/>
                        <a:pt x="45400" y="895374"/>
                        <a:pt x="44814" y="895569"/>
                      </a:cubicBezTo>
                      <a:cubicBezTo>
                        <a:pt x="42700" y="896317"/>
                        <a:pt x="40390" y="895244"/>
                        <a:pt x="39609" y="893129"/>
                      </a:cubicBezTo>
                      <a:cubicBezTo>
                        <a:pt x="36518" y="884605"/>
                        <a:pt x="33590" y="875919"/>
                        <a:pt x="30858" y="867298"/>
                      </a:cubicBezTo>
                      <a:cubicBezTo>
                        <a:pt x="30174" y="865151"/>
                        <a:pt x="31378" y="862873"/>
                        <a:pt x="33525" y="862190"/>
                      </a:cubicBezTo>
                      <a:cubicBezTo>
                        <a:pt x="35672" y="861507"/>
                        <a:pt x="37950" y="862711"/>
                        <a:pt x="38633" y="864825"/>
                      </a:cubicBezTo>
                      <a:cubicBezTo>
                        <a:pt x="41333" y="873349"/>
                        <a:pt x="44229" y="881938"/>
                        <a:pt x="47254" y="890364"/>
                      </a:cubicBezTo>
                      <a:cubicBezTo>
                        <a:pt x="47807" y="891893"/>
                        <a:pt x="47384" y="893552"/>
                        <a:pt x="46311" y="894625"/>
                      </a:cubicBezTo>
                      <a:close/>
                      <a:moveTo>
                        <a:pt x="876911" y="40211"/>
                      </a:moveTo>
                      <a:cubicBezTo>
                        <a:pt x="875870" y="41252"/>
                        <a:pt x="874276" y="41707"/>
                        <a:pt x="872779" y="41187"/>
                      </a:cubicBezTo>
                      <a:cubicBezTo>
                        <a:pt x="864288" y="38389"/>
                        <a:pt x="855667" y="35754"/>
                        <a:pt x="847111" y="33314"/>
                      </a:cubicBezTo>
                      <a:cubicBezTo>
                        <a:pt x="844964" y="32696"/>
                        <a:pt x="843695" y="30451"/>
                        <a:pt x="844313" y="28304"/>
                      </a:cubicBezTo>
                      <a:cubicBezTo>
                        <a:pt x="844931" y="26157"/>
                        <a:pt x="847176" y="24888"/>
                        <a:pt x="849323" y="25506"/>
                      </a:cubicBezTo>
                      <a:cubicBezTo>
                        <a:pt x="857977" y="27978"/>
                        <a:pt x="866728" y="30646"/>
                        <a:pt x="875317" y="33477"/>
                      </a:cubicBezTo>
                      <a:cubicBezTo>
                        <a:pt x="877464" y="34192"/>
                        <a:pt x="878603" y="36469"/>
                        <a:pt x="877887" y="38617"/>
                      </a:cubicBezTo>
                      <a:cubicBezTo>
                        <a:pt x="877692" y="39235"/>
                        <a:pt x="877334" y="39788"/>
                        <a:pt x="876911" y="40211"/>
                      </a:cubicBezTo>
                      <a:close/>
                      <a:moveTo>
                        <a:pt x="30077" y="843158"/>
                      </a:moveTo>
                      <a:cubicBezTo>
                        <a:pt x="29589" y="843646"/>
                        <a:pt x="28971" y="844004"/>
                        <a:pt x="28287" y="844199"/>
                      </a:cubicBezTo>
                      <a:cubicBezTo>
                        <a:pt x="26108" y="844785"/>
                        <a:pt x="23896" y="843516"/>
                        <a:pt x="23310" y="841336"/>
                      </a:cubicBezTo>
                      <a:cubicBezTo>
                        <a:pt x="20935" y="832617"/>
                        <a:pt x="18723" y="823736"/>
                        <a:pt x="16706" y="814887"/>
                      </a:cubicBezTo>
                      <a:cubicBezTo>
                        <a:pt x="16218" y="812707"/>
                        <a:pt x="17584" y="810528"/>
                        <a:pt x="19764" y="810040"/>
                      </a:cubicBezTo>
                      <a:cubicBezTo>
                        <a:pt x="21944" y="809552"/>
                        <a:pt x="24123" y="810918"/>
                        <a:pt x="24611" y="813098"/>
                      </a:cubicBezTo>
                      <a:cubicBezTo>
                        <a:pt x="26596" y="821817"/>
                        <a:pt x="28808" y="830633"/>
                        <a:pt x="31118" y="839222"/>
                      </a:cubicBezTo>
                      <a:cubicBezTo>
                        <a:pt x="31508" y="840686"/>
                        <a:pt x="31053" y="842150"/>
                        <a:pt x="30077" y="843158"/>
                      </a:cubicBezTo>
                      <a:close/>
                      <a:moveTo>
                        <a:pt x="825184" y="25473"/>
                      </a:moveTo>
                      <a:cubicBezTo>
                        <a:pt x="824208" y="26449"/>
                        <a:pt x="822776" y="26905"/>
                        <a:pt x="821345" y="26547"/>
                      </a:cubicBezTo>
                      <a:cubicBezTo>
                        <a:pt x="812658" y="24465"/>
                        <a:pt x="803842" y="22513"/>
                        <a:pt x="795123" y="20789"/>
                      </a:cubicBezTo>
                      <a:cubicBezTo>
                        <a:pt x="792911" y="20366"/>
                        <a:pt x="791479" y="18219"/>
                        <a:pt x="791935" y="16006"/>
                      </a:cubicBezTo>
                      <a:cubicBezTo>
                        <a:pt x="792390" y="13794"/>
                        <a:pt x="794505" y="12363"/>
                        <a:pt x="796717" y="12818"/>
                      </a:cubicBezTo>
                      <a:cubicBezTo>
                        <a:pt x="805566" y="14575"/>
                        <a:pt x="814513" y="16527"/>
                        <a:pt x="823264" y="18674"/>
                      </a:cubicBezTo>
                      <a:cubicBezTo>
                        <a:pt x="825444" y="19194"/>
                        <a:pt x="826778" y="21407"/>
                        <a:pt x="826257" y="23586"/>
                      </a:cubicBezTo>
                      <a:cubicBezTo>
                        <a:pt x="826062" y="24335"/>
                        <a:pt x="825704" y="24985"/>
                        <a:pt x="825184" y="25506"/>
                      </a:cubicBezTo>
                      <a:close/>
                      <a:moveTo>
                        <a:pt x="18072" y="790585"/>
                      </a:moveTo>
                      <a:cubicBezTo>
                        <a:pt x="17519" y="791138"/>
                        <a:pt x="16771" y="791561"/>
                        <a:pt x="15957" y="791691"/>
                      </a:cubicBezTo>
                      <a:cubicBezTo>
                        <a:pt x="13745" y="792114"/>
                        <a:pt x="11631" y="790650"/>
                        <a:pt x="11208" y="788438"/>
                      </a:cubicBezTo>
                      <a:cubicBezTo>
                        <a:pt x="9548" y="779556"/>
                        <a:pt x="8084" y="770512"/>
                        <a:pt x="6783" y="761533"/>
                      </a:cubicBezTo>
                      <a:cubicBezTo>
                        <a:pt x="6458" y="759321"/>
                        <a:pt x="8019" y="757239"/>
                        <a:pt x="10232" y="756946"/>
                      </a:cubicBezTo>
                      <a:cubicBezTo>
                        <a:pt x="12444" y="756620"/>
                        <a:pt x="14526" y="758182"/>
                        <a:pt x="14819" y="760394"/>
                      </a:cubicBezTo>
                      <a:cubicBezTo>
                        <a:pt x="16088" y="769243"/>
                        <a:pt x="17552" y="778157"/>
                        <a:pt x="19178" y="786974"/>
                      </a:cubicBezTo>
                      <a:cubicBezTo>
                        <a:pt x="19438" y="788340"/>
                        <a:pt x="18983" y="789674"/>
                        <a:pt x="18040" y="790585"/>
                      </a:cubicBezTo>
                      <a:close/>
                      <a:moveTo>
                        <a:pt x="772415" y="14965"/>
                      </a:moveTo>
                      <a:cubicBezTo>
                        <a:pt x="771537" y="15844"/>
                        <a:pt x="770235" y="16332"/>
                        <a:pt x="768902" y="16104"/>
                      </a:cubicBezTo>
                      <a:cubicBezTo>
                        <a:pt x="760085" y="14705"/>
                        <a:pt x="751138" y="13501"/>
                        <a:pt x="742257" y="12460"/>
                      </a:cubicBezTo>
                      <a:cubicBezTo>
                        <a:pt x="740012" y="12200"/>
                        <a:pt x="738418" y="10183"/>
                        <a:pt x="738678" y="7971"/>
                      </a:cubicBezTo>
                      <a:cubicBezTo>
                        <a:pt x="738939" y="5758"/>
                        <a:pt x="740956" y="4132"/>
                        <a:pt x="743168" y="4392"/>
                      </a:cubicBezTo>
                      <a:cubicBezTo>
                        <a:pt x="752147" y="5433"/>
                        <a:pt x="761224" y="6669"/>
                        <a:pt x="770138" y="8068"/>
                      </a:cubicBezTo>
                      <a:cubicBezTo>
                        <a:pt x="772350" y="8426"/>
                        <a:pt x="773879" y="10508"/>
                        <a:pt x="773521" y="12720"/>
                      </a:cubicBezTo>
                      <a:cubicBezTo>
                        <a:pt x="773391" y="13599"/>
                        <a:pt x="772968" y="14380"/>
                        <a:pt x="772383" y="14965"/>
                      </a:cubicBezTo>
                      <a:close/>
                      <a:moveTo>
                        <a:pt x="10394" y="737231"/>
                      </a:moveTo>
                      <a:cubicBezTo>
                        <a:pt x="9744" y="737881"/>
                        <a:pt x="8898" y="738304"/>
                        <a:pt x="7954" y="738402"/>
                      </a:cubicBezTo>
                      <a:cubicBezTo>
                        <a:pt x="5710" y="738630"/>
                        <a:pt x="3725" y="737003"/>
                        <a:pt x="3497" y="734791"/>
                      </a:cubicBezTo>
                      <a:cubicBezTo>
                        <a:pt x="2586" y="725812"/>
                        <a:pt x="1838" y="716670"/>
                        <a:pt x="1253" y="707626"/>
                      </a:cubicBezTo>
                      <a:cubicBezTo>
                        <a:pt x="1122" y="705381"/>
                        <a:pt x="2814" y="703461"/>
                        <a:pt x="5059" y="703331"/>
                      </a:cubicBezTo>
                      <a:cubicBezTo>
                        <a:pt x="7304" y="703201"/>
                        <a:pt x="9223" y="704893"/>
                        <a:pt x="9353" y="707138"/>
                      </a:cubicBezTo>
                      <a:cubicBezTo>
                        <a:pt x="9906" y="716052"/>
                        <a:pt x="10655" y="725096"/>
                        <a:pt x="11566" y="733945"/>
                      </a:cubicBezTo>
                      <a:cubicBezTo>
                        <a:pt x="11696" y="735214"/>
                        <a:pt x="11240" y="736385"/>
                        <a:pt x="10394" y="737231"/>
                      </a:cubicBezTo>
                      <a:close/>
                      <a:moveTo>
                        <a:pt x="718963" y="8784"/>
                      </a:moveTo>
                      <a:cubicBezTo>
                        <a:pt x="718150" y="9597"/>
                        <a:pt x="717011" y="10053"/>
                        <a:pt x="715775" y="9955"/>
                      </a:cubicBezTo>
                      <a:cubicBezTo>
                        <a:pt x="706861" y="9272"/>
                        <a:pt x="697817" y="8784"/>
                        <a:pt x="688935" y="8491"/>
                      </a:cubicBezTo>
                      <a:cubicBezTo>
                        <a:pt x="686691" y="8426"/>
                        <a:pt x="684934" y="6539"/>
                        <a:pt x="684999" y="4294"/>
                      </a:cubicBezTo>
                      <a:cubicBezTo>
                        <a:pt x="685064" y="2050"/>
                        <a:pt x="686951" y="293"/>
                        <a:pt x="689196" y="390"/>
                      </a:cubicBezTo>
                      <a:cubicBezTo>
                        <a:pt x="698207" y="683"/>
                        <a:pt x="707349" y="1204"/>
                        <a:pt x="716361" y="1887"/>
                      </a:cubicBezTo>
                      <a:cubicBezTo>
                        <a:pt x="718605" y="2050"/>
                        <a:pt x="720265" y="4002"/>
                        <a:pt x="720102" y="6246"/>
                      </a:cubicBezTo>
                      <a:cubicBezTo>
                        <a:pt x="720037" y="7255"/>
                        <a:pt x="719581" y="8166"/>
                        <a:pt x="718931" y="8816"/>
                      </a:cubicBezTo>
                      <a:close/>
                      <a:moveTo>
                        <a:pt x="7076" y="683454"/>
                      </a:moveTo>
                      <a:cubicBezTo>
                        <a:pt x="6360" y="684169"/>
                        <a:pt x="5384" y="684625"/>
                        <a:pt x="4278" y="684625"/>
                      </a:cubicBezTo>
                      <a:cubicBezTo>
                        <a:pt x="2033" y="684657"/>
                        <a:pt x="179" y="682900"/>
                        <a:pt x="146" y="680656"/>
                      </a:cubicBezTo>
                      <a:cubicBezTo>
                        <a:pt x="-49" y="671644"/>
                        <a:pt x="-49" y="662470"/>
                        <a:pt x="146" y="653426"/>
                      </a:cubicBezTo>
                      <a:cubicBezTo>
                        <a:pt x="179" y="651181"/>
                        <a:pt x="2033" y="649392"/>
                        <a:pt x="4278" y="649457"/>
                      </a:cubicBezTo>
                      <a:cubicBezTo>
                        <a:pt x="6523" y="649489"/>
                        <a:pt x="8312" y="651344"/>
                        <a:pt x="8247" y="653588"/>
                      </a:cubicBezTo>
                      <a:cubicBezTo>
                        <a:pt x="8084" y="662535"/>
                        <a:pt x="8084" y="671579"/>
                        <a:pt x="8247" y="680493"/>
                      </a:cubicBezTo>
                      <a:cubicBezTo>
                        <a:pt x="8247" y="681632"/>
                        <a:pt x="7824" y="682705"/>
                        <a:pt x="7043" y="683454"/>
                      </a:cubicBezTo>
                      <a:close/>
                      <a:moveTo>
                        <a:pt x="665154" y="6930"/>
                      </a:moveTo>
                      <a:cubicBezTo>
                        <a:pt x="664438" y="7645"/>
                        <a:pt x="663430" y="8101"/>
                        <a:pt x="662291" y="8133"/>
                      </a:cubicBezTo>
                      <a:cubicBezTo>
                        <a:pt x="653377" y="8198"/>
                        <a:pt x="644332" y="8426"/>
                        <a:pt x="635386" y="8849"/>
                      </a:cubicBezTo>
                      <a:cubicBezTo>
                        <a:pt x="633141" y="8947"/>
                        <a:pt x="631254" y="7222"/>
                        <a:pt x="631124" y="4978"/>
                      </a:cubicBezTo>
                      <a:cubicBezTo>
                        <a:pt x="631027" y="2733"/>
                        <a:pt x="632751" y="846"/>
                        <a:pt x="634996" y="716"/>
                      </a:cubicBezTo>
                      <a:cubicBezTo>
                        <a:pt x="644040" y="293"/>
                        <a:pt x="653214" y="65"/>
                        <a:pt x="662226" y="0"/>
                      </a:cubicBezTo>
                      <a:cubicBezTo>
                        <a:pt x="664470" y="0"/>
                        <a:pt x="666292" y="1789"/>
                        <a:pt x="666325" y="4034"/>
                      </a:cubicBezTo>
                      <a:cubicBezTo>
                        <a:pt x="666325" y="5173"/>
                        <a:pt x="665870" y="6181"/>
                        <a:pt x="665121" y="6930"/>
                      </a:cubicBezTo>
                      <a:close/>
                      <a:moveTo>
                        <a:pt x="8117" y="629612"/>
                      </a:moveTo>
                      <a:cubicBezTo>
                        <a:pt x="7336" y="630392"/>
                        <a:pt x="6198" y="630880"/>
                        <a:pt x="4994" y="630783"/>
                      </a:cubicBezTo>
                      <a:cubicBezTo>
                        <a:pt x="2749" y="630652"/>
                        <a:pt x="1057" y="628733"/>
                        <a:pt x="1187" y="626488"/>
                      </a:cubicBezTo>
                      <a:cubicBezTo>
                        <a:pt x="1741" y="617444"/>
                        <a:pt x="2456" y="608302"/>
                        <a:pt x="3367" y="599356"/>
                      </a:cubicBezTo>
                      <a:cubicBezTo>
                        <a:pt x="3595" y="597111"/>
                        <a:pt x="5579" y="595484"/>
                        <a:pt x="7824" y="595712"/>
                      </a:cubicBezTo>
                      <a:cubicBezTo>
                        <a:pt x="10069" y="595940"/>
                        <a:pt x="11696" y="597924"/>
                        <a:pt x="11468" y="600169"/>
                      </a:cubicBezTo>
                      <a:cubicBezTo>
                        <a:pt x="10589" y="609018"/>
                        <a:pt x="9874" y="618030"/>
                        <a:pt x="9321" y="626976"/>
                      </a:cubicBezTo>
                      <a:cubicBezTo>
                        <a:pt x="9256" y="628017"/>
                        <a:pt x="8800" y="628928"/>
                        <a:pt x="8149" y="629612"/>
                      </a:cubicBezTo>
                      <a:close/>
                      <a:moveTo>
                        <a:pt x="611344" y="9435"/>
                      </a:moveTo>
                      <a:cubicBezTo>
                        <a:pt x="610693" y="10085"/>
                        <a:pt x="609815" y="10508"/>
                        <a:pt x="608839" y="10606"/>
                      </a:cubicBezTo>
                      <a:cubicBezTo>
                        <a:pt x="599958" y="11387"/>
                        <a:pt x="590946" y="12363"/>
                        <a:pt x="582097" y="13501"/>
                      </a:cubicBezTo>
                      <a:cubicBezTo>
                        <a:pt x="579885" y="13794"/>
                        <a:pt x="577835" y="12200"/>
                        <a:pt x="577542" y="9988"/>
                      </a:cubicBezTo>
                      <a:cubicBezTo>
                        <a:pt x="577249" y="7775"/>
                        <a:pt x="578844" y="5726"/>
                        <a:pt x="581056" y="5433"/>
                      </a:cubicBezTo>
                      <a:cubicBezTo>
                        <a:pt x="590035" y="4294"/>
                        <a:pt x="599144" y="3286"/>
                        <a:pt x="608156" y="2505"/>
                      </a:cubicBezTo>
                      <a:cubicBezTo>
                        <a:pt x="610401" y="2310"/>
                        <a:pt x="612353" y="3969"/>
                        <a:pt x="612548" y="6214"/>
                      </a:cubicBezTo>
                      <a:cubicBezTo>
                        <a:pt x="612645" y="7450"/>
                        <a:pt x="612190" y="8621"/>
                        <a:pt x="611377" y="9435"/>
                      </a:cubicBezTo>
                      <a:close/>
                      <a:moveTo>
                        <a:pt x="13485" y="576062"/>
                      </a:moveTo>
                      <a:cubicBezTo>
                        <a:pt x="12607" y="576941"/>
                        <a:pt x="11370" y="577396"/>
                        <a:pt x="10036" y="577201"/>
                      </a:cubicBezTo>
                      <a:cubicBezTo>
                        <a:pt x="7824" y="576876"/>
                        <a:pt x="6263" y="574826"/>
                        <a:pt x="6588" y="572614"/>
                      </a:cubicBezTo>
                      <a:cubicBezTo>
                        <a:pt x="7857" y="563635"/>
                        <a:pt x="9321" y="554590"/>
                        <a:pt x="10947" y="545741"/>
                      </a:cubicBezTo>
                      <a:cubicBezTo>
                        <a:pt x="11338" y="543529"/>
                        <a:pt x="13485" y="542065"/>
                        <a:pt x="15665" y="542488"/>
                      </a:cubicBezTo>
                      <a:cubicBezTo>
                        <a:pt x="17877" y="542878"/>
                        <a:pt x="19341" y="544993"/>
                        <a:pt x="18918" y="547205"/>
                      </a:cubicBezTo>
                      <a:cubicBezTo>
                        <a:pt x="17324" y="555957"/>
                        <a:pt x="15860" y="564871"/>
                        <a:pt x="14624" y="573720"/>
                      </a:cubicBezTo>
                      <a:cubicBezTo>
                        <a:pt x="14493" y="574631"/>
                        <a:pt x="14071" y="575411"/>
                        <a:pt x="13485" y="576030"/>
                      </a:cubicBezTo>
                      <a:close/>
                      <a:moveTo>
                        <a:pt x="557892" y="16299"/>
                      </a:moveTo>
                      <a:cubicBezTo>
                        <a:pt x="557307" y="16885"/>
                        <a:pt x="556558" y="17275"/>
                        <a:pt x="555713" y="17438"/>
                      </a:cubicBezTo>
                      <a:cubicBezTo>
                        <a:pt x="546864" y="18934"/>
                        <a:pt x="537982" y="20626"/>
                        <a:pt x="529263" y="22480"/>
                      </a:cubicBezTo>
                      <a:cubicBezTo>
                        <a:pt x="527084" y="22936"/>
                        <a:pt x="524904" y="21537"/>
                        <a:pt x="524448" y="19357"/>
                      </a:cubicBezTo>
                      <a:cubicBezTo>
                        <a:pt x="523993" y="17177"/>
                        <a:pt x="525392" y="14998"/>
                        <a:pt x="527572" y="14542"/>
                      </a:cubicBezTo>
                      <a:cubicBezTo>
                        <a:pt x="536388" y="12688"/>
                        <a:pt x="545400" y="10964"/>
                        <a:pt x="554346" y="9435"/>
                      </a:cubicBezTo>
                      <a:cubicBezTo>
                        <a:pt x="556558" y="9044"/>
                        <a:pt x="558641" y="10541"/>
                        <a:pt x="559031" y="12753"/>
                      </a:cubicBezTo>
                      <a:cubicBezTo>
                        <a:pt x="559259" y="14087"/>
                        <a:pt x="558803" y="15421"/>
                        <a:pt x="557892" y="16299"/>
                      </a:cubicBezTo>
                      <a:close/>
                      <a:moveTo>
                        <a:pt x="23147" y="523131"/>
                      </a:moveTo>
                      <a:cubicBezTo>
                        <a:pt x="22204" y="524074"/>
                        <a:pt x="20805" y="524530"/>
                        <a:pt x="19373" y="524237"/>
                      </a:cubicBezTo>
                      <a:cubicBezTo>
                        <a:pt x="17194" y="523749"/>
                        <a:pt x="15795" y="521569"/>
                        <a:pt x="16315" y="519390"/>
                      </a:cubicBezTo>
                      <a:cubicBezTo>
                        <a:pt x="18300" y="510573"/>
                        <a:pt x="20480" y="501692"/>
                        <a:pt x="22822" y="492973"/>
                      </a:cubicBezTo>
                      <a:cubicBezTo>
                        <a:pt x="23407" y="490793"/>
                        <a:pt x="25620" y="489524"/>
                        <a:pt x="27799" y="490110"/>
                      </a:cubicBezTo>
                      <a:cubicBezTo>
                        <a:pt x="29979" y="490695"/>
                        <a:pt x="31248" y="492908"/>
                        <a:pt x="30662" y="495087"/>
                      </a:cubicBezTo>
                      <a:cubicBezTo>
                        <a:pt x="28353" y="503676"/>
                        <a:pt x="26205" y="512460"/>
                        <a:pt x="24221" y="521179"/>
                      </a:cubicBezTo>
                      <a:cubicBezTo>
                        <a:pt x="24058" y="521960"/>
                        <a:pt x="23668" y="522643"/>
                        <a:pt x="23147" y="523163"/>
                      </a:cubicBezTo>
                      <a:close/>
                      <a:moveTo>
                        <a:pt x="505124" y="27458"/>
                      </a:moveTo>
                      <a:cubicBezTo>
                        <a:pt x="504636" y="27946"/>
                        <a:pt x="503985" y="28336"/>
                        <a:pt x="503269" y="28531"/>
                      </a:cubicBezTo>
                      <a:cubicBezTo>
                        <a:pt x="494583" y="30744"/>
                        <a:pt x="485864" y="33151"/>
                        <a:pt x="477308" y="35721"/>
                      </a:cubicBezTo>
                      <a:cubicBezTo>
                        <a:pt x="475161" y="36372"/>
                        <a:pt x="472884" y="35136"/>
                        <a:pt x="472266" y="32989"/>
                      </a:cubicBezTo>
                      <a:cubicBezTo>
                        <a:pt x="471615" y="30841"/>
                        <a:pt x="472851" y="28564"/>
                        <a:pt x="474998" y="27946"/>
                      </a:cubicBezTo>
                      <a:cubicBezTo>
                        <a:pt x="483652" y="25343"/>
                        <a:pt x="492501" y="22903"/>
                        <a:pt x="501285" y="20691"/>
                      </a:cubicBezTo>
                      <a:cubicBezTo>
                        <a:pt x="503465" y="20138"/>
                        <a:pt x="505677" y="21439"/>
                        <a:pt x="506230" y="23619"/>
                      </a:cubicBezTo>
                      <a:cubicBezTo>
                        <a:pt x="506588" y="25050"/>
                        <a:pt x="506132" y="26514"/>
                        <a:pt x="505156" y="27490"/>
                      </a:cubicBezTo>
                      <a:close/>
                      <a:moveTo>
                        <a:pt x="37071" y="471176"/>
                      </a:moveTo>
                      <a:cubicBezTo>
                        <a:pt x="36030" y="472217"/>
                        <a:pt x="34469" y="472640"/>
                        <a:pt x="32972" y="472184"/>
                      </a:cubicBezTo>
                      <a:cubicBezTo>
                        <a:pt x="30825" y="471501"/>
                        <a:pt x="29654" y="469224"/>
                        <a:pt x="30305" y="467109"/>
                      </a:cubicBezTo>
                      <a:cubicBezTo>
                        <a:pt x="32972" y="458520"/>
                        <a:pt x="35900" y="449834"/>
                        <a:pt x="38926" y="441343"/>
                      </a:cubicBezTo>
                      <a:cubicBezTo>
                        <a:pt x="39674" y="439228"/>
                        <a:pt x="42016" y="438122"/>
                        <a:pt x="44131" y="438870"/>
                      </a:cubicBezTo>
                      <a:cubicBezTo>
                        <a:pt x="46246" y="439619"/>
                        <a:pt x="47352" y="441961"/>
                        <a:pt x="46604" y="444076"/>
                      </a:cubicBezTo>
                      <a:cubicBezTo>
                        <a:pt x="43611" y="452469"/>
                        <a:pt x="40715" y="461025"/>
                        <a:pt x="38080" y="469517"/>
                      </a:cubicBezTo>
                      <a:cubicBezTo>
                        <a:pt x="37885" y="470167"/>
                        <a:pt x="37527" y="470720"/>
                        <a:pt x="37071" y="471176"/>
                      </a:cubicBezTo>
                      <a:close/>
                      <a:moveTo>
                        <a:pt x="453429" y="42878"/>
                      </a:moveTo>
                      <a:cubicBezTo>
                        <a:pt x="453006" y="43301"/>
                        <a:pt x="452485" y="43627"/>
                        <a:pt x="451867" y="43855"/>
                      </a:cubicBezTo>
                      <a:cubicBezTo>
                        <a:pt x="443376" y="46782"/>
                        <a:pt x="434885" y="49906"/>
                        <a:pt x="426557" y="53126"/>
                      </a:cubicBezTo>
                      <a:cubicBezTo>
                        <a:pt x="424475" y="53940"/>
                        <a:pt x="422099" y="52899"/>
                        <a:pt x="421286" y="50817"/>
                      </a:cubicBezTo>
                      <a:cubicBezTo>
                        <a:pt x="420473" y="48734"/>
                        <a:pt x="421514" y="46360"/>
                        <a:pt x="423596" y="45546"/>
                      </a:cubicBezTo>
                      <a:cubicBezTo>
                        <a:pt x="432022" y="42260"/>
                        <a:pt x="440611" y="39105"/>
                        <a:pt x="449200" y="36144"/>
                      </a:cubicBezTo>
                      <a:cubicBezTo>
                        <a:pt x="451314" y="35429"/>
                        <a:pt x="453624" y="36535"/>
                        <a:pt x="454372" y="38649"/>
                      </a:cubicBezTo>
                      <a:cubicBezTo>
                        <a:pt x="454893" y="40178"/>
                        <a:pt x="454470" y="41772"/>
                        <a:pt x="453396" y="42846"/>
                      </a:cubicBezTo>
                      <a:close/>
                      <a:moveTo>
                        <a:pt x="55160" y="420587"/>
                      </a:moveTo>
                      <a:cubicBezTo>
                        <a:pt x="54054" y="421693"/>
                        <a:pt x="52329" y="422116"/>
                        <a:pt x="50768" y="421465"/>
                      </a:cubicBezTo>
                      <a:cubicBezTo>
                        <a:pt x="48686" y="420619"/>
                        <a:pt x="47677" y="418244"/>
                        <a:pt x="48523" y="416162"/>
                      </a:cubicBezTo>
                      <a:cubicBezTo>
                        <a:pt x="51906" y="407801"/>
                        <a:pt x="55518" y="399408"/>
                        <a:pt x="59226" y="391210"/>
                      </a:cubicBezTo>
                      <a:cubicBezTo>
                        <a:pt x="60170" y="389160"/>
                        <a:pt x="62545" y="388249"/>
                        <a:pt x="64594" y="389193"/>
                      </a:cubicBezTo>
                      <a:cubicBezTo>
                        <a:pt x="66644" y="390103"/>
                        <a:pt x="67555" y="392511"/>
                        <a:pt x="66611" y="394560"/>
                      </a:cubicBezTo>
                      <a:cubicBezTo>
                        <a:pt x="62935" y="402661"/>
                        <a:pt x="59389" y="410957"/>
                        <a:pt x="56038" y="419220"/>
                      </a:cubicBezTo>
                      <a:cubicBezTo>
                        <a:pt x="55843" y="419741"/>
                        <a:pt x="55518" y="420196"/>
                        <a:pt x="55160" y="420554"/>
                      </a:cubicBezTo>
                      <a:close/>
                      <a:moveTo>
                        <a:pt x="403165" y="62496"/>
                      </a:moveTo>
                      <a:cubicBezTo>
                        <a:pt x="402807" y="62854"/>
                        <a:pt x="402384" y="63147"/>
                        <a:pt x="401929" y="63342"/>
                      </a:cubicBezTo>
                      <a:cubicBezTo>
                        <a:pt x="393731" y="66953"/>
                        <a:pt x="385467" y="70759"/>
                        <a:pt x="377464" y="74663"/>
                      </a:cubicBezTo>
                      <a:cubicBezTo>
                        <a:pt x="375447" y="75639"/>
                        <a:pt x="373007" y="74826"/>
                        <a:pt x="372031" y="72809"/>
                      </a:cubicBezTo>
                      <a:cubicBezTo>
                        <a:pt x="371055" y="70792"/>
                        <a:pt x="371869" y="68352"/>
                        <a:pt x="373886" y="67376"/>
                      </a:cubicBezTo>
                      <a:cubicBezTo>
                        <a:pt x="382019" y="63407"/>
                        <a:pt x="390347" y="59535"/>
                        <a:pt x="398676" y="55892"/>
                      </a:cubicBezTo>
                      <a:cubicBezTo>
                        <a:pt x="400725" y="54981"/>
                        <a:pt x="403133" y="55924"/>
                        <a:pt x="404011" y="57974"/>
                      </a:cubicBezTo>
                      <a:cubicBezTo>
                        <a:pt x="404694" y="59535"/>
                        <a:pt x="404304" y="61325"/>
                        <a:pt x="403165" y="62463"/>
                      </a:cubicBezTo>
                      <a:close/>
                      <a:moveTo>
                        <a:pt x="77347" y="371592"/>
                      </a:moveTo>
                      <a:cubicBezTo>
                        <a:pt x="76144" y="372796"/>
                        <a:pt x="74257" y="373154"/>
                        <a:pt x="72663" y="372340"/>
                      </a:cubicBezTo>
                      <a:cubicBezTo>
                        <a:pt x="70645" y="371332"/>
                        <a:pt x="69865" y="368892"/>
                        <a:pt x="70873" y="366875"/>
                      </a:cubicBezTo>
                      <a:cubicBezTo>
                        <a:pt x="74940" y="358807"/>
                        <a:pt x="79234" y="350706"/>
                        <a:pt x="83594" y="342800"/>
                      </a:cubicBezTo>
                      <a:cubicBezTo>
                        <a:pt x="84700" y="340848"/>
                        <a:pt x="87172" y="340133"/>
                        <a:pt x="89124" y="341239"/>
                      </a:cubicBezTo>
                      <a:cubicBezTo>
                        <a:pt x="91076" y="342312"/>
                        <a:pt x="91792" y="344785"/>
                        <a:pt x="90686" y="346769"/>
                      </a:cubicBezTo>
                      <a:cubicBezTo>
                        <a:pt x="86359" y="354545"/>
                        <a:pt x="82130" y="362548"/>
                        <a:pt x="78095" y="370551"/>
                      </a:cubicBezTo>
                      <a:cubicBezTo>
                        <a:pt x="77900" y="370941"/>
                        <a:pt x="77640" y="371299"/>
                        <a:pt x="77347" y="371592"/>
                      </a:cubicBezTo>
                      <a:close/>
                      <a:moveTo>
                        <a:pt x="354691" y="86147"/>
                      </a:moveTo>
                      <a:cubicBezTo>
                        <a:pt x="354431" y="86408"/>
                        <a:pt x="354106" y="86668"/>
                        <a:pt x="353748" y="86863"/>
                      </a:cubicBezTo>
                      <a:cubicBezTo>
                        <a:pt x="345875" y="91092"/>
                        <a:pt x="338002" y="95582"/>
                        <a:pt x="330357" y="100137"/>
                      </a:cubicBezTo>
                      <a:cubicBezTo>
                        <a:pt x="328437" y="101275"/>
                        <a:pt x="325932" y="100657"/>
                        <a:pt x="324793" y="98705"/>
                      </a:cubicBezTo>
                      <a:cubicBezTo>
                        <a:pt x="323655" y="96786"/>
                        <a:pt x="324273" y="94281"/>
                        <a:pt x="326192" y="93142"/>
                      </a:cubicBezTo>
                      <a:cubicBezTo>
                        <a:pt x="333968" y="88522"/>
                        <a:pt x="341938" y="84000"/>
                        <a:pt x="349876" y="79706"/>
                      </a:cubicBezTo>
                      <a:cubicBezTo>
                        <a:pt x="351861" y="78632"/>
                        <a:pt x="354301" y="79381"/>
                        <a:pt x="355374" y="81365"/>
                      </a:cubicBezTo>
                      <a:cubicBezTo>
                        <a:pt x="356253" y="82992"/>
                        <a:pt x="355927" y="84944"/>
                        <a:pt x="354691" y="86180"/>
                      </a:cubicBezTo>
                      <a:close/>
                      <a:moveTo>
                        <a:pt x="103504" y="324517"/>
                      </a:moveTo>
                      <a:cubicBezTo>
                        <a:pt x="102202" y="325818"/>
                        <a:pt x="100153" y="326111"/>
                        <a:pt x="98526" y="325102"/>
                      </a:cubicBezTo>
                      <a:cubicBezTo>
                        <a:pt x="96607" y="323931"/>
                        <a:pt x="96021" y="321426"/>
                        <a:pt x="97192" y="319507"/>
                      </a:cubicBezTo>
                      <a:cubicBezTo>
                        <a:pt x="101910" y="311796"/>
                        <a:pt x="106822" y="304086"/>
                        <a:pt x="111865" y="296571"/>
                      </a:cubicBezTo>
                      <a:cubicBezTo>
                        <a:pt x="113134" y="294717"/>
                        <a:pt x="115639" y="294196"/>
                        <a:pt x="117493" y="295465"/>
                      </a:cubicBezTo>
                      <a:cubicBezTo>
                        <a:pt x="119347" y="296701"/>
                        <a:pt x="119868" y="299239"/>
                        <a:pt x="118599" y="301093"/>
                      </a:cubicBezTo>
                      <a:cubicBezTo>
                        <a:pt x="113654" y="308511"/>
                        <a:pt x="108774" y="316123"/>
                        <a:pt x="104122" y="323769"/>
                      </a:cubicBezTo>
                      <a:cubicBezTo>
                        <a:pt x="103959" y="324061"/>
                        <a:pt x="103764" y="324289"/>
                        <a:pt x="103536" y="324517"/>
                      </a:cubicBezTo>
                      <a:close/>
                      <a:moveTo>
                        <a:pt x="308397" y="113670"/>
                      </a:moveTo>
                      <a:cubicBezTo>
                        <a:pt x="308201" y="113866"/>
                        <a:pt x="307974" y="114061"/>
                        <a:pt x="307746" y="114191"/>
                      </a:cubicBezTo>
                      <a:cubicBezTo>
                        <a:pt x="300263" y="119038"/>
                        <a:pt x="292781" y="124146"/>
                        <a:pt x="285526" y="129319"/>
                      </a:cubicBezTo>
                      <a:cubicBezTo>
                        <a:pt x="283704" y="130620"/>
                        <a:pt x="281167" y="130197"/>
                        <a:pt x="279865" y="128375"/>
                      </a:cubicBezTo>
                      <a:cubicBezTo>
                        <a:pt x="278564" y="126553"/>
                        <a:pt x="278987" y="124016"/>
                        <a:pt x="280809" y="122715"/>
                      </a:cubicBezTo>
                      <a:cubicBezTo>
                        <a:pt x="288194" y="117477"/>
                        <a:pt x="295741" y="112304"/>
                        <a:pt x="303322" y="107392"/>
                      </a:cubicBezTo>
                      <a:cubicBezTo>
                        <a:pt x="305209" y="106155"/>
                        <a:pt x="307714" y="106708"/>
                        <a:pt x="308950" y="108595"/>
                      </a:cubicBezTo>
                      <a:cubicBezTo>
                        <a:pt x="310023" y="110222"/>
                        <a:pt x="309763" y="112337"/>
                        <a:pt x="308429" y="113670"/>
                      </a:cubicBezTo>
                      <a:close/>
                      <a:moveTo>
                        <a:pt x="133434" y="279751"/>
                      </a:moveTo>
                      <a:cubicBezTo>
                        <a:pt x="132035" y="281150"/>
                        <a:pt x="129823" y="281346"/>
                        <a:pt x="128164" y="280142"/>
                      </a:cubicBezTo>
                      <a:cubicBezTo>
                        <a:pt x="126342" y="278808"/>
                        <a:pt x="125952" y="276270"/>
                        <a:pt x="127285" y="274481"/>
                      </a:cubicBezTo>
                      <a:cubicBezTo>
                        <a:pt x="132588" y="267194"/>
                        <a:pt x="138151" y="259906"/>
                        <a:pt x="143780" y="252814"/>
                      </a:cubicBezTo>
                      <a:cubicBezTo>
                        <a:pt x="145146" y="251057"/>
                        <a:pt x="147716" y="250764"/>
                        <a:pt x="149473" y="252163"/>
                      </a:cubicBezTo>
                      <a:cubicBezTo>
                        <a:pt x="151230" y="253562"/>
                        <a:pt x="151522" y="256100"/>
                        <a:pt x="150124" y="257857"/>
                      </a:cubicBezTo>
                      <a:cubicBezTo>
                        <a:pt x="144560" y="264851"/>
                        <a:pt x="139095" y="272074"/>
                        <a:pt x="133825" y="279263"/>
                      </a:cubicBezTo>
                      <a:cubicBezTo>
                        <a:pt x="133694" y="279426"/>
                        <a:pt x="133564" y="279589"/>
                        <a:pt x="133402" y="279751"/>
                      </a:cubicBezTo>
                      <a:close/>
                      <a:moveTo>
                        <a:pt x="264510" y="144870"/>
                      </a:moveTo>
                      <a:cubicBezTo>
                        <a:pt x="264510" y="144870"/>
                        <a:pt x="264249" y="145097"/>
                        <a:pt x="264119" y="145227"/>
                      </a:cubicBezTo>
                      <a:cubicBezTo>
                        <a:pt x="257060" y="150693"/>
                        <a:pt x="250032" y="156386"/>
                        <a:pt x="243200" y="162112"/>
                      </a:cubicBezTo>
                      <a:cubicBezTo>
                        <a:pt x="241476" y="163543"/>
                        <a:pt x="238906" y="163348"/>
                        <a:pt x="237475" y="161624"/>
                      </a:cubicBezTo>
                      <a:cubicBezTo>
                        <a:pt x="236043" y="159900"/>
                        <a:pt x="236238" y="157362"/>
                        <a:pt x="237963" y="155898"/>
                      </a:cubicBezTo>
                      <a:cubicBezTo>
                        <a:pt x="244892" y="150075"/>
                        <a:pt x="252017" y="144316"/>
                        <a:pt x="259142" y="138786"/>
                      </a:cubicBezTo>
                      <a:cubicBezTo>
                        <a:pt x="260898" y="137419"/>
                        <a:pt x="263469" y="137745"/>
                        <a:pt x="264835" y="139502"/>
                      </a:cubicBezTo>
                      <a:cubicBezTo>
                        <a:pt x="266104" y="141128"/>
                        <a:pt x="265909" y="143438"/>
                        <a:pt x="264510" y="144870"/>
                      </a:cubicBezTo>
                      <a:close/>
                      <a:moveTo>
                        <a:pt x="166911" y="237556"/>
                      </a:moveTo>
                      <a:cubicBezTo>
                        <a:pt x="165414" y="239053"/>
                        <a:pt x="163007" y="239150"/>
                        <a:pt x="161380" y="237751"/>
                      </a:cubicBezTo>
                      <a:cubicBezTo>
                        <a:pt x="159688" y="236287"/>
                        <a:pt x="159493" y="233717"/>
                        <a:pt x="160957" y="232026"/>
                      </a:cubicBezTo>
                      <a:cubicBezTo>
                        <a:pt x="166846" y="225161"/>
                        <a:pt x="172962" y="218362"/>
                        <a:pt x="179143" y="211757"/>
                      </a:cubicBezTo>
                      <a:cubicBezTo>
                        <a:pt x="180640" y="210131"/>
                        <a:pt x="183242" y="210033"/>
                        <a:pt x="184869" y="211562"/>
                      </a:cubicBezTo>
                      <a:cubicBezTo>
                        <a:pt x="186495" y="213091"/>
                        <a:pt x="186593" y="215661"/>
                        <a:pt x="185064" y="217288"/>
                      </a:cubicBezTo>
                      <a:cubicBezTo>
                        <a:pt x="178980" y="223795"/>
                        <a:pt x="172929" y="230529"/>
                        <a:pt x="167106" y="237296"/>
                      </a:cubicBezTo>
                      <a:cubicBezTo>
                        <a:pt x="167041" y="237361"/>
                        <a:pt x="166976" y="237458"/>
                        <a:pt x="166911" y="237524"/>
                      </a:cubicBezTo>
                      <a:close/>
                      <a:moveTo>
                        <a:pt x="223290" y="179550"/>
                      </a:moveTo>
                      <a:cubicBezTo>
                        <a:pt x="223290" y="179550"/>
                        <a:pt x="223193" y="179647"/>
                        <a:pt x="223160" y="179680"/>
                      </a:cubicBezTo>
                      <a:cubicBezTo>
                        <a:pt x="216556" y="185698"/>
                        <a:pt x="210017" y="191912"/>
                        <a:pt x="203640" y="198191"/>
                      </a:cubicBezTo>
                      <a:cubicBezTo>
                        <a:pt x="202046" y="199753"/>
                        <a:pt x="199476" y="199753"/>
                        <a:pt x="197882" y="198159"/>
                      </a:cubicBezTo>
                      <a:cubicBezTo>
                        <a:pt x="196321" y="196565"/>
                        <a:pt x="196255" y="193994"/>
                        <a:pt x="197915" y="192400"/>
                      </a:cubicBezTo>
                      <a:cubicBezTo>
                        <a:pt x="204356" y="186056"/>
                        <a:pt x="210993" y="179745"/>
                        <a:pt x="217662" y="173661"/>
                      </a:cubicBezTo>
                      <a:cubicBezTo>
                        <a:pt x="219321" y="172165"/>
                        <a:pt x="221891" y="172262"/>
                        <a:pt x="223388" y="173921"/>
                      </a:cubicBezTo>
                      <a:cubicBezTo>
                        <a:pt x="224852" y="175548"/>
                        <a:pt x="224787" y="177988"/>
                        <a:pt x="223258" y="179517"/>
                      </a:cubicBezTo>
                      <a:close/>
                    </a:path>
                  </a:pathLst>
                </a:custGeom>
                <a:solidFill>
                  <a:schemeClr val="accent5"/>
                </a:solidFill>
                <a:ln w="0" cap="flat">
                  <a:noFill/>
                  <a:prstDash val="solid"/>
                  <a:miter/>
                </a:ln>
              </p:spPr>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sp>
              <p:nvSpPr>
                <p:cNvPr id="82" name="Free-form: Shape 109">
                  <a:extLst>
                    <a:ext uri="{FF2B5EF4-FFF2-40B4-BE49-F238E27FC236}">
                      <a16:creationId xmlns:a16="http://schemas.microsoft.com/office/drawing/2014/main" id="{56060469-3C1C-0938-4F62-78D38ED04FD1}"/>
                    </a:ext>
                  </a:extLst>
                </p:cNvPr>
                <p:cNvSpPr/>
                <p:nvPr/>
              </p:nvSpPr>
              <p:spPr>
                <a:xfrm>
                  <a:off x="2483463" y="3275392"/>
                  <a:ext cx="900708" cy="900709"/>
                </a:xfrm>
                <a:custGeom>
                  <a:avLst/>
                  <a:gdLst>
                    <a:gd name="connsiteX0" fmla="*/ 214100 w 900708"/>
                    <a:gd name="connsiteY0" fmla="*/ 0 h 900709"/>
                    <a:gd name="connsiteX1" fmla="*/ 0 w 900708"/>
                    <a:gd name="connsiteY1" fmla="*/ 33899 h 900709"/>
                    <a:gd name="connsiteX2" fmla="*/ 39397 w 900708"/>
                    <a:gd name="connsiteY2" fmla="*/ 73297 h 900709"/>
                    <a:gd name="connsiteX3" fmla="*/ 665137 w 900708"/>
                    <a:gd name="connsiteY3" fmla="*/ 235572 h 900709"/>
                    <a:gd name="connsiteX4" fmla="*/ 827412 w 900708"/>
                    <a:gd name="connsiteY4" fmla="*/ 861312 h 900709"/>
                    <a:gd name="connsiteX5" fmla="*/ 866810 w 900708"/>
                    <a:gd name="connsiteY5" fmla="*/ 900709 h 900709"/>
                    <a:gd name="connsiteX6" fmla="*/ 900709 w 900708"/>
                    <a:gd name="connsiteY6" fmla="*/ 686609 h 900709"/>
                    <a:gd name="connsiteX7" fmla="*/ 699622 w 900708"/>
                    <a:gd name="connsiteY7" fmla="*/ 201119 h 900709"/>
                    <a:gd name="connsiteX8" fmla="*/ 214132 w 900708"/>
                    <a:gd name="connsiteY8" fmla="*/ 32 h 9007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00708" h="900709">
                      <a:moveTo>
                        <a:pt x="214100" y="0"/>
                      </a:moveTo>
                      <a:cubicBezTo>
                        <a:pt x="140250" y="0"/>
                        <a:pt x="68189" y="11582"/>
                        <a:pt x="0" y="33899"/>
                      </a:cubicBezTo>
                      <a:lnTo>
                        <a:pt x="39397" y="73297"/>
                      </a:lnTo>
                      <a:cubicBezTo>
                        <a:pt x="254701" y="12363"/>
                        <a:pt x="495998" y="66400"/>
                        <a:pt x="665137" y="235572"/>
                      </a:cubicBezTo>
                      <a:cubicBezTo>
                        <a:pt x="834277" y="404711"/>
                        <a:pt x="888346" y="646008"/>
                        <a:pt x="827412" y="861312"/>
                      </a:cubicBezTo>
                      <a:lnTo>
                        <a:pt x="866810" y="900709"/>
                      </a:lnTo>
                      <a:cubicBezTo>
                        <a:pt x="889095" y="832487"/>
                        <a:pt x="900709" y="760459"/>
                        <a:pt x="900709" y="686609"/>
                      </a:cubicBezTo>
                      <a:cubicBezTo>
                        <a:pt x="900709" y="503221"/>
                        <a:pt x="829299" y="330796"/>
                        <a:pt x="699622" y="201119"/>
                      </a:cubicBezTo>
                      <a:cubicBezTo>
                        <a:pt x="569946" y="71442"/>
                        <a:pt x="397521" y="32"/>
                        <a:pt x="214132" y="32"/>
                      </a:cubicBezTo>
                      <a:close/>
                    </a:path>
                  </a:pathLst>
                </a:custGeom>
                <a:solidFill>
                  <a:srgbClr val="0580A7"/>
                </a:solidFill>
                <a:ln w="0" cap="flat">
                  <a:noFill/>
                  <a:prstDash val="solid"/>
                  <a:miter/>
                </a:ln>
              </p:spPr>
              <p:txBody>
                <a:bodyPr rtlCol="0" anchor="ct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grpSp>
        <p:sp>
          <p:nvSpPr>
            <p:cNvPr id="56" name="Freeform 31">
              <a:extLst>
                <a:ext uri="{FF2B5EF4-FFF2-40B4-BE49-F238E27FC236}">
                  <a16:creationId xmlns:a16="http://schemas.microsoft.com/office/drawing/2014/main" id="{C0D81EE4-43F6-E071-FD28-BA690956AEDB}"/>
                </a:ext>
              </a:extLst>
            </p:cNvPr>
            <p:cNvSpPr>
              <a:spLocks noChangeAspect="1" noEditPoints="1"/>
            </p:cNvSpPr>
            <p:nvPr/>
          </p:nvSpPr>
          <p:spPr bwMode="auto">
            <a:xfrm>
              <a:off x="8454889" y="2632692"/>
              <a:ext cx="286074" cy="282643"/>
            </a:xfrm>
            <a:custGeom>
              <a:avLst/>
              <a:gdLst>
                <a:gd name="T0" fmla="*/ 112 w 224"/>
                <a:gd name="T1" fmla="*/ 32 h 208"/>
                <a:gd name="T2" fmla="*/ 112 w 224"/>
                <a:gd name="T3" fmla="*/ 40 h 208"/>
                <a:gd name="T4" fmla="*/ 100 w 224"/>
                <a:gd name="T5" fmla="*/ 52 h 208"/>
                <a:gd name="T6" fmla="*/ 60 w 224"/>
                <a:gd name="T7" fmla="*/ 52 h 208"/>
                <a:gd name="T8" fmla="*/ 40 w 224"/>
                <a:gd name="T9" fmla="*/ 72 h 208"/>
                <a:gd name="T10" fmla="*/ 40 w 224"/>
                <a:gd name="T11" fmla="*/ 64 h 208"/>
                <a:gd name="T12" fmla="*/ 76 w 224"/>
                <a:gd name="T13" fmla="*/ 40 h 208"/>
                <a:gd name="T14" fmla="*/ 56 w 224"/>
                <a:gd name="T15" fmla="*/ 20 h 208"/>
                <a:gd name="T16" fmla="*/ 88 w 224"/>
                <a:gd name="T17" fmla="*/ 20 h 208"/>
                <a:gd name="T18" fmla="*/ 76 w 224"/>
                <a:gd name="T19" fmla="*/ 8 h 208"/>
                <a:gd name="T20" fmla="*/ 148 w 224"/>
                <a:gd name="T21" fmla="*/ 0 h 208"/>
                <a:gd name="T22" fmla="*/ 148 w 224"/>
                <a:gd name="T23" fmla="*/ 8 h 208"/>
                <a:gd name="T24" fmla="*/ 136 w 224"/>
                <a:gd name="T25" fmla="*/ 20 h 208"/>
                <a:gd name="T26" fmla="*/ 211 w 224"/>
                <a:gd name="T27" fmla="*/ 75 h 208"/>
                <a:gd name="T28" fmla="*/ 184 w 224"/>
                <a:gd name="T29" fmla="*/ 86 h 208"/>
                <a:gd name="T30" fmla="*/ 157 w 224"/>
                <a:gd name="T31" fmla="*/ 75 h 208"/>
                <a:gd name="T32" fmla="*/ 140 w 224"/>
                <a:gd name="T33" fmla="*/ 75 h 208"/>
                <a:gd name="T34" fmla="*/ 125 w 224"/>
                <a:gd name="T35" fmla="*/ 73 h 208"/>
                <a:gd name="T36" fmla="*/ 95 w 224"/>
                <a:gd name="T37" fmla="*/ 72 h 208"/>
                <a:gd name="T38" fmla="*/ 76 w 224"/>
                <a:gd name="T39" fmla="*/ 81 h 208"/>
                <a:gd name="T40" fmla="*/ 57 w 224"/>
                <a:gd name="T41" fmla="*/ 72 h 208"/>
                <a:gd name="T42" fmla="*/ 27 w 224"/>
                <a:gd name="T43" fmla="*/ 73 h 208"/>
                <a:gd name="T44" fmla="*/ 12 w 224"/>
                <a:gd name="T45" fmla="*/ 75 h 208"/>
                <a:gd name="T46" fmla="*/ 16 w 224"/>
                <a:gd name="T47" fmla="*/ 152 h 208"/>
                <a:gd name="T48" fmla="*/ 20 w 224"/>
                <a:gd name="T49" fmla="*/ 208 h 208"/>
                <a:gd name="T50" fmla="*/ 64 w 224"/>
                <a:gd name="T51" fmla="*/ 204 h 208"/>
                <a:gd name="T52" fmla="*/ 88 w 224"/>
                <a:gd name="T53" fmla="*/ 152 h 208"/>
                <a:gd name="T54" fmla="*/ 92 w 224"/>
                <a:gd name="T55" fmla="*/ 208 h 208"/>
                <a:gd name="T56" fmla="*/ 136 w 224"/>
                <a:gd name="T57" fmla="*/ 204 h 208"/>
                <a:gd name="T58" fmla="*/ 160 w 224"/>
                <a:gd name="T59" fmla="*/ 152 h 208"/>
                <a:gd name="T60" fmla="*/ 164 w 224"/>
                <a:gd name="T61" fmla="*/ 208 h 208"/>
                <a:gd name="T62" fmla="*/ 208 w 224"/>
                <a:gd name="T63" fmla="*/ 204 h 208"/>
                <a:gd name="T64" fmla="*/ 224 w 224"/>
                <a:gd name="T65" fmla="*/ 92 h 208"/>
                <a:gd name="T66" fmla="*/ 64 w 224"/>
                <a:gd name="T67" fmla="*/ 143 h 208"/>
                <a:gd name="T68" fmla="*/ 56 w 224"/>
                <a:gd name="T69" fmla="*/ 100 h 208"/>
                <a:gd name="T70" fmla="*/ 44 w 224"/>
                <a:gd name="T71" fmla="*/ 140 h 208"/>
                <a:gd name="T72" fmla="*/ 36 w 224"/>
                <a:gd name="T73" fmla="*/ 200 h 208"/>
                <a:gd name="T74" fmla="*/ 20 w 224"/>
                <a:gd name="T75" fmla="*/ 96 h 208"/>
                <a:gd name="T76" fmla="*/ 8 w 224"/>
                <a:gd name="T77" fmla="*/ 132 h 208"/>
                <a:gd name="T78" fmla="*/ 23 w 224"/>
                <a:gd name="T79" fmla="*/ 80 h 208"/>
                <a:gd name="T80" fmla="*/ 43 w 224"/>
                <a:gd name="T81" fmla="*/ 95 h 208"/>
                <a:gd name="T82" fmla="*/ 72 w 224"/>
                <a:gd name="T83" fmla="*/ 92 h 208"/>
                <a:gd name="T84" fmla="*/ 136 w 224"/>
                <a:gd name="T85" fmla="*/ 143 h 208"/>
                <a:gd name="T86" fmla="*/ 128 w 224"/>
                <a:gd name="T87" fmla="*/ 100 h 208"/>
                <a:gd name="T88" fmla="*/ 116 w 224"/>
                <a:gd name="T89" fmla="*/ 140 h 208"/>
                <a:gd name="T90" fmla="*/ 108 w 224"/>
                <a:gd name="T91" fmla="*/ 200 h 208"/>
                <a:gd name="T92" fmla="*/ 92 w 224"/>
                <a:gd name="T93" fmla="*/ 96 h 208"/>
                <a:gd name="T94" fmla="*/ 80 w 224"/>
                <a:gd name="T95" fmla="*/ 132 h 208"/>
                <a:gd name="T96" fmla="*/ 95 w 224"/>
                <a:gd name="T97" fmla="*/ 80 h 208"/>
                <a:gd name="T98" fmla="*/ 115 w 224"/>
                <a:gd name="T99" fmla="*/ 95 h 208"/>
                <a:gd name="T100" fmla="*/ 144 w 224"/>
                <a:gd name="T101" fmla="*/ 92 h 208"/>
                <a:gd name="T102" fmla="*/ 208 w 224"/>
                <a:gd name="T103" fmla="*/ 100 h 208"/>
                <a:gd name="T104" fmla="*/ 200 w 224"/>
                <a:gd name="T105" fmla="*/ 200 h 208"/>
                <a:gd name="T106" fmla="*/ 184 w 224"/>
                <a:gd name="T107" fmla="*/ 136 h 208"/>
                <a:gd name="T108" fmla="*/ 168 w 224"/>
                <a:gd name="T109" fmla="*/ 200 h 208"/>
                <a:gd name="T110" fmla="*/ 160 w 224"/>
                <a:gd name="T111" fmla="*/ 100 h 208"/>
                <a:gd name="T112" fmla="*/ 152 w 224"/>
                <a:gd name="T113" fmla="*/ 92 h 208"/>
                <a:gd name="T114" fmla="*/ 181 w 224"/>
                <a:gd name="T115" fmla="*/ 95 h 208"/>
                <a:gd name="T116" fmla="*/ 201 w 224"/>
                <a:gd name="T117" fmla="*/ 80 h 208"/>
                <a:gd name="T118" fmla="*/ 216 w 224"/>
                <a:gd name="T119" fmla="*/ 132 h 208"/>
                <a:gd name="T120" fmla="*/ 204 w 224"/>
                <a:gd name="T121" fmla="*/ 52 h 208"/>
                <a:gd name="T122" fmla="*/ 184 w 224"/>
                <a:gd name="T123" fmla="*/ 72 h 208"/>
                <a:gd name="T124" fmla="*/ 184 w 224"/>
                <a:gd name="T125" fmla="*/ 6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24" h="208">
                  <a:moveTo>
                    <a:pt x="112" y="72"/>
                  </a:moveTo>
                  <a:cubicBezTo>
                    <a:pt x="123" y="72"/>
                    <a:pt x="132" y="63"/>
                    <a:pt x="132" y="52"/>
                  </a:cubicBezTo>
                  <a:cubicBezTo>
                    <a:pt x="132" y="41"/>
                    <a:pt x="123" y="32"/>
                    <a:pt x="112" y="32"/>
                  </a:cubicBezTo>
                  <a:cubicBezTo>
                    <a:pt x="101" y="32"/>
                    <a:pt x="92" y="41"/>
                    <a:pt x="92" y="52"/>
                  </a:cubicBezTo>
                  <a:cubicBezTo>
                    <a:pt x="92" y="63"/>
                    <a:pt x="101" y="72"/>
                    <a:pt x="112" y="72"/>
                  </a:cubicBezTo>
                  <a:close/>
                  <a:moveTo>
                    <a:pt x="112" y="40"/>
                  </a:moveTo>
                  <a:cubicBezTo>
                    <a:pt x="119" y="40"/>
                    <a:pt x="124" y="45"/>
                    <a:pt x="124" y="52"/>
                  </a:cubicBezTo>
                  <a:cubicBezTo>
                    <a:pt x="124" y="59"/>
                    <a:pt x="119" y="64"/>
                    <a:pt x="112" y="64"/>
                  </a:cubicBezTo>
                  <a:cubicBezTo>
                    <a:pt x="105" y="64"/>
                    <a:pt x="100" y="59"/>
                    <a:pt x="100" y="52"/>
                  </a:cubicBezTo>
                  <a:cubicBezTo>
                    <a:pt x="100" y="45"/>
                    <a:pt x="105" y="40"/>
                    <a:pt x="112" y="40"/>
                  </a:cubicBezTo>
                  <a:close/>
                  <a:moveTo>
                    <a:pt x="40" y="72"/>
                  </a:moveTo>
                  <a:cubicBezTo>
                    <a:pt x="51" y="72"/>
                    <a:pt x="60" y="63"/>
                    <a:pt x="60" y="52"/>
                  </a:cubicBezTo>
                  <a:cubicBezTo>
                    <a:pt x="60" y="41"/>
                    <a:pt x="51" y="32"/>
                    <a:pt x="40" y="32"/>
                  </a:cubicBezTo>
                  <a:cubicBezTo>
                    <a:pt x="29" y="32"/>
                    <a:pt x="20" y="41"/>
                    <a:pt x="20" y="52"/>
                  </a:cubicBezTo>
                  <a:cubicBezTo>
                    <a:pt x="20" y="63"/>
                    <a:pt x="29" y="72"/>
                    <a:pt x="40" y="72"/>
                  </a:cubicBezTo>
                  <a:close/>
                  <a:moveTo>
                    <a:pt x="40" y="40"/>
                  </a:moveTo>
                  <a:cubicBezTo>
                    <a:pt x="47" y="40"/>
                    <a:pt x="52" y="45"/>
                    <a:pt x="52" y="52"/>
                  </a:cubicBezTo>
                  <a:cubicBezTo>
                    <a:pt x="52" y="59"/>
                    <a:pt x="47" y="64"/>
                    <a:pt x="40" y="64"/>
                  </a:cubicBezTo>
                  <a:cubicBezTo>
                    <a:pt x="33" y="64"/>
                    <a:pt x="28" y="59"/>
                    <a:pt x="28" y="52"/>
                  </a:cubicBezTo>
                  <a:cubicBezTo>
                    <a:pt x="28" y="45"/>
                    <a:pt x="33" y="40"/>
                    <a:pt x="40" y="40"/>
                  </a:cubicBezTo>
                  <a:close/>
                  <a:moveTo>
                    <a:pt x="76" y="40"/>
                  </a:moveTo>
                  <a:cubicBezTo>
                    <a:pt x="87" y="40"/>
                    <a:pt x="96" y="31"/>
                    <a:pt x="96" y="20"/>
                  </a:cubicBezTo>
                  <a:cubicBezTo>
                    <a:pt x="96" y="9"/>
                    <a:pt x="87" y="0"/>
                    <a:pt x="76" y="0"/>
                  </a:cubicBezTo>
                  <a:cubicBezTo>
                    <a:pt x="65" y="0"/>
                    <a:pt x="56" y="9"/>
                    <a:pt x="56" y="20"/>
                  </a:cubicBezTo>
                  <a:cubicBezTo>
                    <a:pt x="56" y="31"/>
                    <a:pt x="65" y="40"/>
                    <a:pt x="76" y="40"/>
                  </a:cubicBezTo>
                  <a:close/>
                  <a:moveTo>
                    <a:pt x="76" y="8"/>
                  </a:moveTo>
                  <a:cubicBezTo>
                    <a:pt x="83" y="8"/>
                    <a:pt x="88" y="13"/>
                    <a:pt x="88" y="20"/>
                  </a:cubicBezTo>
                  <a:cubicBezTo>
                    <a:pt x="88" y="27"/>
                    <a:pt x="83" y="32"/>
                    <a:pt x="76" y="32"/>
                  </a:cubicBezTo>
                  <a:cubicBezTo>
                    <a:pt x="69" y="32"/>
                    <a:pt x="64" y="27"/>
                    <a:pt x="64" y="20"/>
                  </a:cubicBezTo>
                  <a:cubicBezTo>
                    <a:pt x="64" y="13"/>
                    <a:pt x="69" y="8"/>
                    <a:pt x="76" y="8"/>
                  </a:cubicBezTo>
                  <a:close/>
                  <a:moveTo>
                    <a:pt x="148" y="40"/>
                  </a:moveTo>
                  <a:cubicBezTo>
                    <a:pt x="159" y="40"/>
                    <a:pt x="168" y="31"/>
                    <a:pt x="168" y="20"/>
                  </a:cubicBezTo>
                  <a:cubicBezTo>
                    <a:pt x="168" y="9"/>
                    <a:pt x="159" y="0"/>
                    <a:pt x="148" y="0"/>
                  </a:cubicBezTo>
                  <a:cubicBezTo>
                    <a:pt x="137" y="0"/>
                    <a:pt x="128" y="9"/>
                    <a:pt x="128" y="20"/>
                  </a:cubicBezTo>
                  <a:cubicBezTo>
                    <a:pt x="128" y="31"/>
                    <a:pt x="137" y="40"/>
                    <a:pt x="148" y="40"/>
                  </a:cubicBezTo>
                  <a:close/>
                  <a:moveTo>
                    <a:pt x="148" y="8"/>
                  </a:moveTo>
                  <a:cubicBezTo>
                    <a:pt x="155" y="8"/>
                    <a:pt x="160" y="13"/>
                    <a:pt x="160" y="20"/>
                  </a:cubicBezTo>
                  <a:cubicBezTo>
                    <a:pt x="160" y="27"/>
                    <a:pt x="155" y="32"/>
                    <a:pt x="148" y="32"/>
                  </a:cubicBezTo>
                  <a:cubicBezTo>
                    <a:pt x="141" y="32"/>
                    <a:pt x="136" y="27"/>
                    <a:pt x="136" y="20"/>
                  </a:cubicBezTo>
                  <a:cubicBezTo>
                    <a:pt x="136" y="13"/>
                    <a:pt x="141" y="8"/>
                    <a:pt x="148" y="8"/>
                  </a:cubicBezTo>
                  <a:close/>
                  <a:moveTo>
                    <a:pt x="212" y="75"/>
                  </a:moveTo>
                  <a:cubicBezTo>
                    <a:pt x="211" y="75"/>
                    <a:pt x="211" y="75"/>
                    <a:pt x="211" y="75"/>
                  </a:cubicBezTo>
                  <a:cubicBezTo>
                    <a:pt x="201" y="72"/>
                    <a:pt x="201" y="72"/>
                    <a:pt x="201" y="72"/>
                  </a:cubicBezTo>
                  <a:cubicBezTo>
                    <a:pt x="200" y="72"/>
                    <a:pt x="198" y="72"/>
                    <a:pt x="197" y="73"/>
                  </a:cubicBezTo>
                  <a:cubicBezTo>
                    <a:pt x="184" y="86"/>
                    <a:pt x="184" y="86"/>
                    <a:pt x="184" y="86"/>
                  </a:cubicBezTo>
                  <a:cubicBezTo>
                    <a:pt x="171" y="73"/>
                    <a:pt x="171" y="73"/>
                    <a:pt x="171" y="73"/>
                  </a:cubicBezTo>
                  <a:cubicBezTo>
                    <a:pt x="170" y="72"/>
                    <a:pt x="168" y="72"/>
                    <a:pt x="167" y="72"/>
                  </a:cubicBezTo>
                  <a:cubicBezTo>
                    <a:pt x="157" y="75"/>
                    <a:pt x="157" y="75"/>
                    <a:pt x="157" y="75"/>
                  </a:cubicBezTo>
                  <a:cubicBezTo>
                    <a:pt x="156" y="75"/>
                    <a:pt x="156" y="75"/>
                    <a:pt x="156" y="75"/>
                  </a:cubicBezTo>
                  <a:cubicBezTo>
                    <a:pt x="153" y="76"/>
                    <a:pt x="150" y="78"/>
                    <a:pt x="148" y="81"/>
                  </a:cubicBezTo>
                  <a:cubicBezTo>
                    <a:pt x="146" y="78"/>
                    <a:pt x="143" y="76"/>
                    <a:pt x="140" y="75"/>
                  </a:cubicBezTo>
                  <a:cubicBezTo>
                    <a:pt x="139" y="75"/>
                    <a:pt x="139" y="75"/>
                    <a:pt x="139" y="75"/>
                  </a:cubicBezTo>
                  <a:cubicBezTo>
                    <a:pt x="129" y="72"/>
                    <a:pt x="129" y="72"/>
                    <a:pt x="129" y="72"/>
                  </a:cubicBezTo>
                  <a:cubicBezTo>
                    <a:pt x="128" y="72"/>
                    <a:pt x="126" y="72"/>
                    <a:pt x="125" y="73"/>
                  </a:cubicBezTo>
                  <a:cubicBezTo>
                    <a:pt x="112" y="86"/>
                    <a:pt x="112" y="86"/>
                    <a:pt x="112" y="86"/>
                  </a:cubicBezTo>
                  <a:cubicBezTo>
                    <a:pt x="99" y="73"/>
                    <a:pt x="99" y="73"/>
                    <a:pt x="99" y="73"/>
                  </a:cubicBezTo>
                  <a:cubicBezTo>
                    <a:pt x="98" y="72"/>
                    <a:pt x="96" y="72"/>
                    <a:pt x="95" y="72"/>
                  </a:cubicBezTo>
                  <a:cubicBezTo>
                    <a:pt x="85" y="75"/>
                    <a:pt x="85" y="75"/>
                    <a:pt x="85" y="75"/>
                  </a:cubicBezTo>
                  <a:cubicBezTo>
                    <a:pt x="84" y="75"/>
                    <a:pt x="84" y="75"/>
                    <a:pt x="84" y="75"/>
                  </a:cubicBezTo>
                  <a:cubicBezTo>
                    <a:pt x="81" y="76"/>
                    <a:pt x="78" y="78"/>
                    <a:pt x="76" y="81"/>
                  </a:cubicBezTo>
                  <a:cubicBezTo>
                    <a:pt x="74" y="78"/>
                    <a:pt x="71" y="76"/>
                    <a:pt x="68" y="75"/>
                  </a:cubicBezTo>
                  <a:cubicBezTo>
                    <a:pt x="67" y="75"/>
                    <a:pt x="67" y="75"/>
                    <a:pt x="67" y="75"/>
                  </a:cubicBezTo>
                  <a:cubicBezTo>
                    <a:pt x="57" y="72"/>
                    <a:pt x="57" y="72"/>
                    <a:pt x="57" y="72"/>
                  </a:cubicBezTo>
                  <a:cubicBezTo>
                    <a:pt x="56" y="72"/>
                    <a:pt x="54" y="72"/>
                    <a:pt x="53" y="73"/>
                  </a:cubicBezTo>
                  <a:cubicBezTo>
                    <a:pt x="40" y="86"/>
                    <a:pt x="40" y="86"/>
                    <a:pt x="40" y="86"/>
                  </a:cubicBezTo>
                  <a:cubicBezTo>
                    <a:pt x="27" y="73"/>
                    <a:pt x="27" y="73"/>
                    <a:pt x="27" y="73"/>
                  </a:cubicBezTo>
                  <a:cubicBezTo>
                    <a:pt x="26" y="72"/>
                    <a:pt x="24" y="72"/>
                    <a:pt x="23" y="72"/>
                  </a:cubicBezTo>
                  <a:cubicBezTo>
                    <a:pt x="13" y="75"/>
                    <a:pt x="13" y="75"/>
                    <a:pt x="13" y="75"/>
                  </a:cubicBezTo>
                  <a:cubicBezTo>
                    <a:pt x="12" y="75"/>
                    <a:pt x="12" y="75"/>
                    <a:pt x="12" y="75"/>
                  </a:cubicBezTo>
                  <a:cubicBezTo>
                    <a:pt x="5" y="77"/>
                    <a:pt x="0" y="84"/>
                    <a:pt x="0" y="92"/>
                  </a:cubicBezTo>
                  <a:cubicBezTo>
                    <a:pt x="0" y="132"/>
                    <a:pt x="0" y="132"/>
                    <a:pt x="0" y="132"/>
                  </a:cubicBezTo>
                  <a:cubicBezTo>
                    <a:pt x="0" y="142"/>
                    <a:pt x="7" y="150"/>
                    <a:pt x="16" y="152"/>
                  </a:cubicBezTo>
                  <a:cubicBezTo>
                    <a:pt x="16" y="204"/>
                    <a:pt x="16" y="204"/>
                    <a:pt x="16" y="204"/>
                  </a:cubicBezTo>
                  <a:cubicBezTo>
                    <a:pt x="16" y="205"/>
                    <a:pt x="16" y="206"/>
                    <a:pt x="17" y="207"/>
                  </a:cubicBezTo>
                  <a:cubicBezTo>
                    <a:pt x="18" y="208"/>
                    <a:pt x="19" y="208"/>
                    <a:pt x="20" y="208"/>
                  </a:cubicBezTo>
                  <a:cubicBezTo>
                    <a:pt x="60" y="208"/>
                    <a:pt x="60" y="208"/>
                    <a:pt x="60" y="208"/>
                  </a:cubicBezTo>
                  <a:cubicBezTo>
                    <a:pt x="61" y="208"/>
                    <a:pt x="62" y="208"/>
                    <a:pt x="63" y="207"/>
                  </a:cubicBezTo>
                  <a:cubicBezTo>
                    <a:pt x="64" y="206"/>
                    <a:pt x="64" y="205"/>
                    <a:pt x="64" y="204"/>
                  </a:cubicBezTo>
                  <a:cubicBezTo>
                    <a:pt x="64" y="152"/>
                    <a:pt x="64" y="152"/>
                    <a:pt x="64" y="152"/>
                  </a:cubicBezTo>
                  <a:cubicBezTo>
                    <a:pt x="69" y="151"/>
                    <a:pt x="73" y="148"/>
                    <a:pt x="76" y="144"/>
                  </a:cubicBezTo>
                  <a:cubicBezTo>
                    <a:pt x="79" y="148"/>
                    <a:pt x="83" y="151"/>
                    <a:pt x="88" y="152"/>
                  </a:cubicBezTo>
                  <a:cubicBezTo>
                    <a:pt x="88" y="204"/>
                    <a:pt x="88" y="204"/>
                    <a:pt x="88" y="204"/>
                  </a:cubicBezTo>
                  <a:cubicBezTo>
                    <a:pt x="88" y="205"/>
                    <a:pt x="88" y="206"/>
                    <a:pt x="89" y="207"/>
                  </a:cubicBezTo>
                  <a:cubicBezTo>
                    <a:pt x="90" y="208"/>
                    <a:pt x="91" y="208"/>
                    <a:pt x="92" y="208"/>
                  </a:cubicBezTo>
                  <a:cubicBezTo>
                    <a:pt x="132" y="208"/>
                    <a:pt x="132" y="208"/>
                    <a:pt x="132" y="208"/>
                  </a:cubicBezTo>
                  <a:cubicBezTo>
                    <a:pt x="133" y="208"/>
                    <a:pt x="134" y="208"/>
                    <a:pt x="135" y="207"/>
                  </a:cubicBezTo>
                  <a:cubicBezTo>
                    <a:pt x="136" y="206"/>
                    <a:pt x="136" y="205"/>
                    <a:pt x="136" y="204"/>
                  </a:cubicBezTo>
                  <a:cubicBezTo>
                    <a:pt x="136" y="152"/>
                    <a:pt x="136" y="152"/>
                    <a:pt x="136" y="152"/>
                  </a:cubicBezTo>
                  <a:cubicBezTo>
                    <a:pt x="141" y="151"/>
                    <a:pt x="145" y="148"/>
                    <a:pt x="148" y="144"/>
                  </a:cubicBezTo>
                  <a:cubicBezTo>
                    <a:pt x="151" y="148"/>
                    <a:pt x="155" y="151"/>
                    <a:pt x="160" y="152"/>
                  </a:cubicBezTo>
                  <a:cubicBezTo>
                    <a:pt x="160" y="204"/>
                    <a:pt x="160" y="204"/>
                    <a:pt x="160" y="204"/>
                  </a:cubicBezTo>
                  <a:cubicBezTo>
                    <a:pt x="160" y="205"/>
                    <a:pt x="160" y="206"/>
                    <a:pt x="161" y="207"/>
                  </a:cubicBezTo>
                  <a:cubicBezTo>
                    <a:pt x="162" y="208"/>
                    <a:pt x="163" y="208"/>
                    <a:pt x="164" y="208"/>
                  </a:cubicBezTo>
                  <a:cubicBezTo>
                    <a:pt x="204" y="208"/>
                    <a:pt x="204" y="208"/>
                    <a:pt x="204" y="208"/>
                  </a:cubicBezTo>
                  <a:cubicBezTo>
                    <a:pt x="205" y="208"/>
                    <a:pt x="206" y="208"/>
                    <a:pt x="207" y="207"/>
                  </a:cubicBezTo>
                  <a:cubicBezTo>
                    <a:pt x="208" y="206"/>
                    <a:pt x="208" y="205"/>
                    <a:pt x="208" y="204"/>
                  </a:cubicBezTo>
                  <a:cubicBezTo>
                    <a:pt x="208" y="152"/>
                    <a:pt x="208" y="152"/>
                    <a:pt x="208" y="152"/>
                  </a:cubicBezTo>
                  <a:cubicBezTo>
                    <a:pt x="217" y="150"/>
                    <a:pt x="224" y="142"/>
                    <a:pt x="224" y="132"/>
                  </a:cubicBezTo>
                  <a:cubicBezTo>
                    <a:pt x="224" y="92"/>
                    <a:pt x="224" y="92"/>
                    <a:pt x="224" y="92"/>
                  </a:cubicBezTo>
                  <a:cubicBezTo>
                    <a:pt x="224" y="84"/>
                    <a:pt x="219" y="77"/>
                    <a:pt x="212" y="75"/>
                  </a:cubicBezTo>
                  <a:close/>
                  <a:moveTo>
                    <a:pt x="72" y="132"/>
                  </a:moveTo>
                  <a:cubicBezTo>
                    <a:pt x="72" y="137"/>
                    <a:pt x="69" y="142"/>
                    <a:pt x="64" y="143"/>
                  </a:cubicBezTo>
                  <a:cubicBezTo>
                    <a:pt x="64" y="100"/>
                    <a:pt x="64" y="100"/>
                    <a:pt x="64" y="100"/>
                  </a:cubicBezTo>
                  <a:cubicBezTo>
                    <a:pt x="64" y="98"/>
                    <a:pt x="62" y="96"/>
                    <a:pt x="60" y="96"/>
                  </a:cubicBezTo>
                  <a:cubicBezTo>
                    <a:pt x="58" y="96"/>
                    <a:pt x="56" y="98"/>
                    <a:pt x="56" y="100"/>
                  </a:cubicBezTo>
                  <a:cubicBezTo>
                    <a:pt x="56" y="200"/>
                    <a:pt x="56" y="200"/>
                    <a:pt x="56" y="200"/>
                  </a:cubicBezTo>
                  <a:cubicBezTo>
                    <a:pt x="44" y="200"/>
                    <a:pt x="44" y="200"/>
                    <a:pt x="44" y="200"/>
                  </a:cubicBezTo>
                  <a:cubicBezTo>
                    <a:pt x="44" y="140"/>
                    <a:pt x="44" y="140"/>
                    <a:pt x="44" y="140"/>
                  </a:cubicBezTo>
                  <a:cubicBezTo>
                    <a:pt x="44" y="138"/>
                    <a:pt x="42" y="136"/>
                    <a:pt x="40" y="136"/>
                  </a:cubicBezTo>
                  <a:cubicBezTo>
                    <a:pt x="38" y="136"/>
                    <a:pt x="36" y="138"/>
                    <a:pt x="36" y="140"/>
                  </a:cubicBezTo>
                  <a:cubicBezTo>
                    <a:pt x="36" y="200"/>
                    <a:pt x="36" y="200"/>
                    <a:pt x="36" y="200"/>
                  </a:cubicBezTo>
                  <a:cubicBezTo>
                    <a:pt x="24" y="200"/>
                    <a:pt x="24" y="200"/>
                    <a:pt x="24" y="200"/>
                  </a:cubicBezTo>
                  <a:cubicBezTo>
                    <a:pt x="24" y="100"/>
                    <a:pt x="24" y="100"/>
                    <a:pt x="24" y="100"/>
                  </a:cubicBezTo>
                  <a:cubicBezTo>
                    <a:pt x="24" y="98"/>
                    <a:pt x="22" y="96"/>
                    <a:pt x="20" y="96"/>
                  </a:cubicBezTo>
                  <a:cubicBezTo>
                    <a:pt x="18" y="96"/>
                    <a:pt x="16" y="98"/>
                    <a:pt x="16" y="100"/>
                  </a:cubicBezTo>
                  <a:cubicBezTo>
                    <a:pt x="16" y="143"/>
                    <a:pt x="16" y="143"/>
                    <a:pt x="16" y="143"/>
                  </a:cubicBezTo>
                  <a:cubicBezTo>
                    <a:pt x="11" y="142"/>
                    <a:pt x="8" y="137"/>
                    <a:pt x="8" y="132"/>
                  </a:cubicBezTo>
                  <a:cubicBezTo>
                    <a:pt x="8" y="92"/>
                    <a:pt x="8" y="92"/>
                    <a:pt x="8" y="92"/>
                  </a:cubicBezTo>
                  <a:cubicBezTo>
                    <a:pt x="8" y="88"/>
                    <a:pt x="11" y="84"/>
                    <a:pt x="15" y="82"/>
                  </a:cubicBezTo>
                  <a:cubicBezTo>
                    <a:pt x="23" y="80"/>
                    <a:pt x="23" y="80"/>
                    <a:pt x="23" y="80"/>
                  </a:cubicBezTo>
                  <a:cubicBezTo>
                    <a:pt x="37" y="95"/>
                    <a:pt x="37" y="95"/>
                    <a:pt x="37" y="95"/>
                  </a:cubicBezTo>
                  <a:cubicBezTo>
                    <a:pt x="38" y="96"/>
                    <a:pt x="39" y="96"/>
                    <a:pt x="40" y="96"/>
                  </a:cubicBezTo>
                  <a:cubicBezTo>
                    <a:pt x="41" y="96"/>
                    <a:pt x="42" y="96"/>
                    <a:pt x="43" y="95"/>
                  </a:cubicBezTo>
                  <a:cubicBezTo>
                    <a:pt x="57" y="80"/>
                    <a:pt x="57" y="80"/>
                    <a:pt x="57" y="80"/>
                  </a:cubicBezTo>
                  <a:cubicBezTo>
                    <a:pt x="65" y="82"/>
                    <a:pt x="65" y="82"/>
                    <a:pt x="65" y="82"/>
                  </a:cubicBezTo>
                  <a:cubicBezTo>
                    <a:pt x="69" y="84"/>
                    <a:pt x="72" y="88"/>
                    <a:pt x="72" y="92"/>
                  </a:cubicBezTo>
                  <a:lnTo>
                    <a:pt x="72" y="132"/>
                  </a:lnTo>
                  <a:close/>
                  <a:moveTo>
                    <a:pt x="144" y="132"/>
                  </a:moveTo>
                  <a:cubicBezTo>
                    <a:pt x="144" y="137"/>
                    <a:pt x="141" y="142"/>
                    <a:pt x="136" y="143"/>
                  </a:cubicBezTo>
                  <a:cubicBezTo>
                    <a:pt x="136" y="100"/>
                    <a:pt x="136" y="100"/>
                    <a:pt x="136" y="100"/>
                  </a:cubicBezTo>
                  <a:cubicBezTo>
                    <a:pt x="136" y="98"/>
                    <a:pt x="134" y="96"/>
                    <a:pt x="132" y="96"/>
                  </a:cubicBezTo>
                  <a:cubicBezTo>
                    <a:pt x="130" y="96"/>
                    <a:pt x="128" y="98"/>
                    <a:pt x="128" y="100"/>
                  </a:cubicBezTo>
                  <a:cubicBezTo>
                    <a:pt x="128" y="200"/>
                    <a:pt x="128" y="200"/>
                    <a:pt x="128" y="200"/>
                  </a:cubicBezTo>
                  <a:cubicBezTo>
                    <a:pt x="116" y="200"/>
                    <a:pt x="116" y="200"/>
                    <a:pt x="116" y="200"/>
                  </a:cubicBezTo>
                  <a:cubicBezTo>
                    <a:pt x="116" y="140"/>
                    <a:pt x="116" y="140"/>
                    <a:pt x="116" y="140"/>
                  </a:cubicBezTo>
                  <a:cubicBezTo>
                    <a:pt x="116" y="138"/>
                    <a:pt x="114" y="136"/>
                    <a:pt x="112" y="136"/>
                  </a:cubicBezTo>
                  <a:cubicBezTo>
                    <a:pt x="110" y="136"/>
                    <a:pt x="108" y="138"/>
                    <a:pt x="108" y="140"/>
                  </a:cubicBezTo>
                  <a:cubicBezTo>
                    <a:pt x="108" y="200"/>
                    <a:pt x="108" y="200"/>
                    <a:pt x="108" y="200"/>
                  </a:cubicBezTo>
                  <a:cubicBezTo>
                    <a:pt x="96" y="200"/>
                    <a:pt x="96" y="200"/>
                    <a:pt x="96" y="200"/>
                  </a:cubicBezTo>
                  <a:cubicBezTo>
                    <a:pt x="96" y="100"/>
                    <a:pt x="96" y="100"/>
                    <a:pt x="96" y="100"/>
                  </a:cubicBezTo>
                  <a:cubicBezTo>
                    <a:pt x="96" y="98"/>
                    <a:pt x="94" y="96"/>
                    <a:pt x="92" y="96"/>
                  </a:cubicBezTo>
                  <a:cubicBezTo>
                    <a:pt x="90" y="96"/>
                    <a:pt x="88" y="98"/>
                    <a:pt x="88" y="100"/>
                  </a:cubicBezTo>
                  <a:cubicBezTo>
                    <a:pt x="88" y="143"/>
                    <a:pt x="88" y="143"/>
                    <a:pt x="88" y="143"/>
                  </a:cubicBezTo>
                  <a:cubicBezTo>
                    <a:pt x="83" y="142"/>
                    <a:pt x="80" y="137"/>
                    <a:pt x="80" y="132"/>
                  </a:cubicBezTo>
                  <a:cubicBezTo>
                    <a:pt x="80" y="92"/>
                    <a:pt x="80" y="92"/>
                    <a:pt x="80" y="92"/>
                  </a:cubicBezTo>
                  <a:cubicBezTo>
                    <a:pt x="80" y="88"/>
                    <a:pt x="83" y="84"/>
                    <a:pt x="87" y="82"/>
                  </a:cubicBezTo>
                  <a:cubicBezTo>
                    <a:pt x="95" y="80"/>
                    <a:pt x="95" y="80"/>
                    <a:pt x="95" y="80"/>
                  </a:cubicBezTo>
                  <a:cubicBezTo>
                    <a:pt x="109" y="95"/>
                    <a:pt x="109" y="95"/>
                    <a:pt x="109" y="95"/>
                  </a:cubicBezTo>
                  <a:cubicBezTo>
                    <a:pt x="110" y="96"/>
                    <a:pt x="111" y="96"/>
                    <a:pt x="112" y="96"/>
                  </a:cubicBezTo>
                  <a:cubicBezTo>
                    <a:pt x="113" y="96"/>
                    <a:pt x="114" y="96"/>
                    <a:pt x="115" y="95"/>
                  </a:cubicBezTo>
                  <a:cubicBezTo>
                    <a:pt x="129" y="80"/>
                    <a:pt x="129" y="80"/>
                    <a:pt x="129" y="80"/>
                  </a:cubicBezTo>
                  <a:cubicBezTo>
                    <a:pt x="137" y="82"/>
                    <a:pt x="137" y="82"/>
                    <a:pt x="137" y="82"/>
                  </a:cubicBezTo>
                  <a:cubicBezTo>
                    <a:pt x="141" y="84"/>
                    <a:pt x="144" y="88"/>
                    <a:pt x="144" y="92"/>
                  </a:cubicBezTo>
                  <a:lnTo>
                    <a:pt x="144" y="132"/>
                  </a:lnTo>
                  <a:close/>
                  <a:moveTo>
                    <a:pt x="208" y="143"/>
                  </a:moveTo>
                  <a:cubicBezTo>
                    <a:pt x="208" y="100"/>
                    <a:pt x="208" y="100"/>
                    <a:pt x="208" y="100"/>
                  </a:cubicBezTo>
                  <a:cubicBezTo>
                    <a:pt x="208" y="98"/>
                    <a:pt x="206" y="96"/>
                    <a:pt x="204" y="96"/>
                  </a:cubicBezTo>
                  <a:cubicBezTo>
                    <a:pt x="202" y="96"/>
                    <a:pt x="200" y="98"/>
                    <a:pt x="200" y="100"/>
                  </a:cubicBezTo>
                  <a:cubicBezTo>
                    <a:pt x="200" y="200"/>
                    <a:pt x="200" y="200"/>
                    <a:pt x="200" y="200"/>
                  </a:cubicBezTo>
                  <a:cubicBezTo>
                    <a:pt x="188" y="200"/>
                    <a:pt x="188" y="200"/>
                    <a:pt x="188" y="200"/>
                  </a:cubicBezTo>
                  <a:cubicBezTo>
                    <a:pt x="188" y="140"/>
                    <a:pt x="188" y="140"/>
                    <a:pt x="188" y="140"/>
                  </a:cubicBezTo>
                  <a:cubicBezTo>
                    <a:pt x="188" y="138"/>
                    <a:pt x="186" y="136"/>
                    <a:pt x="184" y="136"/>
                  </a:cubicBezTo>
                  <a:cubicBezTo>
                    <a:pt x="182" y="136"/>
                    <a:pt x="180" y="138"/>
                    <a:pt x="180" y="140"/>
                  </a:cubicBezTo>
                  <a:cubicBezTo>
                    <a:pt x="180" y="200"/>
                    <a:pt x="180" y="200"/>
                    <a:pt x="180" y="200"/>
                  </a:cubicBezTo>
                  <a:cubicBezTo>
                    <a:pt x="168" y="200"/>
                    <a:pt x="168" y="200"/>
                    <a:pt x="168" y="200"/>
                  </a:cubicBezTo>
                  <a:cubicBezTo>
                    <a:pt x="168" y="100"/>
                    <a:pt x="168" y="100"/>
                    <a:pt x="168" y="100"/>
                  </a:cubicBezTo>
                  <a:cubicBezTo>
                    <a:pt x="168" y="98"/>
                    <a:pt x="166" y="96"/>
                    <a:pt x="164" y="96"/>
                  </a:cubicBezTo>
                  <a:cubicBezTo>
                    <a:pt x="162" y="96"/>
                    <a:pt x="160" y="98"/>
                    <a:pt x="160" y="100"/>
                  </a:cubicBezTo>
                  <a:cubicBezTo>
                    <a:pt x="160" y="143"/>
                    <a:pt x="160" y="143"/>
                    <a:pt x="160" y="143"/>
                  </a:cubicBezTo>
                  <a:cubicBezTo>
                    <a:pt x="155" y="142"/>
                    <a:pt x="152" y="137"/>
                    <a:pt x="152" y="132"/>
                  </a:cubicBezTo>
                  <a:cubicBezTo>
                    <a:pt x="152" y="92"/>
                    <a:pt x="152" y="92"/>
                    <a:pt x="152" y="92"/>
                  </a:cubicBezTo>
                  <a:cubicBezTo>
                    <a:pt x="152" y="88"/>
                    <a:pt x="155" y="84"/>
                    <a:pt x="159" y="82"/>
                  </a:cubicBezTo>
                  <a:cubicBezTo>
                    <a:pt x="167" y="80"/>
                    <a:pt x="167" y="80"/>
                    <a:pt x="167" y="80"/>
                  </a:cubicBezTo>
                  <a:cubicBezTo>
                    <a:pt x="181" y="95"/>
                    <a:pt x="181" y="95"/>
                    <a:pt x="181" y="95"/>
                  </a:cubicBezTo>
                  <a:cubicBezTo>
                    <a:pt x="182" y="96"/>
                    <a:pt x="183" y="96"/>
                    <a:pt x="184" y="96"/>
                  </a:cubicBezTo>
                  <a:cubicBezTo>
                    <a:pt x="185" y="96"/>
                    <a:pt x="186" y="96"/>
                    <a:pt x="187" y="95"/>
                  </a:cubicBezTo>
                  <a:cubicBezTo>
                    <a:pt x="201" y="80"/>
                    <a:pt x="201" y="80"/>
                    <a:pt x="201" y="80"/>
                  </a:cubicBezTo>
                  <a:cubicBezTo>
                    <a:pt x="209" y="82"/>
                    <a:pt x="209" y="82"/>
                    <a:pt x="209" y="82"/>
                  </a:cubicBezTo>
                  <a:cubicBezTo>
                    <a:pt x="213" y="84"/>
                    <a:pt x="216" y="88"/>
                    <a:pt x="216" y="92"/>
                  </a:cubicBezTo>
                  <a:cubicBezTo>
                    <a:pt x="216" y="132"/>
                    <a:pt x="216" y="132"/>
                    <a:pt x="216" y="132"/>
                  </a:cubicBezTo>
                  <a:cubicBezTo>
                    <a:pt x="216" y="137"/>
                    <a:pt x="213" y="142"/>
                    <a:pt x="208" y="143"/>
                  </a:cubicBezTo>
                  <a:close/>
                  <a:moveTo>
                    <a:pt x="184" y="72"/>
                  </a:moveTo>
                  <a:cubicBezTo>
                    <a:pt x="195" y="72"/>
                    <a:pt x="204" y="63"/>
                    <a:pt x="204" y="52"/>
                  </a:cubicBezTo>
                  <a:cubicBezTo>
                    <a:pt x="204" y="41"/>
                    <a:pt x="195" y="32"/>
                    <a:pt x="184" y="32"/>
                  </a:cubicBezTo>
                  <a:cubicBezTo>
                    <a:pt x="173" y="32"/>
                    <a:pt x="164" y="41"/>
                    <a:pt x="164" y="52"/>
                  </a:cubicBezTo>
                  <a:cubicBezTo>
                    <a:pt x="164" y="63"/>
                    <a:pt x="173" y="72"/>
                    <a:pt x="184" y="72"/>
                  </a:cubicBezTo>
                  <a:close/>
                  <a:moveTo>
                    <a:pt x="184" y="40"/>
                  </a:moveTo>
                  <a:cubicBezTo>
                    <a:pt x="191" y="40"/>
                    <a:pt x="196" y="45"/>
                    <a:pt x="196" y="52"/>
                  </a:cubicBezTo>
                  <a:cubicBezTo>
                    <a:pt x="196" y="59"/>
                    <a:pt x="191" y="64"/>
                    <a:pt x="184" y="64"/>
                  </a:cubicBezTo>
                  <a:cubicBezTo>
                    <a:pt x="177" y="64"/>
                    <a:pt x="172" y="59"/>
                    <a:pt x="172" y="52"/>
                  </a:cubicBezTo>
                  <a:cubicBezTo>
                    <a:pt x="172" y="45"/>
                    <a:pt x="177" y="40"/>
                    <a:pt x="184" y="40"/>
                  </a:cubicBezTo>
                  <a:close/>
                </a:path>
              </a:pathLst>
            </a:custGeom>
            <a:solidFill>
              <a:schemeClr val="bg1"/>
            </a:solidFill>
            <a:ln w="3175">
              <a:noFill/>
              <a:round/>
              <a:headEnd/>
              <a:tailEnd/>
            </a:ln>
          </p:spPr>
          <p:txBody>
            <a:bodyPr vert="horz" wrap="square" lIns="91440" tIns="45720" rIns="91440" bIns="45720" numCol="1" anchor="t" anchorCtr="0" compatLnSpc="1">
              <a:prstTxWarp prst="textNoShape">
                <a:avLst/>
              </a:prstTxWarp>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sp>
        <p:nvSpPr>
          <p:cNvPr id="57" name="Freeform 6">
            <a:extLst>
              <a:ext uri="{FF2B5EF4-FFF2-40B4-BE49-F238E27FC236}">
                <a16:creationId xmlns:a16="http://schemas.microsoft.com/office/drawing/2014/main" id="{408314E3-6A0A-180B-94D3-252817BFD255}"/>
              </a:ext>
              <a:ext uri="{C183D7F6-B498-43B3-948B-1728B52AA6E4}">
                <adec:decorative xmlns:adec="http://schemas.microsoft.com/office/drawing/2017/decorative" val="1"/>
              </a:ext>
            </a:extLst>
          </p:cNvPr>
          <p:cNvSpPr>
            <a:spLocks noChangeAspect="1" noEditPoints="1"/>
          </p:cNvSpPr>
          <p:nvPr/>
        </p:nvSpPr>
        <p:spPr bwMode="auto">
          <a:xfrm>
            <a:off x="9176084" y="4201283"/>
            <a:ext cx="325980" cy="319719"/>
          </a:xfrm>
          <a:custGeom>
            <a:avLst/>
            <a:gdLst>
              <a:gd name="T0" fmla="*/ 160 w 208"/>
              <a:gd name="T1" fmla="*/ 81 h 192"/>
              <a:gd name="T2" fmla="*/ 160 w 208"/>
              <a:gd name="T3" fmla="*/ 28 h 192"/>
              <a:gd name="T4" fmla="*/ 158 w 208"/>
              <a:gd name="T5" fmla="*/ 25 h 192"/>
              <a:gd name="T6" fmla="*/ 80 w 208"/>
              <a:gd name="T7" fmla="*/ 0 h 192"/>
              <a:gd name="T8" fmla="*/ 2 w 208"/>
              <a:gd name="T9" fmla="*/ 25 h 192"/>
              <a:gd name="T10" fmla="*/ 0 w 208"/>
              <a:gd name="T11" fmla="*/ 28 h 192"/>
              <a:gd name="T12" fmla="*/ 0 w 208"/>
              <a:gd name="T13" fmla="*/ 84 h 192"/>
              <a:gd name="T14" fmla="*/ 78 w 208"/>
              <a:gd name="T15" fmla="*/ 192 h 192"/>
              <a:gd name="T16" fmla="*/ 80 w 208"/>
              <a:gd name="T17" fmla="*/ 192 h 192"/>
              <a:gd name="T18" fmla="*/ 82 w 208"/>
              <a:gd name="T19" fmla="*/ 192 h 192"/>
              <a:gd name="T20" fmla="*/ 110 w 208"/>
              <a:gd name="T21" fmla="*/ 173 h 192"/>
              <a:gd name="T22" fmla="*/ 152 w 208"/>
              <a:gd name="T23" fmla="*/ 192 h 192"/>
              <a:gd name="T24" fmla="*/ 208 w 208"/>
              <a:gd name="T25" fmla="*/ 136 h 192"/>
              <a:gd name="T26" fmla="*/ 160 w 208"/>
              <a:gd name="T27" fmla="*/ 81 h 192"/>
              <a:gd name="T28" fmla="*/ 87 w 208"/>
              <a:gd name="T29" fmla="*/ 179 h 192"/>
              <a:gd name="T30" fmla="*/ 80 w 208"/>
              <a:gd name="T31" fmla="*/ 183 h 192"/>
              <a:gd name="T32" fmla="*/ 70 w 208"/>
              <a:gd name="T33" fmla="*/ 178 h 192"/>
              <a:gd name="T34" fmla="*/ 8 w 208"/>
              <a:gd name="T35" fmla="*/ 84 h 192"/>
              <a:gd name="T36" fmla="*/ 8 w 208"/>
              <a:gd name="T37" fmla="*/ 30 h 192"/>
              <a:gd name="T38" fmla="*/ 12 w 208"/>
              <a:gd name="T39" fmla="*/ 28 h 192"/>
              <a:gd name="T40" fmla="*/ 76 w 208"/>
              <a:gd name="T41" fmla="*/ 8 h 192"/>
              <a:gd name="T42" fmla="*/ 76 w 208"/>
              <a:gd name="T43" fmla="*/ 164 h 192"/>
              <a:gd name="T44" fmla="*/ 80 w 208"/>
              <a:gd name="T45" fmla="*/ 168 h 192"/>
              <a:gd name="T46" fmla="*/ 84 w 208"/>
              <a:gd name="T47" fmla="*/ 164 h 192"/>
              <a:gd name="T48" fmla="*/ 84 w 208"/>
              <a:gd name="T49" fmla="*/ 8 h 192"/>
              <a:gd name="T50" fmla="*/ 132 w 208"/>
              <a:gd name="T51" fmla="*/ 20 h 192"/>
              <a:gd name="T52" fmla="*/ 148 w 208"/>
              <a:gd name="T53" fmla="*/ 28 h 192"/>
              <a:gd name="T54" fmla="*/ 152 w 208"/>
              <a:gd name="T55" fmla="*/ 30 h 192"/>
              <a:gd name="T56" fmla="*/ 152 w 208"/>
              <a:gd name="T57" fmla="*/ 80 h 192"/>
              <a:gd name="T58" fmla="*/ 96 w 208"/>
              <a:gd name="T59" fmla="*/ 136 h 192"/>
              <a:gd name="T60" fmla="*/ 105 w 208"/>
              <a:gd name="T61" fmla="*/ 167 h 192"/>
              <a:gd name="T62" fmla="*/ 87 w 208"/>
              <a:gd name="T63" fmla="*/ 179 h 192"/>
              <a:gd name="T64" fmla="*/ 152 w 208"/>
              <a:gd name="T65" fmla="*/ 184 h 192"/>
              <a:gd name="T66" fmla="*/ 104 w 208"/>
              <a:gd name="T67" fmla="*/ 136 h 192"/>
              <a:gd name="T68" fmla="*/ 152 w 208"/>
              <a:gd name="T69" fmla="*/ 88 h 192"/>
              <a:gd name="T70" fmla="*/ 200 w 208"/>
              <a:gd name="T71" fmla="*/ 136 h 192"/>
              <a:gd name="T72" fmla="*/ 152 w 208"/>
              <a:gd name="T73" fmla="*/ 184 h 192"/>
              <a:gd name="T74" fmla="*/ 173 w 208"/>
              <a:gd name="T75" fmla="*/ 117 h 192"/>
              <a:gd name="T76" fmla="*/ 173 w 208"/>
              <a:gd name="T77" fmla="*/ 117 h 192"/>
              <a:gd name="T78" fmla="*/ 144 w 208"/>
              <a:gd name="T79" fmla="*/ 146 h 192"/>
              <a:gd name="T80" fmla="*/ 131 w 208"/>
              <a:gd name="T81" fmla="*/ 133 h 192"/>
              <a:gd name="T82" fmla="*/ 125 w 208"/>
              <a:gd name="T83" fmla="*/ 133 h 192"/>
              <a:gd name="T84" fmla="*/ 125 w 208"/>
              <a:gd name="T85" fmla="*/ 139 h 192"/>
              <a:gd name="T86" fmla="*/ 141 w 208"/>
              <a:gd name="T87" fmla="*/ 155 h 192"/>
              <a:gd name="T88" fmla="*/ 144 w 208"/>
              <a:gd name="T89" fmla="*/ 156 h 192"/>
              <a:gd name="T90" fmla="*/ 144 w 208"/>
              <a:gd name="T91" fmla="*/ 156 h 192"/>
              <a:gd name="T92" fmla="*/ 147 w 208"/>
              <a:gd name="T93" fmla="*/ 155 h 192"/>
              <a:gd name="T94" fmla="*/ 179 w 208"/>
              <a:gd name="T95" fmla="*/ 123 h 192"/>
              <a:gd name="T96" fmla="*/ 179 w 208"/>
              <a:gd name="T97" fmla="*/ 117 h 192"/>
              <a:gd name="T98" fmla="*/ 173 w 208"/>
              <a:gd name="T99" fmla="*/ 117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208" h="192">
                <a:moveTo>
                  <a:pt x="160" y="81"/>
                </a:moveTo>
                <a:cubicBezTo>
                  <a:pt x="160" y="28"/>
                  <a:pt x="160" y="28"/>
                  <a:pt x="160" y="28"/>
                </a:cubicBezTo>
                <a:cubicBezTo>
                  <a:pt x="160" y="27"/>
                  <a:pt x="159" y="25"/>
                  <a:pt x="158" y="25"/>
                </a:cubicBezTo>
                <a:cubicBezTo>
                  <a:pt x="158" y="25"/>
                  <a:pt x="124" y="0"/>
                  <a:pt x="80" y="0"/>
                </a:cubicBezTo>
                <a:cubicBezTo>
                  <a:pt x="36" y="0"/>
                  <a:pt x="2" y="25"/>
                  <a:pt x="2" y="25"/>
                </a:cubicBezTo>
                <a:cubicBezTo>
                  <a:pt x="1" y="25"/>
                  <a:pt x="0" y="27"/>
                  <a:pt x="0" y="28"/>
                </a:cubicBezTo>
                <a:cubicBezTo>
                  <a:pt x="0" y="84"/>
                  <a:pt x="0" y="84"/>
                  <a:pt x="0" y="84"/>
                </a:cubicBezTo>
                <a:cubicBezTo>
                  <a:pt x="0" y="154"/>
                  <a:pt x="78" y="191"/>
                  <a:pt x="78" y="192"/>
                </a:cubicBezTo>
                <a:cubicBezTo>
                  <a:pt x="79" y="192"/>
                  <a:pt x="79" y="192"/>
                  <a:pt x="80" y="192"/>
                </a:cubicBezTo>
                <a:cubicBezTo>
                  <a:pt x="81" y="192"/>
                  <a:pt x="81" y="192"/>
                  <a:pt x="82" y="192"/>
                </a:cubicBezTo>
                <a:cubicBezTo>
                  <a:pt x="82" y="191"/>
                  <a:pt x="95" y="185"/>
                  <a:pt x="110" y="173"/>
                </a:cubicBezTo>
                <a:cubicBezTo>
                  <a:pt x="120" y="185"/>
                  <a:pt x="135" y="192"/>
                  <a:pt x="152" y="192"/>
                </a:cubicBezTo>
                <a:cubicBezTo>
                  <a:pt x="183" y="192"/>
                  <a:pt x="208" y="167"/>
                  <a:pt x="208" y="136"/>
                </a:cubicBezTo>
                <a:cubicBezTo>
                  <a:pt x="208" y="108"/>
                  <a:pt x="187" y="85"/>
                  <a:pt x="160" y="81"/>
                </a:cubicBezTo>
                <a:close/>
                <a:moveTo>
                  <a:pt x="87" y="179"/>
                </a:moveTo>
                <a:cubicBezTo>
                  <a:pt x="84" y="181"/>
                  <a:pt x="82" y="183"/>
                  <a:pt x="80" y="183"/>
                </a:cubicBezTo>
                <a:cubicBezTo>
                  <a:pt x="78" y="182"/>
                  <a:pt x="75" y="180"/>
                  <a:pt x="70" y="178"/>
                </a:cubicBezTo>
                <a:cubicBezTo>
                  <a:pt x="49" y="164"/>
                  <a:pt x="8" y="131"/>
                  <a:pt x="8" y="84"/>
                </a:cubicBezTo>
                <a:cubicBezTo>
                  <a:pt x="8" y="30"/>
                  <a:pt x="8" y="30"/>
                  <a:pt x="8" y="30"/>
                </a:cubicBezTo>
                <a:cubicBezTo>
                  <a:pt x="9" y="30"/>
                  <a:pt x="10" y="29"/>
                  <a:pt x="12" y="28"/>
                </a:cubicBezTo>
                <a:cubicBezTo>
                  <a:pt x="23" y="21"/>
                  <a:pt x="47" y="9"/>
                  <a:pt x="76" y="8"/>
                </a:cubicBezTo>
                <a:cubicBezTo>
                  <a:pt x="76" y="164"/>
                  <a:pt x="76" y="164"/>
                  <a:pt x="76" y="164"/>
                </a:cubicBezTo>
                <a:cubicBezTo>
                  <a:pt x="76" y="166"/>
                  <a:pt x="78" y="168"/>
                  <a:pt x="80" y="168"/>
                </a:cubicBezTo>
                <a:cubicBezTo>
                  <a:pt x="82" y="168"/>
                  <a:pt x="84" y="166"/>
                  <a:pt x="84" y="164"/>
                </a:cubicBezTo>
                <a:cubicBezTo>
                  <a:pt x="84" y="8"/>
                  <a:pt x="84" y="8"/>
                  <a:pt x="84" y="8"/>
                </a:cubicBezTo>
                <a:cubicBezTo>
                  <a:pt x="103" y="9"/>
                  <a:pt x="120" y="14"/>
                  <a:pt x="132" y="20"/>
                </a:cubicBezTo>
                <a:cubicBezTo>
                  <a:pt x="139" y="23"/>
                  <a:pt x="144" y="26"/>
                  <a:pt x="148" y="28"/>
                </a:cubicBezTo>
                <a:cubicBezTo>
                  <a:pt x="150" y="29"/>
                  <a:pt x="151" y="30"/>
                  <a:pt x="152" y="30"/>
                </a:cubicBezTo>
                <a:cubicBezTo>
                  <a:pt x="152" y="80"/>
                  <a:pt x="152" y="80"/>
                  <a:pt x="152" y="80"/>
                </a:cubicBezTo>
                <a:cubicBezTo>
                  <a:pt x="121" y="80"/>
                  <a:pt x="96" y="105"/>
                  <a:pt x="96" y="136"/>
                </a:cubicBezTo>
                <a:cubicBezTo>
                  <a:pt x="96" y="147"/>
                  <a:pt x="99" y="158"/>
                  <a:pt x="105" y="167"/>
                </a:cubicBezTo>
                <a:cubicBezTo>
                  <a:pt x="98" y="172"/>
                  <a:pt x="92" y="176"/>
                  <a:pt x="87" y="179"/>
                </a:cubicBezTo>
                <a:close/>
                <a:moveTo>
                  <a:pt x="152" y="184"/>
                </a:moveTo>
                <a:cubicBezTo>
                  <a:pt x="125" y="184"/>
                  <a:pt x="104" y="163"/>
                  <a:pt x="104" y="136"/>
                </a:cubicBezTo>
                <a:cubicBezTo>
                  <a:pt x="104" y="109"/>
                  <a:pt x="125" y="88"/>
                  <a:pt x="152" y="88"/>
                </a:cubicBezTo>
                <a:cubicBezTo>
                  <a:pt x="179" y="88"/>
                  <a:pt x="200" y="109"/>
                  <a:pt x="200" y="136"/>
                </a:cubicBezTo>
                <a:cubicBezTo>
                  <a:pt x="200" y="163"/>
                  <a:pt x="179" y="184"/>
                  <a:pt x="152" y="184"/>
                </a:cubicBezTo>
                <a:close/>
                <a:moveTo>
                  <a:pt x="173" y="117"/>
                </a:moveTo>
                <a:cubicBezTo>
                  <a:pt x="173" y="117"/>
                  <a:pt x="173" y="117"/>
                  <a:pt x="173" y="117"/>
                </a:cubicBezTo>
                <a:cubicBezTo>
                  <a:pt x="144" y="146"/>
                  <a:pt x="144" y="146"/>
                  <a:pt x="144" y="146"/>
                </a:cubicBezTo>
                <a:cubicBezTo>
                  <a:pt x="131" y="133"/>
                  <a:pt x="131" y="133"/>
                  <a:pt x="131" y="133"/>
                </a:cubicBezTo>
                <a:cubicBezTo>
                  <a:pt x="129" y="132"/>
                  <a:pt x="127" y="132"/>
                  <a:pt x="125" y="133"/>
                </a:cubicBezTo>
                <a:cubicBezTo>
                  <a:pt x="124" y="135"/>
                  <a:pt x="124" y="137"/>
                  <a:pt x="125" y="139"/>
                </a:cubicBezTo>
                <a:cubicBezTo>
                  <a:pt x="141" y="155"/>
                  <a:pt x="141" y="155"/>
                  <a:pt x="141" y="155"/>
                </a:cubicBezTo>
                <a:cubicBezTo>
                  <a:pt x="142" y="156"/>
                  <a:pt x="143" y="156"/>
                  <a:pt x="144" y="156"/>
                </a:cubicBezTo>
                <a:cubicBezTo>
                  <a:pt x="144" y="156"/>
                  <a:pt x="144" y="156"/>
                  <a:pt x="144" y="156"/>
                </a:cubicBezTo>
                <a:cubicBezTo>
                  <a:pt x="145" y="156"/>
                  <a:pt x="146" y="156"/>
                  <a:pt x="147" y="155"/>
                </a:cubicBezTo>
                <a:cubicBezTo>
                  <a:pt x="179" y="123"/>
                  <a:pt x="179" y="123"/>
                  <a:pt x="179" y="123"/>
                </a:cubicBezTo>
                <a:cubicBezTo>
                  <a:pt x="180" y="121"/>
                  <a:pt x="180" y="119"/>
                  <a:pt x="179" y="117"/>
                </a:cubicBezTo>
                <a:cubicBezTo>
                  <a:pt x="177" y="116"/>
                  <a:pt x="175" y="116"/>
                  <a:pt x="173" y="117"/>
                </a:cubicBezTo>
                <a:close/>
              </a:path>
            </a:pathLst>
          </a:custGeom>
          <a:solidFill>
            <a:schemeClr val="bg1"/>
          </a:solidFill>
          <a:ln w="3175">
            <a:noFill/>
          </a:ln>
        </p:spPr>
        <p:txBody>
          <a:bodyPr vert="horz" wrap="square" lIns="91440" tIns="45720" rIns="91440" bIns="45720" numCol="1" anchor="t" anchorCtr="0" compatLnSpc="1">
            <a:prstTxWarp prst="textNoShape">
              <a:avLst/>
            </a:prstTxWarp>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nvGrpSpPr>
          <p:cNvPr id="94" name="Group 93">
            <a:extLst>
              <a:ext uri="{FF2B5EF4-FFF2-40B4-BE49-F238E27FC236}">
                <a16:creationId xmlns:a16="http://schemas.microsoft.com/office/drawing/2014/main" id="{6CC4C253-9258-A39F-CB48-4F5607800803}"/>
              </a:ext>
              <a:ext uri="{C183D7F6-B498-43B3-948B-1728B52AA6E4}">
                <adec:decorative xmlns:adec="http://schemas.microsoft.com/office/drawing/2017/decorative" val="1"/>
              </a:ext>
            </a:extLst>
          </p:cNvPr>
          <p:cNvGrpSpPr/>
          <p:nvPr/>
        </p:nvGrpSpPr>
        <p:grpSpPr>
          <a:xfrm>
            <a:off x="11053438" y="4036434"/>
            <a:ext cx="669874" cy="669874"/>
            <a:chOff x="10156849" y="3072215"/>
            <a:chExt cx="669874" cy="669874"/>
          </a:xfrm>
        </p:grpSpPr>
        <p:grpSp>
          <p:nvGrpSpPr>
            <p:cNvPr id="44" name="Group 43">
              <a:extLst>
                <a:ext uri="{FF2B5EF4-FFF2-40B4-BE49-F238E27FC236}">
                  <a16:creationId xmlns:a16="http://schemas.microsoft.com/office/drawing/2014/main" id="{171E2F06-4D4F-698B-6635-F5E4C9FB5CA7}"/>
                </a:ext>
              </a:extLst>
            </p:cNvPr>
            <p:cNvGrpSpPr/>
            <p:nvPr/>
          </p:nvGrpSpPr>
          <p:grpSpPr>
            <a:xfrm>
              <a:off x="10156849" y="3072215"/>
              <a:ext cx="669874" cy="669874"/>
              <a:chOff x="6089486" y="2231986"/>
              <a:chExt cx="1352819" cy="1352869"/>
            </a:xfrm>
          </p:grpSpPr>
          <p:sp>
            <p:nvSpPr>
              <p:cNvPr id="67" name="Free-form: Shape 38">
                <a:extLst>
                  <a:ext uri="{FF2B5EF4-FFF2-40B4-BE49-F238E27FC236}">
                    <a16:creationId xmlns:a16="http://schemas.microsoft.com/office/drawing/2014/main" id="{C05F3527-246F-7014-AAB3-99B4342AA1F5}"/>
                  </a:ext>
                </a:extLst>
              </p:cNvPr>
              <p:cNvSpPr/>
              <p:nvPr/>
            </p:nvSpPr>
            <p:spPr>
              <a:xfrm rot="18900000">
                <a:off x="6191198" y="2326748"/>
                <a:ext cx="1130392" cy="1130392"/>
              </a:xfrm>
              <a:custGeom>
                <a:avLst/>
                <a:gdLst>
                  <a:gd name="connsiteX0" fmla="*/ 1130392 w 1130392"/>
                  <a:gd name="connsiteY0" fmla="*/ 565196 h 1130392"/>
                  <a:gd name="connsiteX1" fmla="*/ 565196 w 1130392"/>
                  <a:gd name="connsiteY1" fmla="*/ 1130393 h 1130392"/>
                  <a:gd name="connsiteX2" fmla="*/ 0 w 1130392"/>
                  <a:gd name="connsiteY2" fmla="*/ 565196 h 1130392"/>
                  <a:gd name="connsiteX3" fmla="*/ 565196 w 1130392"/>
                  <a:gd name="connsiteY3" fmla="*/ 0 h 1130392"/>
                  <a:gd name="connsiteX4" fmla="*/ 1130392 w 1130392"/>
                  <a:gd name="connsiteY4" fmla="*/ 565196 h 11303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0392" h="1130392">
                    <a:moveTo>
                      <a:pt x="1130392" y="565196"/>
                    </a:moveTo>
                    <a:cubicBezTo>
                      <a:pt x="1130392" y="877346"/>
                      <a:pt x="877345" y="1130393"/>
                      <a:pt x="565196" y="1130393"/>
                    </a:cubicBezTo>
                    <a:cubicBezTo>
                      <a:pt x="253047" y="1130393"/>
                      <a:pt x="0" y="877346"/>
                      <a:pt x="0" y="565196"/>
                    </a:cubicBezTo>
                    <a:cubicBezTo>
                      <a:pt x="0" y="253047"/>
                      <a:pt x="253047" y="0"/>
                      <a:pt x="565196" y="0"/>
                    </a:cubicBezTo>
                    <a:cubicBezTo>
                      <a:pt x="877346" y="0"/>
                      <a:pt x="1130392" y="253047"/>
                      <a:pt x="1130392" y="565196"/>
                    </a:cubicBezTo>
                    <a:close/>
                  </a:path>
                </a:pathLst>
              </a:custGeom>
              <a:solidFill>
                <a:srgbClr val="A2B3C9"/>
              </a:solidFill>
              <a:ln w="0" cap="flat">
                <a:noFill/>
                <a:prstDash val="solid"/>
                <a:miter/>
              </a:ln>
            </p:spPr>
            <p:txBody>
              <a:bodyPr rtlCol="0" anchor="ct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nvGrpSpPr>
              <p:cNvPr id="68" name="Graphic 2">
                <a:extLst>
                  <a:ext uri="{FF2B5EF4-FFF2-40B4-BE49-F238E27FC236}">
                    <a16:creationId xmlns:a16="http://schemas.microsoft.com/office/drawing/2014/main" id="{90CC9862-407A-78B8-E65F-191C449A06CD}"/>
                  </a:ext>
                </a:extLst>
              </p:cNvPr>
              <p:cNvGrpSpPr/>
              <p:nvPr/>
            </p:nvGrpSpPr>
            <p:grpSpPr>
              <a:xfrm>
                <a:off x="6089486" y="2231986"/>
                <a:ext cx="1352819" cy="1352869"/>
                <a:chOff x="6089942" y="2232595"/>
                <a:chExt cx="1352819" cy="1352869"/>
              </a:xfrm>
            </p:grpSpPr>
            <p:sp>
              <p:nvSpPr>
                <p:cNvPr id="69" name="Free-form: Shape 47">
                  <a:extLst>
                    <a:ext uri="{FF2B5EF4-FFF2-40B4-BE49-F238E27FC236}">
                      <a16:creationId xmlns:a16="http://schemas.microsoft.com/office/drawing/2014/main" id="{096D4842-CE1C-5A45-E907-A4FA381A16CB}"/>
                    </a:ext>
                  </a:extLst>
                </p:cNvPr>
                <p:cNvSpPr/>
                <p:nvPr/>
              </p:nvSpPr>
              <p:spPr>
                <a:xfrm>
                  <a:off x="6089942" y="2232595"/>
                  <a:ext cx="1332519" cy="1332438"/>
                </a:xfrm>
                <a:custGeom>
                  <a:avLst/>
                  <a:gdLst>
                    <a:gd name="connsiteX0" fmla="*/ 195133 w 1332519"/>
                    <a:gd name="connsiteY0" fmla="*/ 1137371 h 1332438"/>
                    <a:gd name="connsiteX1" fmla="*/ 187780 w 1332519"/>
                    <a:gd name="connsiteY1" fmla="*/ 1129921 h 1332438"/>
                    <a:gd name="connsiteX2" fmla="*/ 187878 w 1332519"/>
                    <a:gd name="connsiteY2" fmla="*/ 1124162 h 1332438"/>
                    <a:gd name="connsiteX3" fmla="*/ 193637 w 1332519"/>
                    <a:gd name="connsiteY3" fmla="*/ 1124260 h 1332438"/>
                    <a:gd name="connsiteX4" fmla="*/ 212766 w 1332519"/>
                    <a:gd name="connsiteY4" fmla="*/ 1143194 h 1332438"/>
                    <a:gd name="connsiteX5" fmla="*/ 212896 w 1332519"/>
                    <a:gd name="connsiteY5" fmla="*/ 1148952 h 1332438"/>
                    <a:gd name="connsiteX6" fmla="*/ 207170 w 1332519"/>
                    <a:gd name="connsiteY6" fmla="*/ 1149082 h 1332438"/>
                    <a:gd name="connsiteX7" fmla="*/ 195166 w 1332519"/>
                    <a:gd name="connsiteY7" fmla="*/ 1137371 h 1332438"/>
                    <a:gd name="connsiteX8" fmla="*/ 169562 w 1332519"/>
                    <a:gd name="connsiteY8" fmla="*/ 1110336 h 1332438"/>
                    <a:gd name="connsiteX9" fmla="*/ 169399 w 1332519"/>
                    <a:gd name="connsiteY9" fmla="*/ 1110173 h 1332438"/>
                    <a:gd name="connsiteX10" fmla="*/ 151669 w 1332519"/>
                    <a:gd name="connsiteY10" fmla="*/ 1089514 h 1332438"/>
                    <a:gd name="connsiteX11" fmla="*/ 152222 w 1332519"/>
                    <a:gd name="connsiteY11" fmla="*/ 1083789 h 1332438"/>
                    <a:gd name="connsiteX12" fmla="*/ 157948 w 1332519"/>
                    <a:gd name="connsiteY12" fmla="*/ 1084342 h 1332438"/>
                    <a:gd name="connsiteX13" fmla="*/ 175483 w 1332519"/>
                    <a:gd name="connsiteY13" fmla="*/ 1104740 h 1332438"/>
                    <a:gd name="connsiteX14" fmla="*/ 175158 w 1332519"/>
                    <a:gd name="connsiteY14" fmla="*/ 1110466 h 1332438"/>
                    <a:gd name="connsiteX15" fmla="*/ 169595 w 1332519"/>
                    <a:gd name="connsiteY15" fmla="*/ 1110303 h 1332438"/>
                    <a:gd name="connsiteX16" fmla="*/ 226853 w 1332519"/>
                    <a:gd name="connsiteY16" fmla="*/ 1167073 h 1332438"/>
                    <a:gd name="connsiteX17" fmla="*/ 226690 w 1332519"/>
                    <a:gd name="connsiteY17" fmla="*/ 1161510 h 1332438"/>
                    <a:gd name="connsiteX18" fmla="*/ 232416 w 1332519"/>
                    <a:gd name="connsiteY18" fmla="*/ 1161152 h 1332438"/>
                    <a:gd name="connsiteX19" fmla="*/ 252977 w 1332519"/>
                    <a:gd name="connsiteY19" fmla="*/ 1178492 h 1332438"/>
                    <a:gd name="connsiteX20" fmla="*/ 253595 w 1332519"/>
                    <a:gd name="connsiteY20" fmla="*/ 1184218 h 1332438"/>
                    <a:gd name="connsiteX21" fmla="*/ 247869 w 1332519"/>
                    <a:gd name="connsiteY21" fmla="*/ 1184804 h 1332438"/>
                    <a:gd name="connsiteX22" fmla="*/ 227048 w 1332519"/>
                    <a:gd name="connsiteY22" fmla="*/ 1167268 h 1332438"/>
                    <a:gd name="connsiteX23" fmla="*/ 226853 w 1332519"/>
                    <a:gd name="connsiteY23" fmla="*/ 1167073 h 1332438"/>
                    <a:gd name="connsiteX24" fmla="*/ 135305 w 1332519"/>
                    <a:gd name="connsiteY24" fmla="*/ 1068791 h 1332438"/>
                    <a:gd name="connsiteX25" fmla="*/ 134947 w 1332519"/>
                    <a:gd name="connsiteY25" fmla="*/ 1068368 h 1332438"/>
                    <a:gd name="connsiteX26" fmla="*/ 118940 w 1332519"/>
                    <a:gd name="connsiteY26" fmla="*/ 1046343 h 1332438"/>
                    <a:gd name="connsiteX27" fmla="*/ 119949 w 1332519"/>
                    <a:gd name="connsiteY27" fmla="*/ 1040682 h 1332438"/>
                    <a:gd name="connsiteX28" fmla="*/ 125610 w 1332519"/>
                    <a:gd name="connsiteY28" fmla="*/ 1041691 h 1332438"/>
                    <a:gd name="connsiteX29" fmla="*/ 141421 w 1332519"/>
                    <a:gd name="connsiteY29" fmla="*/ 1063456 h 1332438"/>
                    <a:gd name="connsiteX30" fmla="*/ 140640 w 1332519"/>
                    <a:gd name="connsiteY30" fmla="*/ 1069149 h 1332438"/>
                    <a:gd name="connsiteX31" fmla="*/ 135305 w 1332519"/>
                    <a:gd name="connsiteY31" fmla="*/ 1068791 h 1332438"/>
                    <a:gd name="connsiteX32" fmla="*/ 268723 w 1332519"/>
                    <a:gd name="connsiteY32" fmla="*/ 1200973 h 1332438"/>
                    <a:gd name="connsiteX33" fmla="*/ 268332 w 1332519"/>
                    <a:gd name="connsiteY33" fmla="*/ 1195670 h 1332438"/>
                    <a:gd name="connsiteX34" fmla="*/ 274025 w 1332519"/>
                    <a:gd name="connsiteY34" fmla="*/ 1194824 h 1332438"/>
                    <a:gd name="connsiteX35" fmla="*/ 295920 w 1332519"/>
                    <a:gd name="connsiteY35" fmla="*/ 1210440 h 1332438"/>
                    <a:gd name="connsiteX36" fmla="*/ 296994 w 1332519"/>
                    <a:gd name="connsiteY36" fmla="*/ 1216068 h 1332438"/>
                    <a:gd name="connsiteX37" fmla="*/ 291365 w 1332519"/>
                    <a:gd name="connsiteY37" fmla="*/ 1217142 h 1332438"/>
                    <a:gd name="connsiteX38" fmla="*/ 269178 w 1332519"/>
                    <a:gd name="connsiteY38" fmla="*/ 1201330 h 1332438"/>
                    <a:gd name="connsiteX39" fmla="*/ 268723 w 1332519"/>
                    <a:gd name="connsiteY39" fmla="*/ 1200940 h 1332438"/>
                    <a:gd name="connsiteX40" fmla="*/ 104529 w 1332519"/>
                    <a:gd name="connsiteY40" fmla="*/ 1024611 h 1332438"/>
                    <a:gd name="connsiteX41" fmla="*/ 103975 w 1332519"/>
                    <a:gd name="connsiteY41" fmla="*/ 1023928 h 1332438"/>
                    <a:gd name="connsiteX42" fmla="*/ 89824 w 1332519"/>
                    <a:gd name="connsiteY42" fmla="*/ 1000667 h 1332438"/>
                    <a:gd name="connsiteX43" fmla="*/ 91287 w 1332519"/>
                    <a:gd name="connsiteY43" fmla="*/ 995104 h 1332438"/>
                    <a:gd name="connsiteX44" fmla="*/ 96851 w 1332519"/>
                    <a:gd name="connsiteY44" fmla="*/ 996568 h 1332438"/>
                    <a:gd name="connsiteX45" fmla="*/ 110840 w 1332519"/>
                    <a:gd name="connsiteY45" fmla="*/ 1019536 h 1332438"/>
                    <a:gd name="connsiteX46" fmla="*/ 109604 w 1332519"/>
                    <a:gd name="connsiteY46" fmla="*/ 1025132 h 1332438"/>
                    <a:gd name="connsiteX47" fmla="*/ 104561 w 1332519"/>
                    <a:gd name="connsiteY47" fmla="*/ 1024579 h 1332438"/>
                    <a:gd name="connsiteX48" fmla="*/ 313195 w 1332519"/>
                    <a:gd name="connsiteY48" fmla="*/ 1231326 h 1332438"/>
                    <a:gd name="connsiteX49" fmla="*/ 312610 w 1332519"/>
                    <a:gd name="connsiteY49" fmla="*/ 1226316 h 1332438"/>
                    <a:gd name="connsiteX50" fmla="*/ 318205 w 1332519"/>
                    <a:gd name="connsiteY50" fmla="*/ 1225014 h 1332438"/>
                    <a:gd name="connsiteX51" fmla="*/ 341304 w 1332519"/>
                    <a:gd name="connsiteY51" fmla="*/ 1238776 h 1332438"/>
                    <a:gd name="connsiteX52" fmla="*/ 342833 w 1332519"/>
                    <a:gd name="connsiteY52" fmla="*/ 1244307 h 1332438"/>
                    <a:gd name="connsiteX53" fmla="*/ 337302 w 1332519"/>
                    <a:gd name="connsiteY53" fmla="*/ 1245836 h 1332438"/>
                    <a:gd name="connsiteX54" fmla="*/ 313911 w 1332519"/>
                    <a:gd name="connsiteY54" fmla="*/ 1231912 h 1332438"/>
                    <a:gd name="connsiteX55" fmla="*/ 313195 w 1332519"/>
                    <a:gd name="connsiteY55" fmla="*/ 1231326 h 1332438"/>
                    <a:gd name="connsiteX56" fmla="*/ 77461 w 1332519"/>
                    <a:gd name="connsiteY56" fmla="*/ 978024 h 1332438"/>
                    <a:gd name="connsiteX57" fmla="*/ 76745 w 1332519"/>
                    <a:gd name="connsiteY57" fmla="*/ 977048 h 1332438"/>
                    <a:gd name="connsiteX58" fmla="*/ 64513 w 1332519"/>
                    <a:gd name="connsiteY58" fmla="*/ 952648 h 1332438"/>
                    <a:gd name="connsiteX59" fmla="*/ 66432 w 1332519"/>
                    <a:gd name="connsiteY59" fmla="*/ 947248 h 1332438"/>
                    <a:gd name="connsiteX60" fmla="*/ 71833 w 1332519"/>
                    <a:gd name="connsiteY60" fmla="*/ 949167 h 1332438"/>
                    <a:gd name="connsiteX61" fmla="*/ 83935 w 1332519"/>
                    <a:gd name="connsiteY61" fmla="*/ 973274 h 1332438"/>
                    <a:gd name="connsiteX62" fmla="*/ 82244 w 1332519"/>
                    <a:gd name="connsiteY62" fmla="*/ 978772 h 1332438"/>
                    <a:gd name="connsiteX63" fmla="*/ 77493 w 1332519"/>
                    <a:gd name="connsiteY63" fmla="*/ 978056 h 1332438"/>
                    <a:gd name="connsiteX64" fmla="*/ 360043 w 1332519"/>
                    <a:gd name="connsiteY64" fmla="*/ 1257938 h 1332438"/>
                    <a:gd name="connsiteX65" fmla="*/ 359294 w 1332519"/>
                    <a:gd name="connsiteY65" fmla="*/ 1253221 h 1332438"/>
                    <a:gd name="connsiteX66" fmla="*/ 364760 w 1332519"/>
                    <a:gd name="connsiteY66" fmla="*/ 1251464 h 1332438"/>
                    <a:gd name="connsiteX67" fmla="*/ 388899 w 1332519"/>
                    <a:gd name="connsiteY67" fmla="*/ 1263306 h 1332438"/>
                    <a:gd name="connsiteX68" fmla="*/ 390884 w 1332519"/>
                    <a:gd name="connsiteY68" fmla="*/ 1268706 h 1332438"/>
                    <a:gd name="connsiteX69" fmla="*/ 385484 w 1332519"/>
                    <a:gd name="connsiteY69" fmla="*/ 1270691 h 1332438"/>
                    <a:gd name="connsiteX70" fmla="*/ 361019 w 1332519"/>
                    <a:gd name="connsiteY70" fmla="*/ 1258719 h 1332438"/>
                    <a:gd name="connsiteX71" fmla="*/ 360010 w 1332519"/>
                    <a:gd name="connsiteY71" fmla="*/ 1257970 h 1332438"/>
                    <a:gd name="connsiteX72" fmla="*/ 54265 w 1332519"/>
                    <a:gd name="connsiteY72" fmla="*/ 929257 h 1332438"/>
                    <a:gd name="connsiteX73" fmla="*/ 53419 w 1332519"/>
                    <a:gd name="connsiteY73" fmla="*/ 927988 h 1332438"/>
                    <a:gd name="connsiteX74" fmla="*/ 43236 w 1332519"/>
                    <a:gd name="connsiteY74" fmla="*/ 902677 h 1332438"/>
                    <a:gd name="connsiteX75" fmla="*/ 45611 w 1332519"/>
                    <a:gd name="connsiteY75" fmla="*/ 897440 h 1332438"/>
                    <a:gd name="connsiteX76" fmla="*/ 50849 w 1332519"/>
                    <a:gd name="connsiteY76" fmla="*/ 899782 h 1332438"/>
                    <a:gd name="connsiteX77" fmla="*/ 60902 w 1332519"/>
                    <a:gd name="connsiteY77" fmla="*/ 924800 h 1332438"/>
                    <a:gd name="connsiteX78" fmla="*/ 58754 w 1332519"/>
                    <a:gd name="connsiteY78" fmla="*/ 930135 h 1332438"/>
                    <a:gd name="connsiteX79" fmla="*/ 54297 w 1332519"/>
                    <a:gd name="connsiteY79" fmla="*/ 929257 h 1332438"/>
                    <a:gd name="connsiteX80" fmla="*/ 408907 w 1332519"/>
                    <a:gd name="connsiteY80" fmla="*/ 1280613 h 1332438"/>
                    <a:gd name="connsiteX81" fmla="*/ 408029 w 1332519"/>
                    <a:gd name="connsiteY81" fmla="*/ 1276189 h 1332438"/>
                    <a:gd name="connsiteX82" fmla="*/ 413332 w 1332519"/>
                    <a:gd name="connsiteY82" fmla="*/ 1274009 h 1332438"/>
                    <a:gd name="connsiteX83" fmla="*/ 438317 w 1332519"/>
                    <a:gd name="connsiteY83" fmla="*/ 1283802 h 1332438"/>
                    <a:gd name="connsiteX84" fmla="*/ 440725 w 1332519"/>
                    <a:gd name="connsiteY84" fmla="*/ 1289007 h 1332438"/>
                    <a:gd name="connsiteX85" fmla="*/ 435519 w 1332519"/>
                    <a:gd name="connsiteY85" fmla="*/ 1291414 h 1332438"/>
                    <a:gd name="connsiteX86" fmla="*/ 410241 w 1332519"/>
                    <a:gd name="connsiteY86" fmla="*/ 1281492 h 1332438"/>
                    <a:gd name="connsiteX87" fmla="*/ 408940 w 1332519"/>
                    <a:gd name="connsiteY87" fmla="*/ 1280613 h 1332438"/>
                    <a:gd name="connsiteX88" fmla="*/ 35135 w 1332519"/>
                    <a:gd name="connsiteY88" fmla="*/ 878766 h 1332438"/>
                    <a:gd name="connsiteX89" fmla="*/ 34160 w 1332519"/>
                    <a:gd name="connsiteY89" fmla="*/ 877171 h 1332438"/>
                    <a:gd name="connsiteX90" fmla="*/ 26092 w 1332519"/>
                    <a:gd name="connsiteY90" fmla="*/ 851113 h 1332438"/>
                    <a:gd name="connsiteX91" fmla="*/ 28857 w 1332519"/>
                    <a:gd name="connsiteY91" fmla="*/ 846070 h 1332438"/>
                    <a:gd name="connsiteX92" fmla="*/ 33867 w 1332519"/>
                    <a:gd name="connsiteY92" fmla="*/ 848835 h 1332438"/>
                    <a:gd name="connsiteX93" fmla="*/ 41837 w 1332519"/>
                    <a:gd name="connsiteY93" fmla="*/ 874569 h 1332438"/>
                    <a:gd name="connsiteX94" fmla="*/ 39267 w 1332519"/>
                    <a:gd name="connsiteY94" fmla="*/ 879709 h 1332438"/>
                    <a:gd name="connsiteX95" fmla="*/ 35103 w 1332519"/>
                    <a:gd name="connsiteY95" fmla="*/ 878733 h 1332438"/>
                    <a:gd name="connsiteX96" fmla="*/ 459333 w 1332519"/>
                    <a:gd name="connsiteY96" fmla="*/ 1299190 h 1332438"/>
                    <a:gd name="connsiteX97" fmla="*/ 458325 w 1332519"/>
                    <a:gd name="connsiteY97" fmla="*/ 1295058 h 1332438"/>
                    <a:gd name="connsiteX98" fmla="*/ 463433 w 1332519"/>
                    <a:gd name="connsiteY98" fmla="*/ 1292455 h 1332438"/>
                    <a:gd name="connsiteX99" fmla="*/ 489134 w 1332519"/>
                    <a:gd name="connsiteY99" fmla="*/ 1300198 h 1332438"/>
                    <a:gd name="connsiteX100" fmla="*/ 491964 w 1332519"/>
                    <a:gd name="connsiteY100" fmla="*/ 1305208 h 1332438"/>
                    <a:gd name="connsiteX101" fmla="*/ 486954 w 1332519"/>
                    <a:gd name="connsiteY101" fmla="*/ 1308039 h 1332438"/>
                    <a:gd name="connsiteX102" fmla="*/ 460927 w 1332519"/>
                    <a:gd name="connsiteY102" fmla="*/ 1300198 h 1332438"/>
                    <a:gd name="connsiteX103" fmla="*/ 459301 w 1332519"/>
                    <a:gd name="connsiteY103" fmla="*/ 1299222 h 1332438"/>
                    <a:gd name="connsiteX104" fmla="*/ 20203 w 1332519"/>
                    <a:gd name="connsiteY104" fmla="*/ 826941 h 1332438"/>
                    <a:gd name="connsiteX105" fmla="*/ 19129 w 1332519"/>
                    <a:gd name="connsiteY105" fmla="*/ 825021 h 1332438"/>
                    <a:gd name="connsiteX106" fmla="*/ 13208 w 1332519"/>
                    <a:gd name="connsiteY106" fmla="*/ 798409 h 1332438"/>
                    <a:gd name="connsiteX107" fmla="*/ 16396 w 1332519"/>
                    <a:gd name="connsiteY107" fmla="*/ 793627 h 1332438"/>
                    <a:gd name="connsiteX108" fmla="*/ 21179 w 1332519"/>
                    <a:gd name="connsiteY108" fmla="*/ 796815 h 1332438"/>
                    <a:gd name="connsiteX109" fmla="*/ 27035 w 1332519"/>
                    <a:gd name="connsiteY109" fmla="*/ 823102 h 1332438"/>
                    <a:gd name="connsiteX110" fmla="*/ 24042 w 1332519"/>
                    <a:gd name="connsiteY110" fmla="*/ 828014 h 1332438"/>
                    <a:gd name="connsiteX111" fmla="*/ 20203 w 1332519"/>
                    <a:gd name="connsiteY111" fmla="*/ 826941 h 1332438"/>
                    <a:gd name="connsiteX112" fmla="*/ 511126 w 1332519"/>
                    <a:gd name="connsiteY112" fmla="*/ 1313634 h 1332438"/>
                    <a:gd name="connsiteX113" fmla="*/ 510053 w 1332519"/>
                    <a:gd name="connsiteY113" fmla="*/ 1309828 h 1332438"/>
                    <a:gd name="connsiteX114" fmla="*/ 514933 w 1332519"/>
                    <a:gd name="connsiteY114" fmla="*/ 1306803 h 1332438"/>
                    <a:gd name="connsiteX115" fmla="*/ 541219 w 1332519"/>
                    <a:gd name="connsiteY115" fmla="*/ 1312431 h 1332438"/>
                    <a:gd name="connsiteX116" fmla="*/ 544440 w 1332519"/>
                    <a:gd name="connsiteY116" fmla="*/ 1317181 h 1332438"/>
                    <a:gd name="connsiteX117" fmla="*/ 539690 w 1332519"/>
                    <a:gd name="connsiteY117" fmla="*/ 1320401 h 1332438"/>
                    <a:gd name="connsiteX118" fmla="*/ 513078 w 1332519"/>
                    <a:gd name="connsiteY118" fmla="*/ 1314708 h 1332438"/>
                    <a:gd name="connsiteX119" fmla="*/ 511126 w 1332519"/>
                    <a:gd name="connsiteY119" fmla="*/ 1313634 h 1332438"/>
                    <a:gd name="connsiteX120" fmla="*/ 9532 w 1332519"/>
                    <a:gd name="connsiteY120" fmla="*/ 774074 h 1332438"/>
                    <a:gd name="connsiteX121" fmla="*/ 8393 w 1332519"/>
                    <a:gd name="connsiteY121" fmla="*/ 771862 h 1332438"/>
                    <a:gd name="connsiteX122" fmla="*/ 4652 w 1332519"/>
                    <a:gd name="connsiteY122" fmla="*/ 744860 h 1332438"/>
                    <a:gd name="connsiteX123" fmla="*/ 8198 w 1332519"/>
                    <a:gd name="connsiteY123" fmla="*/ 740338 h 1332438"/>
                    <a:gd name="connsiteX124" fmla="*/ 12721 w 1332519"/>
                    <a:gd name="connsiteY124" fmla="*/ 743884 h 1332438"/>
                    <a:gd name="connsiteX125" fmla="*/ 16429 w 1332519"/>
                    <a:gd name="connsiteY125" fmla="*/ 770561 h 1332438"/>
                    <a:gd name="connsiteX126" fmla="*/ 13046 w 1332519"/>
                    <a:gd name="connsiteY126" fmla="*/ 775213 h 1332438"/>
                    <a:gd name="connsiteX127" fmla="*/ 9532 w 1332519"/>
                    <a:gd name="connsiteY127" fmla="*/ 774074 h 1332438"/>
                    <a:gd name="connsiteX128" fmla="*/ 563927 w 1332519"/>
                    <a:gd name="connsiteY128" fmla="*/ 1323817 h 1332438"/>
                    <a:gd name="connsiteX129" fmla="*/ 562789 w 1332519"/>
                    <a:gd name="connsiteY129" fmla="*/ 1320336 h 1332438"/>
                    <a:gd name="connsiteX130" fmla="*/ 567408 w 1332519"/>
                    <a:gd name="connsiteY130" fmla="*/ 1316920 h 1332438"/>
                    <a:gd name="connsiteX131" fmla="*/ 594053 w 1332519"/>
                    <a:gd name="connsiteY131" fmla="*/ 1320401 h 1332438"/>
                    <a:gd name="connsiteX132" fmla="*/ 597631 w 1332519"/>
                    <a:gd name="connsiteY132" fmla="*/ 1324891 h 1332438"/>
                    <a:gd name="connsiteX133" fmla="*/ 593142 w 1332519"/>
                    <a:gd name="connsiteY133" fmla="*/ 1328470 h 1332438"/>
                    <a:gd name="connsiteX134" fmla="*/ 566172 w 1332519"/>
                    <a:gd name="connsiteY134" fmla="*/ 1324956 h 1332438"/>
                    <a:gd name="connsiteX135" fmla="*/ 563895 w 1332519"/>
                    <a:gd name="connsiteY135" fmla="*/ 1323817 h 1332438"/>
                    <a:gd name="connsiteX136" fmla="*/ 3188 w 1332519"/>
                    <a:gd name="connsiteY136" fmla="*/ 720558 h 1332438"/>
                    <a:gd name="connsiteX137" fmla="*/ 2017 w 1332519"/>
                    <a:gd name="connsiteY137" fmla="*/ 717987 h 1332438"/>
                    <a:gd name="connsiteX138" fmla="*/ 456 w 1332519"/>
                    <a:gd name="connsiteY138" fmla="*/ 690790 h 1332438"/>
                    <a:gd name="connsiteX139" fmla="*/ 4359 w 1332519"/>
                    <a:gd name="connsiteY139" fmla="*/ 686593 h 1332438"/>
                    <a:gd name="connsiteX140" fmla="*/ 8556 w 1332519"/>
                    <a:gd name="connsiteY140" fmla="*/ 690497 h 1332438"/>
                    <a:gd name="connsiteX141" fmla="*/ 10085 w 1332519"/>
                    <a:gd name="connsiteY141" fmla="*/ 717369 h 1332438"/>
                    <a:gd name="connsiteX142" fmla="*/ 6344 w 1332519"/>
                    <a:gd name="connsiteY142" fmla="*/ 721729 h 1332438"/>
                    <a:gd name="connsiteX143" fmla="*/ 3156 w 1332519"/>
                    <a:gd name="connsiteY143" fmla="*/ 720558 h 1332438"/>
                    <a:gd name="connsiteX144" fmla="*/ 617444 w 1332519"/>
                    <a:gd name="connsiteY144" fmla="*/ 1329706 h 1332438"/>
                    <a:gd name="connsiteX145" fmla="*/ 616273 w 1332519"/>
                    <a:gd name="connsiteY145" fmla="*/ 1326550 h 1332438"/>
                    <a:gd name="connsiteX146" fmla="*/ 620600 w 1332519"/>
                    <a:gd name="connsiteY146" fmla="*/ 1322776 h 1332438"/>
                    <a:gd name="connsiteX147" fmla="*/ 647472 w 1332519"/>
                    <a:gd name="connsiteY147" fmla="*/ 1324078 h 1332438"/>
                    <a:gd name="connsiteX148" fmla="*/ 651408 w 1332519"/>
                    <a:gd name="connsiteY148" fmla="*/ 1328242 h 1332438"/>
                    <a:gd name="connsiteX149" fmla="*/ 647244 w 1332519"/>
                    <a:gd name="connsiteY149" fmla="*/ 1332178 h 1332438"/>
                    <a:gd name="connsiteX150" fmla="*/ 620047 w 1332519"/>
                    <a:gd name="connsiteY150" fmla="*/ 1330844 h 1332438"/>
                    <a:gd name="connsiteX151" fmla="*/ 617444 w 1332519"/>
                    <a:gd name="connsiteY151" fmla="*/ 1329673 h 1332438"/>
                    <a:gd name="connsiteX152" fmla="*/ 1204 w 1332519"/>
                    <a:gd name="connsiteY152" fmla="*/ 666748 h 1332438"/>
                    <a:gd name="connsiteX153" fmla="*/ 0 w 1332519"/>
                    <a:gd name="connsiteY153" fmla="*/ 663852 h 1332438"/>
                    <a:gd name="connsiteX154" fmla="*/ 651 w 1332519"/>
                    <a:gd name="connsiteY154" fmla="*/ 636622 h 1332438"/>
                    <a:gd name="connsiteX155" fmla="*/ 4880 w 1332519"/>
                    <a:gd name="connsiteY155" fmla="*/ 632751 h 1332438"/>
                    <a:gd name="connsiteX156" fmla="*/ 8751 w 1332519"/>
                    <a:gd name="connsiteY156" fmla="*/ 636980 h 1332438"/>
                    <a:gd name="connsiteX157" fmla="*/ 8101 w 1332519"/>
                    <a:gd name="connsiteY157" fmla="*/ 663885 h 1332438"/>
                    <a:gd name="connsiteX158" fmla="*/ 4034 w 1332519"/>
                    <a:gd name="connsiteY158" fmla="*/ 667919 h 1332438"/>
                    <a:gd name="connsiteX159" fmla="*/ 1171 w 1332519"/>
                    <a:gd name="connsiteY159" fmla="*/ 666715 h 1332438"/>
                    <a:gd name="connsiteX160" fmla="*/ 671286 w 1332519"/>
                    <a:gd name="connsiteY160" fmla="*/ 1331267 h 1332438"/>
                    <a:gd name="connsiteX161" fmla="*/ 670082 w 1332519"/>
                    <a:gd name="connsiteY161" fmla="*/ 1328437 h 1332438"/>
                    <a:gd name="connsiteX162" fmla="*/ 674084 w 1332519"/>
                    <a:gd name="connsiteY162" fmla="*/ 1324338 h 1332438"/>
                    <a:gd name="connsiteX163" fmla="*/ 700989 w 1332519"/>
                    <a:gd name="connsiteY163" fmla="*/ 1323459 h 1332438"/>
                    <a:gd name="connsiteX164" fmla="*/ 705251 w 1332519"/>
                    <a:gd name="connsiteY164" fmla="*/ 1327298 h 1332438"/>
                    <a:gd name="connsiteX165" fmla="*/ 701412 w 1332519"/>
                    <a:gd name="connsiteY165" fmla="*/ 1331560 h 1332438"/>
                    <a:gd name="connsiteX166" fmla="*/ 674182 w 1332519"/>
                    <a:gd name="connsiteY166" fmla="*/ 1332439 h 1332438"/>
                    <a:gd name="connsiteX167" fmla="*/ 671253 w 1332519"/>
                    <a:gd name="connsiteY167" fmla="*/ 1331235 h 1332438"/>
                    <a:gd name="connsiteX168" fmla="*/ 3579 w 1332519"/>
                    <a:gd name="connsiteY168" fmla="*/ 612971 h 1332438"/>
                    <a:gd name="connsiteX169" fmla="*/ 2407 w 1332519"/>
                    <a:gd name="connsiteY169" fmla="*/ 609750 h 1332438"/>
                    <a:gd name="connsiteX170" fmla="*/ 5238 w 1332519"/>
                    <a:gd name="connsiteY170" fmla="*/ 582683 h 1332438"/>
                    <a:gd name="connsiteX171" fmla="*/ 9760 w 1332519"/>
                    <a:gd name="connsiteY171" fmla="*/ 579169 h 1332438"/>
                    <a:gd name="connsiteX172" fmla="*/ 13273 w 1332519"/>
                    <a:gd name="connsiteY172" fmla="*/ 583691 h 1332438"/>
                    <a:gd name="connsiteX173" fmla="*/ 10476 w 1332519"/>
                    <a:gd name="connsiteY173" fmla="*/ 610433 h 1332438"/>
                    <a:gd name="connsiteX174" fmla="*/ 6084 w 1332519"/>
                    <a:gd name="connsiteY174" fmla="*/ 614142 h 1332438"/>
                    <a:gd name="connsiteX175" fmla="*/ 3546 w 1332519"/>
                    <a:gd name="connsiteY175" fmla="*/ 612971 h 1332438"/>
                    <a:gd name="connsiteX176" fmla="*/ 725063 w 1332519"/>
                    <a:gd name="connsiteY176" fmla="*/ 1328470 h 1332438"/>
                    <a:gd name="connsiteX177" fmla="*/ 723892 w 1332519"/>
                    <a:gd name="connsiteY177" fmla="*/ 1325964 h 1332438"/>
                    <a:gd name="connsiteX178" fmla="*/ 727568 w 1332519"/>
                    <a:gd name="connsiteY178" fmla="*/ 1321540 h 1332438"/>
                    <a:gd name="connsiteX179" fmla="*/ 754310 w 1332519"/>
                    <a:gd name="connsiteY179" fmla="*/ 1318514 h 1332438"/>
                    <a:gd name="connsiteX180" fmla="*/ 758865 w 1332519"/>
                    <a:gd name="connsiteY180" fmla="*/ 1321995 h 1332438"/>
                    <a:gd name="connsiteX181" fmla="*/ 755384 w 1332519"/>
                    <a:gd name="connsiteY181" fmla="*/ 1326550 h 1332438"/>
                    <a:gd name="connsiteX182" fmla="*/ 728317 w 1332519"/>
                    <a:gd name="connsiteY182" fmla="*/ 1329608 h 1332438"/>
                    <a:gd name="connsiteX183" fmla="*/ 725063 w 1332519"/>
                    <a:gd name="connsiteY183" fmla="*/ 1328437 h 1332438"/>
                    <a:gd name="connsiteX184" fmla="*/ 10281 w 1332519"/>
                    <a:gd name="connsiteY184" fmla="*/ 559584 h 1332438"/>
                    <a:gd name="connsiteX185" fmla="*/ 9142 w 1332519"/>
                    <a:gd name="connsiteY185" fmla="*/ 556038 h 1332438"/>
                    <a:gd name="connsiteX186" fmla="*/ 14152 w 1332519"/>
                    <a:gd name="connsiteY186" fmla="*/ 529296 h 1332438"/>
                    <a:gd name="connsiteX187" fmla="*/ 18967 w 1332519"/>
                    <a:gd name="connsiteY187" fmla="*/ 526140 h 1332438"/>
                    <a:gd name="connsiteX188" fmla="*/ 22122 w 1332519"/>
                    <a:gd name="connsiteY188" fmla="*/ 530955 h 1332438"/>
                    <a:gd name="connsiteX189" fmla="*/ 17178 w 1332519"/>
                    <a:gd name="connsiteY189" fmla="*/ 557372 h 1332438"/>
                    <a:gd name="connsiteX190" fmla="*/ 12493 w 1332519"/>
                    <a:gd name="connsiteY190" fmla="*/ 560723 h 1332438"/>
                    <a:gd name="connsiteX191" fmla="*/ 10281 w 1332519"/>
                    <a:gd name="connsiteY191" fmla="*/ 559584 h 1332438"/>
                    <a:gd name="connsiteX192" fmla="*/ 778482 w 1332519"/>
                    <a:gd name="connsiteY192" fmla="*/ 1321312 h 1332438"/>
                    <a:gd name="connsiteX193" fmla="*/ 777344 w 1332519"/>
                    <a:gd name="connsiteY193" fmla="*/ 1319133 h 1332438"/>
                    <a:gd name="connsiteX194" fmla="*/ 780629 w 1332519"/>
                    <a:gd name="connsiteY194" fmla="*/ 1314415 h 1332438"/>
                    <a:gd name="connsiteX195" fmla="*/ 807046 w 1332519"/>
                    <a:gd name="connsiteY195" fmla="*/ 1309210 h 1332438"/>
                    <a:gd name="connsiteX196" fmla="*/ 811894 w 1332519"/>
                    <a:gd name="connsiteY196" fmla="*/ 1312301 h 1332438"/>
                    <a:gd name="connsiteX197" fmla="*/ 808803 w 1332519"/>
                    <a:gd name="connsiteY197" fmla="*/ 1317148 h 1332438"/>
                    <a:gd name="connsiteX198" fmla="*/ 782061 w 1332519"/>
                    <a:gd name="connsiteY198" fmla="*/ 1322418 h 1332438"/>
                    <a:gd name="connsiteX199" fmla="*/ 778482 w 1332519"/>
                    <a:gd name="connsiteY199" fmla="*/ 1321280 h 1332438"/>
                    <a:gd name="connsiteX200" fmla="*/ 21276 w 1332519"/>
                    <a:gd name="connsiteY200" fmla="*/ 506913 h 1332438"/>
                    <a:gd name="connsiteX201" fmla="*/ 20203 w 1332519"/>
                    <a:gd name="connsiteY201" fmla="*/ 503042 h 1332438"/>
                    <a:gd name="connsiteX202" fmla="*/ 27360 w 1332519"/>
                    <a:gd name="connsiteY202" fmla="*/ 476820 h 1332438"/>
                    <a:gd name="connsiteX203" fmla="*/ 32403 w 1332519"/>
                    <a:gd name="connsiteY203" fmla="*/ 474087 h 1332438"/>
                    <a:gd name="connsiteX204" fmla="*/ 35135 w 1332519"/>
                    <a:gd name="connsiteY204" fmla="*/ 479130 h 1332438"/>
                    <a:gd name="connsiteX205" fmla="*/ 28043 w 1332519"/>
                    <a:gd name="connsiteY205" fmla="*/ 505026 h 1332438"/>
                    <a:gd name="connsiteX206" fmla="*/ 23098 w 1332519"/>
                    <a:gd name="connsiteY206" fmla="*/ 507987 h 1332438"/>
                    <a:gd name="connsiteX207" fmla="*/ 21212 w 1332519"/>
                    <a:gd name="connsiteY207" fmla="*/ 506913 h 1332438"/>
                    <a:gd name="connsiteX208" fmla="*/ 831186 w 1332519"/>
                    <a:gd name="connsiteY208" fmla="*/ 1309828 h 1332438"/>
                    <a:gd name="connsiteX209" fmla="*/ 830145 w 1332519"/>
                    <a:gd name="connsiteY209" fmla="*/ 1307974 h 1332438"/>
                    <a:gd name="connsiteX210" fmla="*/ 833040 w 1332519"/>
                    <a:gd name="connsiteY210" fmla="*/ 1303029 h 1332438"/>
                    <a:gd name="connsiteX211" fmla="*/ 858969 w 1332519"/>
                    <a:gd name="connsiteY211" fmla="*/ 1295709 h 1332438"/>
                    <a:gd name="connsiteX212" fmla="*/ 864044 w 1332519"/>
                    <a:gd name="connsiteY212" fmla="*/ 1298409 h 1332438"/>
                    <a:gd name="connsiteX213" fmla="*/ 861344 w 1332519"/>
                    <a:gd name="connsiteY213" fmla="*/ 1303484 h 1332438"/>
                    <a:gd name="connsiteX214" fmla="*/ 835090 w 1332519"/>
                    <a:gd name="connsiteY214" fmla="*/ 1310902 h 1332438"/>
                    <a:gd name="connsiteX215" fmla="*/ 831186 w 1332519"/>
                    <a:gd name="connsiteY215" fmla="*/ 1309828 h 1332438"/>
                    <a:gd name="connsiteX216" fmla="*/ 36502 w 1332519"/>
                    <a:gd name="connsiteY216" fmla="*/ 455348 h 1332438"/>
                    <a:gd name="connsiteX217" fmla="*/ 35526 w 1332519"/>
                    <a:gd name="connsiteY217" fmla="*/ 451152 h 1332438"/>
                    <a:gd name="connsiteX218" fmla="*/ 44798 w 1332519"/>
                    <a:gd name="connsiteY218" fmla="*/ 425613 h 1332438"/>
                    <a:gd name="connsiteX219" fmla="*/ 50036 w 1332519"/>
                    <a:gd name="connsiteY219" fmla="*/ 423303 h 1332438"/>
                    <a:gd name="connsiteX220" fmla="*/ 52346 w 1332519"/>
                    <a:gd name="connsiteY220" fmla="*/ 428541 h 1332438"/>
                    <a:gd name="connsiteX221" fmla="*/ 43171 w 1332519"/>
                    <a:gd name="connsiteY221" fmla="*/ 453754 h 1332438"/>
                    <a:gd name="connsiteX222" fmla="*/ 38031 w 1332519"/>
                    <a:gd name="connsiteY222" fmla="*/ 456292 h 1332438"/>
                    <a:gd name="connsiteX223" fmla="*/ 36469 w 1332519"/>
                    <a:gd name="connsiteY223" fmla="*/ 455316 h 1332438"/>
                    <a:gd name="connsiteX224" fmla="*/ 882783 w 1332519"/>
                    <a:gd name="connsiteY224" fmla="*/ 1294082 h 1332438"/>
                    <a:gd name="connsiteX225" fmla="*/ 881840 w 1332519"/>
                    <a:gd name="connsiteY225" fmla="*/ 1292553 h 1332438"/>
                    <a:gd name="connsiteX226" fmla="*/ 884345 w 1332519"/>
                    <a:gd name="connsiteY226" fmla="*/ 1287380 h 1332438"/>
                    <a:gd name="connsiteX227" fmla="*/ 909590 w 1332519"/>
                    <a:gd name="connsiteY227" fmla="*/ 1277946 h 1332438"/>
                    <a:gd name="connsiteX228" fmla="*/ 914861 w 1332519"/>
                    <a:gd name="connsiteY228" fmla="*/ 1280223 h 1332438"/>
                    <a:gd name="connsiteX229" fmla="*/ 912584 w 1332519"/>
                    <a:gd name="connsiteY229" fmla="*/ 1285493 h 1332438"/>
                    <a:gd name="connsiteX230" fmla="*/ 887013 w 1332519"/>
                    <a:gd name="connsiteY230" fmla="*/ 1295026 h 1332438"/>
                    <a:gd name="connsiteX231" fmla="*/ 882783 w 1332519"/>
                    <a:gd name="connsiteY231" fmla="*/ 1294050 h 1332438"/>
                    <a:gd name="connsiteX232" fmla="*/ 55859 w 1332519"/>
                    <a:gd name="connsiteY232" fmla="*/ 405215 h 1332438"/>
                    <a:gd name="connsiteX233" fmla="*/ 55013 w 1332519"/>
                    <a:gd name="connsiteY233" fmla="*/ 400725 h 1332438"/>
                    <a:gd name="connsiteX234" fmla="*/ 66367 w 1332519"/>
                    <a:gd name="connsiteY234" fmla="*/ 375968 h 1332438"/>
                    <a:gd name="connsiteX235" fmla="*/ 71800 w 1332519"/>
                    <a:gd name="connsiteY235" fmla="*/ 374081 h 1332438"/>
                    <a:gd name="connsiteX236" fmla="*/ 73687 w 1332519"/>
                    <a:gd name="connsiteY236" fmla="*/ 379514 h 1332438"/>
                    <a:gd name="connsiteX237" fmla="*/ 62463 w 1332519"/>
                    <a:gd name="connsiteY237" fmla="*/ 403979 h 1332438"/>
                    <a:gd name="connsiteX238" fmla="*/ 57128 w 1332519"/>
                    <a:gd name="connsiteY238" fmla="*/ 406093 h 1332438"/>
                    <a:gd name="connsiteX239" fmla="*/ 55859 w 1332519"/>
                    <a:gd name="connsiteY239" fmla="*/ 405248 h 1332438"/>
                    <a:gd name="connsiteX240" fmla="*/ 932949 w 1332519"/>
                    <a:gd name="connsiteY240" fmla="*/ 1274172 h 1332438"/>
                    <a:gd name="connsiteX241" fmla="*/ 932103 w 1332519"/>
                    <a:gd name="connsiteY241" fmla="*/ 1272968 h 1332438"/>
                    <a:gd name="connsiteX242" fmla="*/ 934153 w 1332519"/>
                    <a:gd name="connsiteY242" fmla="*/ 1267600 h 1332438"/>
                    <a:gd name="connsiteX243" fmla="*/ 958553 w 1332519"/>
                    <a:gd name="connsiteY243" fmla="*/ 1256116 h 1332438"/>
                    <a:gd name="connsiteX244" fmla="*/ 963985 w 1332519"/>
                    <a:gd name="connsiteY244" fmla="*/ 1257938 h 1332438"/>
                    <a:gd name="connsiteX245" fmla="*/ 962164 w 1332519"/>
                    <a:gd name="connsiteY245" fmla="*/ 1263371 h 1332438"/>
                    <a:gd name="connsiteX246" fmla="*/ 937439 w 1332519"/>
                    <a:gd name="connsiteY246" fmla="*/ 1274985 h 1332438"/>
                    <a:gd name="connsiteX247" fmla="*/ 932917 w 1332519"/>
                    <a:gd name="connsiteY247" fmla="*/ 1274139 h 1332438"/>
                    <a:gd name="connsiteX248" fmla="*/ 79315 w 1332519"/>
                    <a:gd name="connsiteY248" fmla="*/ 356741 h 1332438"/>
                    <a:gd name="connsiteX249" fmla="*/ 78600 w 1332519"/>
                    <a:gd name="connsiteY249" fmla="*/ 351958 h 1332438"/>
                    <a:gd name="connsiteX250" fmla="*/ 91938 w 1332519"/>
                    <a:gd name="connsiteY250" fmla="*/ 328209 h 1332438"/>
                    <a:gd name="connsiteX251" fmla="*/ 97501 w 1332519"/>
                    <a:gd name="connsiteY251" fmla="*/ 326778 h 1332438"/>
                    <a:gd name="connsiteX252" fmla="*/ 98933 w 1332519"/>
                    <a:gd name="connsiteY252" fmla="*/ 332341 h 1332438"/>
                    <a:gd name="connsiteX253" fmla="*/ 85757 w 1332519"/>
                    <a:gd name="connsiteY253" fmla="*/ 355797 h 1332438"/>
                    <a:gd name="connsiteX254" fmla="*/ 80259 w 1332519"/>
                    <a:gd name="connsiteY254" fmla="*/ 357457 h 1332438"/>
                    <a:gd name="connsiteX255" fmla="*/ 79315 w 1332519"/>
                    <a:gd name="connsiteY255" fmla="*/ 356741 h 1332438"/>
                    <a:gd name="connsiteX256" fmla="*/ 981293 w 1332519"/>
                    <a:gd name="connsiteY256" fmla="*/ 1250260 h 1332438"/>
                    <a:gd name="connsiteX257" fmla="*/ 980610 w 1332519"/>
                    <a:gd name="connsiteY257" fmla="*/ 1249349 h 1332438"/>
                    <a:gd name="connsiteX258" fmla="*/ 982236 w 1332519"/>
                    <a:gd name="connsiteY258" fmla="*/ 1243851 h 1332438"/>
                    <a:gd name="connsiteX259" fmla="*/ 1005563 w 1332519"/>
                    <a:gd name="connsiteY259" fmla="*/ 1230448 h 1332438"/>
                    <a:gd name="connsiteX260" fmla="*/ 1011126 w 1332519"/>
                    <a:gd name="connsiteY260" fmla="*/ 1231846 h 1332438"/>
                    <a:gd name="connsiteX261" fmla="*/ 1009727 w 1332519"/>
                    <a:gd name="connsiteY261" fmla="*/ 1237410 h 1332438"/>
                    <a:gd name="connsiteX262" fmla="*/ 986108 w 1332519"/>
                    <a:gd name="connsiteY262" fmla="*/ 1250976 h 1332438"/>
                    <a:gd name="connsiteX263" fmla="*/ 981293 w 1332519"/>
                    <a:gd name="connsiteY263" fmla="*/ 1250293 h 1332438"/>
                    <a:gd name="connsiteX264" fmla="*/ 106675 w 1332519"/>
                    <a:gd name="connsiteY264" fmla="*/ 310349 h 1332438"/>
                    <a:gd name="connsiteX265" fmla="*/ 106155 w 1332519"/>
                    <a:gd name="connsiteY265" fmla="*/ 305274 h 1332438"/>
                    <a:gd name="connsiteX266" fmla="*/ 121380 w 1332519"/>
                    <a:gd name="connsiteY266" fmla="*/ 282696 h 1332438"/>
                    <a:gd name="connsiteX267" fmla="*/ 127041 w 1332519"/>
                    <a:gd name="connsiteY267" fmla="*/ 281720 h 1332438"/>
                    <a:gd name="connsiteX268" fmla="*/ 128017 w 1332519"/>
                    <a:gd name="connsiteY268" fmla="*/ 287380 h 1332438"/>
                    <a:gd name="connsiteX269" fmla="*/ 112955 w 1332519"/>
                    <a:gd name="connsiteY269" fmla="*/ 309666 h 1332438"/>
                    <a:gd name="connsiteX270" fmla="*/ 107326 w 1332519"/>
                    <a:gd name="connsiteY270" fmla="*/ 310869 h 1332438"/>
                    <a:gd name="connsiteX271" fmla="*/ 106643 w 1332519"/>
                    <a:gd name="connsiteY271" fmla="*/ 310316 h 1332438"/>
                    <a:gd name="connsiteX272" fmla="*/ 1027457 w 1332519"/>
                    <a:gd name="connsiteY272" fmla="*/ 1222477 h 1332438"/>
                    <a:gd name="connsiteX273" fmla="*/ 1026937 w 1332519"/>
                    <a:gd name="connsiteY273" fmla="*/ 1221826 h 1332438"/>
                    <a:gd name="connsiteX274" fmla="*/ 1028108 w 1332519"/>
                    <a:gd name="connsiteY274" fmla="*/ 1216198 h 1332438"/>
                    <a:gd name="connsiteX275" fmla="*/ 1050263 w 1332519"/>
                    <a:gd name="connsiteY275" fmla="*/ 1200940 h 1332438"/>
                    <a:gd name="connsiteX276" fmla="*/ 1055924 w 1332519"/>
                    <a:gd name="connsiteY276" fmla="*/ 1201851 h 1332438"/>
                    <a:gd name="connsiteX277" fmla="*/ 1055013 w 1332519"/>
                    <a:gd name="connsiteY277" fmla="*/ 1207512 h 1332438"/>
                    <a:gd name="connsiteX278" fmla="*/ 1032598 w 1332519"/>
                    <a:gd name="connsiteY278" fmla="*/ 1222965 h 1332438"/>
                    <a:gd name="connsiteX279" fmla="*/ 1027490 w 1332519"/>
                    <a:gd name="connsiteY279" fmla="*/ 1222444 h 1332438"/>
                    <a:gd name="connsiteX280" fmla="*/ 137712 w 1332519"/>
                    <a:gd name="connsiteY280" fmla="*/ 266332 h 1332438"/>
                    <a:gd name="connsiteX281" fmla="*/ 137354 w 1332519"/>
                    <a:gd name="connsiteY281" fmla="*/ 260996 h 1332438"/>
                    <a:gd name="connsiteX282" fmla="*/ 154369 w 1332519"/>
                    <a:gd name="connsiteY282" fmla="*/ 239752 h 1332438"/>
                    <a:gd name="connsiteX283" fmla="*/ 160095 w 1332519"/>
                    <a:gd name="connsiteY283" fmla="*/ 239232 h 1332438"/>
                    <a:gd name="connsiteX284" fmla="*/ 160615 w 1332519"/>
                    <a:gd name="connsiteY284" fmla="*/ 244957 h 1332438"/>
                    <a:gd name="connsiteX285" fmla="*/ 143796 w 1332519"/>
                    <a:gd name="connsiteY285" fmla="*/ 265941 h 1332438"/>
                    <a:gd name="connsiteX286" fmla="*/ 138102 w 1332519"/>
                    <a:gd name="connsiteY286" fmla="*/ 266689 h 1332438"/>
                    <a:gd name="connsiteX287" fmla="*/ 137712 w 1332519"/>
                    <a:gd name="connsiteY287" fmla="*/ 266332 h 1332438"/>
                    <a:gd name="connsiteX288" fmla="*/ 1071182 w 1332519"/>
                    <a:gd name="connsiteY288" fmla="*/ 1191018 h 1332438"/>
                    <a:gd name="connsiteX289" fmla="*/ 1070857 w 1332519"/>
                    <a:gd name="connsiteY289" fmla="*/ 1190660 h 1332438"/>
                    <a:gd name="connsiteX290" fmla="*/ 1071540 w 1332519"/>
                    <a:gd name="connsiteY290" fmla="*/ 1184966 h 1332438"/>
                    <a:gd name="connsiteX291" fmla="*/ 1092361 w 1332519"/>
                    <a:gd name="connsiteY291" fmla="*/ 1167952 h 1332438"/>
                    <a:gd name="connsiteX292" fmla="*/ 1098087 w 1332519"/>
                    <a:gd name="connsiteY292" fmla="*/ 1168407 h 1332438"/>
                    <a:gd name="connsiteX293" fmla="*/ 1097631 w 1332519"/>
                    <a:gd name="connsiteY293" fmla="*/ 1174133 h 1332438"/>
                    <a:gd name="connsiteX294" fmla="*/ 1076550 w 1332519"/>
                    <a:gd name="connsiteY294" fmla="*/ 1191343 h 1332438"/>
                    <a:gd name="connsiteX295" fmla="*/ 1071182 w 1332519"/>
                    <a:gd name="connsiteY295" fmla="*/ 1191018 h 1332438"/>
                    <a:gd name="connsiteX296" fmla="*/ 172230 w 1332519"/>
                    <a:gd name="connsiteY296" fmla="*/ 224982 h 1332438"/>
                    <a:gd name="connsiteX297" fmla="*/ 172100 w 1332519"/>
                    <a:gd name="connsiteY297" fmla="*/ 219386 h 1332438"/>
                    <a:gd name="connsiteX298" fmla="*/ 190774 w 1332519"/>
                    <a:gd name="connsiteY298" fmla="*/ 199574 h 1332438"/>
                    <a:gd name="connsiteX299" fmla="*/ 196532 w 1332519"/>
                    <a:gd name="connsiteY299" fmla="*/ 199509 h 1332438"/>
                    <a:gd name="connsiteX300" fmla="*/ 196597 w 1332519"/>
                    <a:gd name="connsiteY300" fmla="*/ 205267 h 1332438"/>
                    <a:gd name="connsiteX301" fmla="*/ 178151 w 1332519"/>
                    <a:gd name="connsiteY301" fmla="*/ 224852 h 1332438"/>
                    <a:gd name="connsiteX302" fmla="*/ 172425 w 1332519"/>
                    <a:gd name="connsiteY302" fmla="*/ 225145 h 1332438"/>
                    <a:gd name="connsiteX303" fmla="*/ 172262 w 1332519"/>
                    <a:gd name="connsiteY303" fmla="*/ 225015 h 1332438"/>
                    <a:gd name="connsiteX304" fmla="*/ 1112206 w 1332519"/>
                    <a:gd name="connsiteY304" fmla="*/ 1156110 h 1332438"/>
                    <a:gd name="connsiteX305" fmla="*/ 1112076 w 1332519"/>
                    <a:gd name="connsiteY305" fmla="*/ 1155979 h 1332438"/>
                    <a:gd name="connsiteX306" fmla="*/ 1112304 w 1332519"/>
                    <a:gd name="connsiteY306" fmla="*/ 1150254 h 1332438"/>
                    <a:gd name="connsiteX307" fmla="*/ 1131693 w 1332519"/>
                    <a:gd name="connsiteY307" fmla="*/ 1131612 h 1332438"/>
                    <a:gd name="connsiteX308" fmla="*/ 1140607 w 1332519"/>
                    <a:gd name="connsiteY308" fmla="*/ 1122535 h 1332438"/>
                    <a:gd name="connsiteX309" fmla="*/ 1146366 w 1332519"/>
                    <a:gd name="connsiteY309" fmla="*/ 1122438 h 1332438"/>
                    <a:gd name="connsiteX310" fmla="*/ 1146463 w 1332519"/>
                    <a:gd name="connsiteY310" fmla="*/ 1128164 h 1332438"/>
                    <a:gd name="connsiteX311" fmla="*/ 1137452 w 1332519"/>
                    <a:gd name="connsiteY311" fmla="*/ 1137371 h 1332438"/>
                    <a:gd name="connsiteX312" fmla="*/ 1117834 w 1332519"/>
                    <a:gd name="connsiteY312" fmla="*/ 1156240 h 1332438"/>
                    <a:gd name="connsiteX313" fmla="*/ 1112206 w 1332519"/>
                    <a:gd name="connsiteY313" fmla="*/ 1156142 h 1332438"/>
                    <a:gd name="connsiteX314" fmla="*/ 209903 w 1332519"/>
                    <a:gd name="connsiteY314" fmla="*/ 186561 h 1332438"/>
                    <a:gd name="connsiteX315" fmla="*/ 209805 w 1332519"/>
                    <a:gd name="connsiteY315" fmla="*/ 186463 h 1332438"/>
                    <a:gd name="connsiteX316" fmla="*/ 209968 w 1332519"/>
                    <a:gd name="connsiteY316" fmla="*/ 180737 h 1332438"/>
                    <a:gd name="connsiteX317" fmla="*/ 230171 w 1332519"/>
                    <a:gd name="connsiteY317" fmla="*/ 162486 h 1332438"/>
                    <a:gd name="connsiteX318" fmla="*/ 235897 w 1332519"/>
                    <a:gd name="connsiteY318" fmla="*/ 162877 h 1332438"/>
                    <a:gd name="connsiteX319" fmla="*/ 235507 w 1332519"/>
                    <a:gd name="connsiteY319" fmla="*/ 168602 h 1332438"/>
                    <a:gd name="connsiteX320" fmla="*/ 215531 w 1332519"/>
                    <a:gd name="connsiteY320" fmla="*/ 186626 h 1332438"/>
                    <a:gd name="connsiteX321" fmla="*/ 209870 w 1332519"/>
                    <a:gd name="connsiteY321" fmla="*/ 186528 h 1332438"/>
                    <a:gd name="connsiteX322" fmla="*/ 1158826 w 1332519"/>
                    <a:gd name="connsiteY322" fmla="*/ 1108579 h 1332438"/>
                    <a:gd name="connsiteX323" fmla="*/ 1158663 w 1332519"/>
                    <a:gd name="connsiteY323" fmla="*/ 1103016 h 1332438"/>
                    <a:gd name="connsiteX324" fmla="*/ 1176101 w 1332519"/>
                    <a:gd name="connsiteY324" fmla="*/ 1082552 h 1332438"/>
                    <a:gd name="connsiteX325" fmla="*/ 1181827 w 1332519"/>
                    <a:gd name="connsiteY325" fmla="*/ 1081967 h 1332438"/>
                    <a:gd name="connsiteX326" fmla="*/ 1182412 w 1332519"/>
                    <a:gd name="connsiteY326" fmla="*/ 1087693 h 1332438"/>
                    <a:gd name="connsiteX327" fmla="*/ 1164747 w 1332519"/>
                    <a:gd name="connsiteY327" fmla="*/ 1108416 h 1332438"/>
                    <a:gd name="connsiteX328" fmla="*/ 1159021 w 1332519"/>
                    <a:gd name="connsiteY328" fmla="*/ 1108742 h 1332438"/>
                    <a:gd name="connsiteX329" fmla="*/ 1158858 w 1332519"/>
                    <a:gd name="connsiteY329" fmla="*/ 1108579 h 1332438"/>
                    <a:gd name="connsiteX330" fmla="*/ 250569 w 1332519"/>
                    <a:gd name="connsiteY330" fmla="*/ 151262 h 1332438"/>
                    <a:gd name="connsiteX331" fmla="*/ 250276 w 1332519"/>
                    <a:gd name="connsiteY331" fmla="*/ 150937 h 1332438"/>
                    <a:gd name="connsiteX332" fmla="*/ 250927 w 1332519"/>
                    <a:gd name="connsiteY332" fmla="*/ 145244 h 1332438"/>
                    <a:gd name="connsiteX333" fmla="*/ 272529 w 1332519"/>
                    <a:gd name="connsiteY333" fmla="*/ 128684 h 1332438"/>
                    <a:gd name="connsiteX334" fmla="*/ 278190 w 1332519"/>
                    <a:gd name="connsiteY334" fmla="*/ 129563 h 1332438"/>
                    <a:gd name="connsiteX335" fmla="*/ 277311 w 1332519"/>
                    <a:gd name="connsiteY335" fmla="*/ 135256 h 1332438"/>
                    <a:gd name="connsiteX336" fmla="*/ 255970 w 1332519"/>
                    <a:gd name="connsiteY336" fmla="*/ 151620 h 1332438"/>
                    <a:gd name="connsiteX337" fmla="*/ 250569 w 1332519"/>
                    <a:gd name="connsiteY337" fmla="*/ 151327 h 1332438"/>
                    <a:gd name="connsiteX338" fmla="*/ 1192920 w 1332519"/>
                    <a:gd name="connsiteY338" fmla="*/ 1066904 h 1332438"/>
                    <a:gd name="connsiteX339" fmla="*/ 1192562 w 1332519"/>
                    <a:gd name="connsiteY339" fmla="*/ 1061601 h 1332438"/>
                    <a:gd name="connsiteX340" fmla="*/ 1208309 w 1332519"/>
                    <a:gd name="connsiteY340" fmla="*/ 1039804 h 1332438"/>
                    <a:gd name="connsiteX341" fmla="*/ 1213969 w 1332519"/>
                    <a:gd name="connsiteY341" fmla="*/ 1038763 h 1332438"/>
                    <a:gd name="connsiteX342" fmla="*/ 1215010 w 1332519"/>
                    <a:gd name="connsiteY342" fmla="*/ 1044424 h 1332438"/>
                    <a:gd name="connsiteX343" fmla="*/ 1199069 w 1332519"/>
                    <a:gd name="connsiteY343" fmla="*/ 1066514 h 1332438"/>
                    <a:gd name="connsiteX344" fmla="*/ 1193376 w 1332519"/>
                    <a:gd name="connsiteY344" fmla="*/ 1067327 h 1332438"/>
                    <a:gd name="connsiteX345" fmla="*/ 1192953 w 1332519"/>
                    <a:gd name="connsiteY345" fmla="*/ 1066937 h 1332438"/>
                    <a:gd name="connsiteX346" fmla="*/ 293968 w 1332519"/>
                    <a:gd name="connsiteY346" fmla="*/ 119380 h 1332438"/>
                    <a:gd name="connsiteX347" fmla="*/ 293480 w 1332519"/>
                    <a:gd name="connsiteY347" fmla="*/ 118762 h 1332438"/>
                    <a:gd name="connsiteX348" fmla="*/ 294586 w 1332519"/>
                    <a:gd name="connsiteY348" fmla="*/ 113134 h 1332438"/>
                    <a:gd name="connsiteX349" fmla="*/ 317490 w 1332519"/>
                    <a:gd name="connsiteY349" fmla="*/ 98396 h 1332438"/>
                    <a:gd name="connsiteX350" fmla="*/ 323085 w 1332519"/>
                    <a:gd name="connsiteY350" fmla="*/ 99730 h 1332438"/>
                    <a:gd name="connsiteX351" fmla="*/ 321752 w 1332519"/>
                    <a:gd name="connsiteY351" fmla="*/ 105326 h 1332438"/>
                    <a:gd name="connsiteX352" fmla="*/ 299141 w 1332519"/>
                    <a:gd name="connsiteY352" fmla="*/ 119900 h 1332438"/>
                    <a:gd name="connsiteX353" fmla="*/ 294001 w 1332519"/>
                    <a:gd name="connsiteY353" fmla="*/ 119412 h 1332438"/>
                    <a:gd name="connsiteX354" fmla="*/ 1223534 w 1332519"/>
                    <a:gd name="connsiteY354" fmla="*/ 1022594 h 1332438"/>
                    <a:gd name="connsiteX355" fmla="*/ 1222981 w 1332519"/>
                    <a:gd name="connsiteY355" fmla="*/ 1017551 h 1332438"/>
                    <a:gd name="connsiteX356" fmla="*/ 1236872 w 1332519"/>
                    <a:gd name="connsiteY356" fmla="*/ 994518 h 1332438"/>
                    <a:gd name="connsiteX357" fmla="*/ 1242403 w 1332519"/>
                    <a:gd name="connsiteY357" fmla="*/ 993022 h 1332438"/>
                    <a:gd name="connsiteX358" fmla="*/ 1243900 w 1332519"/>
                    <a:gd name="connsiteY358" fmla="*/ 998552 h 1332438"/>
                    <a:gd name="connsiteX359" fmla="*/ 1229813 w 1332519"/>
                    <a:gd name="connsiteY359" fmla="*/ 1021878 h 1332438"/>
                    <a:gd name="connsiteX360" fmla="*/ 1224217 w 1332519"/>
                    <a:gd name="connsiteY360" fmla="*/ 1023147 h 1332438"/>
                    <a:gd name="connsiteX361" fmla="*/ 1223501 w 1332519"/>
                    <a:gd name="connsiteY361" fmla="*/ 1022594 h 1332438"/>
                    <a:gd name="connsiteX362" fmla="*/ 339840 w 1332519"/>
                    <a:gd name="connsiteY362" fmla="*/ 91141 h 1332438"/>
                    <a:gd name="connsiteX363" fmla="*/ 339157 w 1332519"/>
                    <a:gd name="connsiteY363" fmla="*/ 90263 h 1332438"/>
                    <a:gd name="connsiteX364" fmla="*/ 340718 w 1332519"/>
                    <a:gd name="connsiteY364" fmla="*/ 84732 h 1332438"/>
                    <a:gd name="connsiteX365" fmla="*/ 364728 w 1332519"/>
                    <a:gd name="connsiteY365" fmla="*/ 71914 h 1332438"/>
                    <a:gd name="connsiteX366" fmla="*/ 370193 w 1332519"/>
                    <a:gd name="connsiteY366" fmla="*/ 73704 h 1332438"/>
                    <a:gd name="connsiteX367" fmla="*/ 368404 w 1332519"/>
                    <a:gd name="connsiteY367" fmla="*/ 79169 h 1332438"/>
                    <a:gd name="connsiteX368" fmla="*/ 344687 w 1332519"/>
                    <a:gd name="connsiteY368" fmla="*/ 91824 h 1332438"/>
                    <a:gd name="connsiteX369" fmla="*/ 339840 w 1332519"/>
                    <a:gd name="connsiteY369" fmla="*/ 91141 h 1332438"/>
                    <a:gd name="connsiteX370" fmla="*/ 1250439 w 1332519"/>
                    <a:gd name="connsiteY370" fmla="*/ 975909 h 1332438"/>
                    <a:gd name="connsiteX371" fmla="*/ 1249723 w 1332519"/>
                    <a:gd name="connsiteY371" fmla="*/ 971159 h 1332438"/>
                    <a:gd name="connsiteX372" fmla="*/ 1261695 w 1332519"/>
                    <a:gd name="connsiteY372" fmla="*/ 947085 h 1332438"/>
                    <a:gd name="connsiteX373" fmla="*/ 1267095 w 1332519"/>
                    <a:gd name="connsiteY373" fmla="*/ 945133 h 1332438"/>
                    <a:gd name="connsiteX374" fmla="*/ 1269048 w 1332519"/>
                    <a:gd name="connsiteY374" fmla="*/ 950533 h 1332438"/>
                    <a:gd name="connsiteX375" fmla="*/ 1256945 w 1332519"/>
                    <a:gd name="connsiteY375" fmla="*/ 974933 h 1332438"/>
                    <a:gd name="connsiteX376" fmla="*/ 1251447 w 1332519"/>
                    <a:gd name="connsiteY376" fmla="*/ 976657 h 1332438"/>
                    <a:gd name="connsiteX377" fmla="*/ 1250471 w 1332519"/>
                    <a:gd name="connsiteY377" fmla="*/ 975942 h 1332438"/>
                    <a:gd name="connsiteX378" fmla="*/ 387924 w 1332519"/>
                    <a:gd name="connsiteY378" fmla="*/ 66709 h 1332438"/>
                    <a:gd name="connsiteX379" fmla="*/ 387110 w 1332519"/>
                    <a:gd name="connsiteY379" fmla="*/ 65538 h 1332438"/>
                    <a:gd name="connsiteX380" fmla="*/ 389127 w 1332519"/>
                    <a:gd name="connsiteY380" fmla="*/ 60170 h 1332438"/>
                    <a:gd name="connsiteX381" fmla="*/ 414178 w 1332519"/>
                    <a:gd name="connsiteY381" fmla="*/ 49336 h 1332438"/>
                    <a:gd name="connsiteX382" fmla="*/ 419480 w 1332519"/>
                    <a:gd name="connsiteY382" fmla="*/ 51549 h 1332438"/>
                    <a:gd name="connsiteX383" fmla="*/ 417268 w 1332519"/>
                    <a:gd name="connsiteY383" fmla="*/ 56851 h 1332438"/>
                    <a:gd name="connsiteX384" fmla="*/ 392511 w 1332519"/>
                    <a:gd name="connsiteY384" fmla="*/ 67555 h 1332438"/>
                    <a:gd name="connsiteX385" fmla="*/ 387956 w 1332519"/>
                    <a:gd name="connsiteY385" fmla="*/ 66741 h 1332438"/>
                    <a:gd name="connsiteX386" fmla="*/ 1273407 w 1332519"/>
                    <a:gd name="connsiteY386" fmla="*/ 927207 h 1332438"/>
                    <a:gd name="connsiteX387" fmla="*/ 1272529 w 1332519"/>
                    <a:gd name="connsiteY387" fmla="*/ 922750 h 1332438"/>
                    <a:gd name="connsiteX388" fmla="*/ 1282452 w 1332519"/>
                    <a:gd name="connsiteY388" fmla="*/ 897830 h 1332438"/>
                    <a:gd name="connsiteX389" fmla="*/ 1287689 w 1332519"/>
                    <a:gd name="connsiteY389" fmla="*/ 895455 h 1332438"/>
                    <a:gd name="connsiteX390" fmla="*/ 1290064 w 1332519"/>
                    <a:gd name="connsiteY390" fmla="*/ 900693 h 1332438"/>
                    <a:gd name="connsiteX391" fmla="*/ 1280012 w 1332519"/>
                    <a:gd name="connsiteY391" fmla="*/ 925938 h 1332438"/>
                    <a:gd name="connsiteX392" fmla="*/ 1274676 w 1332519"/>
                    <a:gd name="connsiteY392" fmla="*/ 928086 h 1332438"/>
                    <a:gd name="connsiteX393" fmla="*/ 1273375 w 1332519"/>
                    <a:gd name="connsiteY393" fmla="*/ 927207 h 1332438"/>
                    <a:gd name="connsiteX394" fmla="*/ 437894 w 1332519"/>
                    <a:gd name="connsiteY394" fmla="*/ 46311 h 1332438"/>
                    <a:gd name="connsiteX395" fmla="*/ 436951 w 1332519"/>
                    <a:gd name="connsiteY395" fmla="*/ 44814 h 1332438"/>
                    <a:gd name="connsiteX396" fmla="*/ 439391 w 1332519"/>
                    <a:gd name="connsiteY396" fmla="*/ 39609 h 1332438"/>
                    <a:gd name="connsiteX397" fmla="*/ 465222 w 1332519"/>
                    <a:gd name="connsiteY397" fmla="*/ 30858 h 1332438"/>
                    <a:gd name="connsiteX398" fmla="*/ 470330 w 1332519"/>
                    <a:gd name="connsiteY398" fmla="*/ 33525 h 1332438"/>
                    <a:gd name="connsiteX399" fmla="*/ 467695 w 1332519"/>
                    <a:gd name="connsiteY399" fmla="*/ 38633 h 1332438"/>
                    <a:gd name="connsiteX400" fmla="*/ 442156 w 1332519"/>
                    <a:gd name="connsiteY400" fmla="*/ 47254 h 1332438"/>
                    <a:gd name="connsiteX401" fmla="*/ 437894 w 1332519"/>
                    <a:gd name="connsiteY401" fmla="*/ 46311 h 1332438"/>
                    <a:gd name="connsiteX402" fmla="*/ 1292308 w 1332519"/>
                    <a:gd name="connsiteY402" fmla="*/ 876911 h 1332438"/>
                    <a:gd name="connsiteX403" fmla="*/ 1291333 w 1332519"/>
                    <a:gd name="connsiteY403" fmla="*/ 872780 h 1332438"/>
                    <a:gd name="connsiteX404" fmla="*/ 1299206 w 1332519"/>
                    <a:gd name="connsiteY404" fmla="*/ 847111 h 1332438"/>
                    <a:gd name="connsiteX405" fmla="*/ 1304216 w 1332519"/>
                    <a:gd name="connsiteY405" fmla="*/ 844313 h 1332438"/>
                    <a:gd name="connsiteX406" fmla="*/ 1307013 w 1332519"/>
                    <a:gd name="connsiteY406" fmla="*/ 849323 h 1332438"/>
                    <a:gd name="connsiteX407" fmla="*/ 1299043 w 1332519"/>
                    <a:gd name="connsiteY407" fmla="*/ 875317 h 1332438"/>
                    <a:gd name="connsiteX408" fmla="*/ 1293903 w 1332519"/>
                    <a:gd name="connsiteY408" fmla="*/ 877887 h 1332438"/>
                    <a:gd name="connsiteX409" fmla="*/ 1292308 w 1332519"/>
                    <a:gd name="connsiteY409" fmla="*/ 876911 h 1332438"/>
                    <a:gd name="connsiteX410" fmla="*/ 489361 w 1332519"/>
                    <a:gd name="connsiteY410" fmla="*/ 30077 h 1332438"/>
                    <a:gd name="connsiteX411" fmla="*/ 488320 w 1332519"/>
                    <a:gd name="connsiteY411" fmla="*/ 28287 h 1332438"/>
                    <a:gd name="connsiteX412" fmla="*/ 491183 w 1332519"/>
                    <a:gd name="connsiteY412" fmla="*/ 23310 h 1332438"/>
                    <a:gd name="connsiteX413" fmla="*/ 517633 w 1332519"/>
                    <a:gd name="connsiteY413" fmla="*/ 16706 h 1332438"/>
                    <a:gd name="connsiteX414" fmla="*/ 522480 w 1332519"/>
                    <a:gd name="connsiteY414" fmla="*/ 19764 h 1332438"/>
                    <a:gd name="connsiteX415" fmla="*/ 519422 w 1332519"/>
                    <a:gd name="connsiteY415" fmla="*/ 24611 h 1332438"/>
                    <a:gd name="connsiteX416" fmla="*/ 493298 w 1332519"/>
                    <a:gd name="connsiteY416" fmla="*/ 31118 h 1332438"/>
                    <a:gd name="connsiteX417" fmla="*/ 489361 w 1332519"/>
                    <a:gd name="connsiteY417" fmla="*/ 30077 h 1332438"/>
                    <a:gd name="connsiteX418" fmla="*/ 1307046 w 1332519"/>
                    <a:gd name="connsiteY418" fmla="*/ 825184 h 1332438"/>
                    <a:gd name="connsiteX419" fmla="*/ 1305973 w 1332519"/>
                    <a:gd name="connsiteY419" fmla="*/ 821345 h 1332438"/>
                    <a:gd name="connsiteX420" fmla="*/ 1311731 w 1332519"/>
                    <a:gd name="connsiteY420" fmla="*/ 795123 h 1332438"/>
                    <a:gd name="connsiteX421" fmla="*/ 1316514 w 1332519"/>
                    <a:gd name="connsiteY421" fmla="*/ 791935 h 1332438"/>
                    <a:gd name="connsiteX422" fmla="*/ 1319702 w 1332519"/>
                    <a:gd name="connsiteY422" fmla="*/ 796717 h 1332438"/>
                    <a:gd name="connsiteX423" fmla="*/ 1313846 w 1332519"/>
                    <a:gd name="connsiteY423" fmla="*/ 823264 h 1332438"/>
                    <a:gd name="connsiteX424" fmla="*/ 1308933 w 1332519"/>
                    <a:gd name="connsiteY424" fmla="*/ 826257 h 1332438"/>
                    <a:gd name="connsiteX425" fmla="*/ 1307013 w 1332519"/>
                    <a:gd name="connsiteY425" fmla="*/ 825184 h 1332438"/>
                    <a:gd name="connsiteX426" fmla="*/ 541935 w 1332519"/>
                    <a:gd name="connsiteY426" fmla="*/ 18072 h 1332438"/>
                    <a:gd name="connsiteX427" fmla="*/ 540829 w 1332519"/>
                    <a:gd name="connsiteY427" fmla="*/ 15957 h 1332438"/>
                    <a:gd name="connsiteX428" fmla="*/ 544082 w 1332519"/>
                    <a:gd name="connsiteY428" fmla="*/ 11208 h 1332438"/>
                    <a:gd name="connsiteX429" fmla="*/ 570987 w 1332519"/>
                    <a:gd name="connsiteY429" fmla="*/ 6783 h 1332438"/>
                    <a:gd name="connsiteX430" fmla="*/ 575574 w 1332519"/>
                    <a:gd name="connsiteY430" fmla="*/ 10232 h 1332438"/>
                    <a:gd name="connsiteX431" fmla="*/ 572126 w 1332519"/>
                    <a:gd name="connsiteY431" fmla="*/ 14819 h 1332438"/>
                    <a:gd name="connsiteX432" fmla="*/ 545546 w 1332519"/>
                    <a:gd name="connsiteY432" fmla="*/ 19178 h 1332438"/>
                    <a:gd name="connsiteX433" fmla="*/ 541935 w 1332519"/>
                    <a:gd name="connsiteY433" fmla="*/ 18040 h 1332438"/>
                    <a:gd name="connsiteX434" fmla="*/ 1317554 w 1332519"/>
                    <a:gd name="connsiteY434" fmla="*/ 772415 h 1332438"/>
                    <a:gd name="connsiteX435" fmla="*/ 1316416 w 1332519"/>
                    <a:gd name="connsiteY435" fmla="*/ 768902 h 1332438"/>
                    <a:gd name="connsiteX436" fmla="*/ 1320059 w 1332519"/>
                    <a:gd name="connsiteY436" fmla="*/ 742257 h 1332438"/>
                    <a:gd name="connsiteX437" fmla="*/ 1324549 w 1332519"/>
                    <a:gd name="connsiteY437" fmla="*/ 738678 h 1332438"/>
                    <a:gd name="connsiteX438" fmla="*/ 1328127 w 1332519"/>
                    <a:gd name="connsiteY438" fmla="*/ 743168 h 1332438"/>
                    <a:gd name="connsiteX439" fmla="*/ 1324451 w 1332519"/>
                    <a:gd name="connsiteY439" fmla="*/ 770138 h 1332438"/>
                    <a:gd name="connsiteX440" fmla="*/ 1319799 w 1332519"/>
                    <a:gd name="connsiteY440" fmla="*/ 773521 h 1332438"/>
                    <a:gd name="connsiteX441" fmla="*/ 1317554 w 1332519"/>
                    <a:gd name="connsiteY441" fmla="*/ 772383 h 1332438"/>
                    <a:gd name="connsiteX442" fmla="*/ 595289 w 1332519"/>
                    <a:gd name="connsiteY442" fmla="*/ 10394 h 1332438"/>
                    <a:gd name="connsiteX443" fmla="*/ 594118 w 1332519"/>
                    <a:gd name="connsiteY443" fmla="*/ 7954 h 1332438"/>
                    <a:gd name="connsiteX444" fmla="*/ 597729 w 1332519"/>
                    <a:gd name="connsiteY444" fmla="*/ 3497 h 1332438"/>
                    <a:gd name="connsiteX445" fmla="*/ 624894 w 1332519"/>
                    <a:gd name="connsiteY445" fmla="*/ 1253 h 1332438"/>
                    <a:gd name="connsiteX446" fmla="*/ 629189 w 1332519"/>
                    <a:gd name="connsiteY446" fmla="*/ 5059 h 1332438"/>
                    <a:gd name="connsiteX447" fmla="*/ 625382 w 1332519"/>
                    <a:gd name="connsiteY447" fmla="*/ 9353 h 1332438"/>
                    <a:gd name="connsiteX448" fmla="*/ 598575 w 1332519"/>
                    <a:gd name="connsiteY448" fmla="*/ 11565 h 1332438"/>
                    <a:gd name="connsiteX449" fmla="*/ 595289 w 1332519"/>
                    <a:gd name="connsiteY449" fmla="*/ 10394 h 1332438"/>
                    <a:gd name="connsiteX450" fmla="*/ 1323736 w 1332519"/>
                    <a:gd name="connsiteY450" fmla="*/ 718963 h 1332438"/>
                    <a:gd name="connsiteX451" fmla="*/ 1322564 w 1332519"/>
                    <a:gd name="connsiteY451" fmla="*/ 715775 h 1332438"/>
                    <a:gd name="connsiteX452" fmla="*/ 1324028 w 1332519"/>
                    <a:gd name="connsiteY452" fmla="*/ 688935 h 1332438"/>
                    <a:gd name="connsiteX453" fmla="*/ 1328225 w 1332519"/>
                    <a:gd name="connsiteY453" fmla="*/ 684999 h 1332438"/>
                    <a:gd name="connsiteX454" fmla="*/ 1332130 w 1332519"/>
                    <a:gd name="connsiteY454" fmla="*/ 689196 h 1332438"/>
                    <a:gd name="connsiteX455" fmla="*/ 1330632 w 1332519"/>
                    <a:gd name="connsiteY455" fmla="*/ 716361 h 1332438"/>
                    <a:gd name="connsiteX456" fmla="*/ 1326273 w 1332519"/>
                    <a:gd name="connsiteY456" fmla="*/ 720102 h 1332438"/>
                    <a:gd name="connsiteX457" fmla="*/ 1323703 w 1332519"/>
                    <a:gd name="connsiteY457" fmla="*/ 718931 h 1332438"/>
                    <a:gd name="connsiteX458" fmla="*/ 649066 w 1332519"/>
                    <a:gd name="connsiteY458" fmla="*/ 7076 h 1332438"/>
                    <a:gd name="connsiteX459" fmla="*/ 647895 w 1332519"/>
                    <a:gd name="connsiteY459" fmla="*/ 4278 h 1332438"/>
                    <a:gd name="connsiteX460" fmla="*/ 651864 w 1332519"/>
                    <a:gd name="connsiteY460" fmla="*/ 146 h 1332438"/>
                    <a:gd name="connsiteX461" fmla="*/ 679094 w 1332519"/>
                    <a:gd name="connsiteY461" fmla="*/ 146 h 1332438"/>
                    <a:gd name="connsiteX462" fmla="*/ 683063 w 1332519"/>
                    <a:gd name="connsiteY462" fmla="*/ 4278 h 1332438"/>
                    <a:gd name="connsiteX463" fmla="*/ 678931 w 1332519"/>
                    <a:gd name="connsiteY463" fmla="*/ 8247 h 1332438"/>
                    <a:gd name="connsiteX464" fmla="*/ 652026 w 1332519"/>
                    <a:gd name="connsiteY464" fmla="*/ 8247 h 1332438"/>
                    <a:gd name="connsiteX465" fmla="*/ 649066 w 1332519"/>
                    <a:gd name="connsiteY465" fmla="*/ 7043 h 1332438"/>
                    <a:gd name="connsiteX466" fmla="*/ 1325590 w 1332519"/>
                    <a:gd name="connsiteY466" fmla="*/ 665154 h 1332438"/>
                    <a:gd name="connsiteX467" fmla="*/ 1324386 w 1332519"/>
                    <a:gd name="connsiteY467" fmla="*/ 662291 h 1332438"/>
                    <a:gd name="connsiteX468" fmla="*/ 1323671 w 1332519"/>
                    <a:gd name="connsiteY468" fmla="*/ 635386 h 1332438"/>
                    <a:gd name="connsiteX469" fmla="*/ 1327542 w 1332519"/>
                    <a:gd name="connsiteY469" fmla="*/ 631124 h 1332438"/>
                    <a:gd name="connsiteX470" fmla="*/ 1331804 w 1332519"/>
                    <a:gd name="connsiteY470" fmla="*/ 634996 h 1332438"/>
                    <a:gd name="connsiteX471" fmla="*/ 1332520 w 1332519"/>
                    <a:gd name="connsiteY471" fmla="*/ 662226 h 1332438"/>
                    <a:gd name="connsiteX472" fmla="*/ 1328485 w 1332519"/>
                    <a:gd name="connsiteY472" fmla="*/ 666325 h 1332438"/>
                    <a:gd name="connsiteX473" fmla="*/ 1325590 w 1332519"/>
                    <a:gd name="connsiteY473" fmla="*/ 665121 h 1332438"/>
                    <a:gd name="connsiteX474" fmla="*/ 702908 w 1332519"/>
                    <a:gd name="connsiteY474" fmla="*/ 8084 h 1332438"/>
                    <a:gd name="connsiteX475" fmla="*/ 701737 w 1332519"/>
                    <a:gd name="connsiteY475" fmla="*/ 4961 h 1332438"/>
                    <a:gd name="connsiteX476" fmla="*/ 706031 w 1332519"/>
                    <a:gd name="connsiteY476" fmla="*/ 1155 h 1332438"/>
                    <a:gd name="connsiteX477" fmla="*/ 733164 w 1332519"/>
                    <a:gd name="connsiteY477" fmla="*/ 3335 h 1332438"/>
                    <a:gd name="connsiteX478" fmla="*/ 736808 w 1332519"/>
                    <a:gd name="connsiteY478" fmla="*/ 7792 h 1332438"/>
                    <a:gd name="connsiteX479" fmla="*/ 732351 w 1332519"/>
                    <a:gd name="connsiteY479" fmla="*/ 11435 h 1332438"/>
                    <a:gd name="connsiteX480" fmla="*/ 705543 w 1332519"/>
                    <a:gd name="connsiteY480" fmla="*/ 9288 h 1332438"/>
                    <a:gd name="connsiteX481" fmla="*/ 702908 w 1332519"/>
                    <a:gd name="connsiteY481" fmla="*/ 8117 h 1332438"/>
                    <a:gd name="connsiteX482" fmla="*/ 1323085 w 1332519"/>
                    <a:gd name="connsiteY482" fmla="*/ 611312 h 1332438"/>
                    <a:gd name="connsiteX483" fmla="*/ 1321914 w 1332519"/>
                    <a:gd name="connsiteY483" fmla="*/ 608807 h 1332438"/>
                    <a:gd name="connsiteX484" fmla="*/ 1319019 w 1332519"/>
                    <a:gd name="connsiteY484" fmla="*/ 582032 h 1332438"/>
                    <a:gd name="connsiteX485" fmla="*/ 1322532 w 1332519"/>
                    <a:gd name="connsiteY485" fmla="*/ 577477 h 1332438"/>
                    <a:gd name="connsiteX486" fmla="*/ 1327087 w 1332519"/>
                    <a:gd name="connsiteY486" fmla="*/ 580991 h 1332438"/>
                    <a:gd name="connsiteX487" fmla="*/ 1330014 w 1332519"/>
                    <a:gd name="connsiteY487" fmla="*/ 608091 h 1332438"/>
                    <a:gd name="connsiteX488" fmla="*/ 1326339 w 1332519"/>
                    <a:gd name="connsiteY488" fmla="*/ 612483 h 1332438"/>
                    <a:gd name="connsiteX489" fmla="*/ 1323118 w 1332519"/>
                    <a:gd name="connsiteY489" fmla="*/ 611312 h 1332438"/>
                    <a:gd name="connsiteX490" fmla="*/ 756458 w 1332519"/>
                    <a:gd name="connsiteY490" fmla="*/ 13452 h 1332438"/>
                    <a:gd name="connsiteX491" fmla="*/ 755319 w 1332519"/>
                    <a:gd name="connsiteY491" fmla="*/ 10004 h 1332438"/>
                    <a:gd name="connsiteX492" fmla="*/ 759906 w 1332519"/>
                    <a:gd name="connsiteY492" fmla="*/ 6555 h 1332438"/>
                    <a:gd name="connsiteX493" fmla="*/ 786778 w 1332519"/>
                    <a:gd name="connsiteY493" fmla="*/ 10915 h 1332438"/>
                    <a:gd name="connsiteX494" fmla="*/ 790032 w 1332519"/>
                    <a:gd name="connsiteY494" fmla="*/ 15632 h 1332438"/>
                    <a:gd name="connsiteX495" fmla="*/ 785314 w 1332519"/>
                    <a:gd name="connsiteY495" fmla="*/ 18885 h 1332438"/>
                    <a:gd name="connsiteX496" fmla="*/ 758800 w 1332519"/>
                    <a:gd name="connsiteY496" fmla="*/ 14591 h 1332438"/>
                    <a:gd name="connsiteX497" fmla="*/ 756490 w 1332519"/>
                    <a:gd name="connsiteY497" fmla="*/ 13452 h 1332438"/>
                    <a:gd name="connsiteX498" fmla="*/ 1316220 w 1332519"/>
                    <a:gd name="connsiteY498" fmla="*/ 557860 h 1332438"/>
                    <a:gd name="connsiteX499" fmla="*/ 1315081 w 1332519"/>
                    <a:gd name="connsiteY499" fmla="*/ 555680 h 1332438"/>
                    <a:gd name="connsiteX500" fmla="*/ 1310040 w 1332519"/>
                    <a:gd name="connsiteY500" fmla="*/ 529231 h 1332438"/>
                    <a:gd name="connsiteX501" fmla="*/ 1313163 w 1332519"/>
                    <a:gd name="connsiteY501" fmla="*/ 524416 h 1332438"/>
                    <a:gd name="connsiteX502" fmla="*/ 1317977 w 1332519"/>
                    <a:gd name="connsiteY502" fmla="*/ 527539 h 1332438"/>
                    <a:gd name="connsiteX503" fmla="*/ 1323085 w 1332519"/>
                    <a:gd name="connsiteY503" fmla="*/ 554314 h 1332438"/>
                    <a:gd name="connsiteX504" fmla="*/ 1319767 w 1332519"/>
                    <a:gd name="connsiteY504" fmla="*/ 558999 h 1332438"/>
                    <a:gd name="connsiteX505" fmla="*/ 1316220 w 1332519"/>
                    <a:gd name="connsiteY505" fmla="*/ 557860 h 1332438"/>
                    <a:gd name="connsiteX506" fmla="*/ 809389 w 1332519"/>
                    <a:gd name="connsiteY506" fmla="*/ 23115 h 1332438"/>
                    <a:gd name="connsiteX507" fmla="*/ 808283 w 1332519"/>
                    <a:gd name="connsiteY507" fmla="*/ 19341 h 1332438"/>
                    <a:gd name="connsiteX508" fmla="*/ 813130 w 1332519"/>
                    <a:gd name="connsiteY508" fmla="*/ 16283 h 1332438"/>
                    <a:gd name="connsiteX509" fmla="*/ 839547 w 1332519"/>
                    <a:gd name="connsiteY509" fmla="*/ 22789 h 1332438"/>
                    <a:gd name="connsiteX510" fmla="*/ 842410 w 1332519"/>
                    <a:gd name="connsiteY510" fmla="*/ 27767 h 1332438"/>
                    <a:gd name="connsiteX511" fmla="*/ 837432 w 1332519"/>
                    <a:gd name="connsiteY511" fmla="*/ 30630 h 1332438"/>
                    <a:gd name="connsiteX512" fmla="*/ 811341 w 1332519"/>
                    <a:gd name="connsiteY512" fmla="*/ 24188 h 1332438"/>
                    <a:gd name="connsiteX513" fmla="*/ 809356 w 1332519"/>
                    <a:gd name="connsiteY513" fmla="*/ 23115 h 1332438"/>
                    <a:gd name="connsiteX514" fmla="*/ 1305062 w 1332519"/>
                    <a:gd name="connsiteY514" fmla="*/ 505091 h 1332438"/>
                    <a:gd name="connsiteX515" fmla="*/ 1303988 w 1332519"/>
                    <a:gd name="connsiteY515" fmla="*/ 503237 h 1332438"/>
                    <a:gd name="connsiteX516" fmla="*/ 1296798 w 1332519"/>
                    <a:gd name="connsiteY516" fmla="*/ 477276 h 1332438"/>
                    <a:gd name="connsiteX517" fmla="*/ 1299531 w 1332519"/>
                    <a:gd name="connsiteY517" fmla="*/ 472233 h 1332438"/>
                    <a:gd name="connsiteX518" fmla="*/ 1304573 w 1332519"/>
                    <a:gd name="connsiteY518" fmla="*/ 474966 h 1332438"/>
                    <a:gd name="connsiteX519" fmla="*/ 1311828 w 1332519"/>
                    <a:gd name="connsiteY519" fmla="*/ 501252 h 1332438"/>
                    <a:gd name="connsiteX520" fmla="*/ 1308901 w 1332519"/>
                    <a:gd name="connsiteY520" fmla="*/ 506198 h 1332438"/>
                    <a:gd name="connsiteX521" fmla="*/ 1305029 w 1332519"/>
                    <a:gd name="connsiteY521" fmla="*/ 505124 h 1332438"/>
                    <a:gd name="connsiteX522" fmla="*/ 861344 w 1332519"/>
                    <a:gd name="connsiteY522" fmla="*/ 37071 h 1332438"/>
                    <a:gd name="connsiteX523" fmla="*/ 860335 w 1332519"/>
                    <a:gd name="connsiteY523" fmla="*/ 32972 h 1332438"/>
                    <a:gd name="connsiteX524" fmla="*/ 865411 w 1332519"/>
                    <a:gd name="connsiteY524" fmla="*/ 30305 h 1332438"/>
                    <a:gd name="connsiteX525" fmla="*/ 891177 w 1332519"/>
                    <a:gd name="connsiteY525" fmla="*/ 38926 h 1332438"/>
                    <a:gd name="connsiteX526" fmla="*/ 893649 w 1332519"/>
                    <a:gd name="connsiteY526" fmla="*/ 44131 h 1332438"/>
                    <a:gd name="connsiteX527" fmla="*/ 888444 w 1332519"/>
                    <a:gd name="connsiteY527" fmla="*/ 46604 h 1332438"/>
                    <a:gd name="connsiteX528" fmla="*/ 863003 w 1332519"/>
                    <a:gd name="connsiteY528" fmla="*/ 38080 h 1332438"/>
                    <a:gd name="connsiteX529" fmla="*/ 861344 w 1332519"/>
                    <a:gd name="connsiteY529" fmla="*/ 37071 h 1332438"/>
                    <a:gd name="connsiteX530" fmla="*/ 1289641 w 1332519"/>
                    <a:gd name="connsiteY530" fmla="*/ 453429 h 1332438"/>
                    <a:gd name="connsiteX531" fmla="*/ 1288665 w 1332519"/>
                    <a:gd name="connsiteY531" fmla="*/ 451867 h 1332438"/>
                    <a:gd name="connsiteX532" fmla="*/ 1279393 w 1332519"/>
                    <a:gd name="connsiteY532" fmla="*/ 426557 h 1332438"/>
                    <a:gd name="connsiteX533" fmla="*/ 1281703 w 1332519"/>
                    <a:gd name="connsiteY533" fmla="*/ 421286 h 1332438"/>
                    <a:gd name="connsiteX534" fmla="*/ 1286973 w 1332519"/>
                    <a:gd name="connsiteY534" fmla="*/ 423596 h 1332438"/>
                    <a:gd name="connsiteX535" fmla="*/ 1296375 w 1332519"/>
                    <a:gd name="connsiteY535" fmla="*/ 449200 h 1332438"/>
                    <a:gd name="connsiteX536" fmla="*/ 1293871 w 1332519"/>
                    <a:gd name="connsiteY536" fmla="*/ 454372 h 1332438"/>
                    <a:gd name="connsiteX537" fmla="*/ 1289674 w 1332519"/>
                    <a:gd name="connsiteY537" fmla="*/ 453396 h 1332438"/>
                    <a:gd name="connsiteX538" fmla="*/ 911933 w 1332519"/>
                    <a:gd name="connsiteY538" fmla="*/ 55160 h 1332438"/>
                    <a:gd name="connsiteX539" fmla="*/ 911054 w 1332519"/>
                    <a:gd name="connsiteY539" fmla="*/ 50768 h 1332438"/>
                    <a:gd name="connsiteX540" fmla="*/ 916357 w 1332519"/>
                    <a:gd name="connsiteY540" fmla="*/ 48523 h 1332438"/>
                    <a:gd name="connsiteX541" fmla="*/ 941310 w 1332519"/>
                    <a:gd name="connsiteY541" fmla="*/ 59226 h 1332438"/>
                    <a:gd name="connsiteX542" fmla="*/ 943327 w 1332519"/>
                    <a:gd name="connsiteY542" fmla="*/ 64594 h 1332438"/>
                    <a:gd name="connsiteX543" fmla="*/ 937959 w 1332519"/>
                    <a:gd name="connsiteY543" fmla="*/ 66611 h 1332438"/>
                    <a:gd name="connsiteX544" fmla="*/ 913299 w 1332519"/>
                    <a:gd name="connsiteY544" fmla="*/ 56038 h 1332438"/>
                    <a:gd name="connsiteX545" fmla="*/ 911965 w 1332519"/>
                    <a:gd name="connsiteY545" fmla="*/ 55160 h 1332438"/>
                    <a:gd name="connsiteX546" fmla="*/ 1270024 w 1332519"/>
                    <a:gd name="connsiteY546" fmla="*/ 403165 h 1332438"/>
                    <a:gd name="connsiteX547" fmla="*/ 1269178 w 1332519"/>
                    <a:gd name="connsiteY547" fmla="*/ 401929 h 1332438"/>
                    <a:gd name="connsiteX548" fmla="*/ 1257856 w 1332519"/>
                    <a:gd name="connsiteY548" fmla="*/ 377464 h 1332438"/>
                    <a:gd name="connsiteX549" fmla="*/ 1259711 w 1332519"/>
                    <a:gd name="connsiteY549" fmla="*/ 372031 h 1332438"/>
                    <a:gd name="connsiteX550" fmla="*/ 1265144 w 1332519"/>
                    <a:gd name="connsiteY550" fmla="*/ 373886 h 1332438"/>
                    <a:gd name="connsiteX551" fmla="*/ 1276628 w 1332519"/>
                    <a:gd name="connsiteY551" fmla="*/ 398676 h 1332438"/>
                    <a:gd name="connsiteX552" fmla="*/ 1274545 w 1332519"/>
                    <a:gd name="connsiteY552" fmla="*/ 404011 h 1332438"/>
                    <a:gd name="connsiteX553" fmla="*/ 1270056 w 1332519"/>
                    <a:gd name="connsiteY553" fmla="*/ 403165 h 1332438"/>
                    <a:gd name="connsiteX554" fmla="*/ 960928 w 1332519"/>
                    <a:gd name="connsiteY554" fmla="*/ 77347 h 1332438"/>
                    <a:gd name="connsiteX555" fmla="*/ 960179 w 1332519"/>
                    <a:gd name="connsiteY555" fmla="*/ 72662 h 1332438"/>
                    <a:gd name="connsiteX556" fmla="*/ 965645 w 1332519"/>
                    <a:gd name="connsiteY556" fmla="*/ 70873 h 1332438"/>
                    <a:gd name="connsiteX557" fmla="*/ 989719 w 1332519"/>
                    <a:gd name="connsiteY557" fmla="*/ 83594 h 1332438"/>
                    <a:gd name="connsiteX558" fmla="*/ 991281 w 1332519"/>
                    <a:gd name="connsiteY558" fmla="*/ 89124 h 1332438"/>
                    <a:gd name="connsiteX559" fmla="*/ 985750 w 1332519"/>
                    <a:gd name="connsiteY559" fmla="*/ 90686 h 1332438"/>
                    <a:gd name="connsiteX560" fmla="*/ 961968 w 1332519"/>
                    <a:gd name="connsiteY560" fmla="*/ 78096 h 1332438"/>
                    <a:gd name="connsiteX561" fmla="*/ 960928 w 1332519"/>
                    <a:gd name="connsiteY561" fmla="*/ 77347 h 1332438"/>
                    <a:gd name="connsiteX562" fmla="*/ 1246372 w 1332519"/>
                    <a:gd name="connsiteY562" fmla="*/ 354691 h 1332438"/>
                    <a:gd name="connsiteX563" fmla="*/ 1245657 w 1332519"/>
                    <a:gd name="connsiteY563" fmla="*/ 353748 h 1332438"/>
                    <a:gd name="connsiteX564" fmla="*/ 1232383 w 1332519"/>
                    <a:gd name="connsiteY564" fmla="*/ 330357 h 1332438"/>
                    <a:gd name="connsiteX565" fmla="*/ 1233782 w 1332519"/>
                    <a:gd name="connsiteY565" fmla="*/ 324793 h 1332438"/>
                    <a:gd name="connsiteX566" fmla="*/ 1239345 w 1332519"/>
                    <a:gd name="connsiteY566" fmla="*/ 326225 h 1332438"/>
                    <a:gd name="connsiteX567" fmla="*/ 1252781 w 1332519"/>
                    <a:gd name="connsiteY567" fmla="*/ 349909 h 1332438"/>
                    <a:gd name="connsiteX568" fmla="*/ 1251122 w 1332519"/>
                    <a:gd name="connsiteY568" fmla="*/ 355407 h 1332438"/>
                    <a:gd name="connsiteX569" fmla="*/ 1246307 w 1332519"/>
                    <a:gd name="connsiteY569" fmla="*/ 354691 h 1332438"/>
                    <a:gd name="connsiteX570" fmla="*/ 1008003 w 1332519"/>
                    <a:gd name="connsiteY570" fmla="*/ 103504 h 1332438"/>
                    <a:gd name="connsiteX571" fmla="*/ 1007417 w 1332519"/>
                    <a:gd name="connsiteY571" fmla="*/ 98526 h 1332438"/>
                    <a:gd name="connsiteX572" fmla="*/ 1013013 w 1332519"/>
                    <a:gd name="connsiteY572" fmla="*/ 97192 h 1332438"/>
                    <a:gd name="connsiteX573" fmla="*/ 1035948 w 1332519"/>
                    <a:gd name="connsiteY573" fmla="*/ 111865 h 1332438"/>
                    <a:gd name="connsiteX574" fmla="*/ 1037055 w 1332519"/>
                    <a:gd name="connsiteY574" fmla="*/ 117493 h 1332438"/>
                    <a:gd name="connsiteX575" fmla="*/ 1031426 w 1332519"/>
                    <a:gd name="connsiteY575" fmla="*/ 118599 h 1332438"/>
                    <a:gd name="connsiteX576" fmla="*/ 1008751 w 1332519"/>
                    <a:gd name="connsiteY576" fmla="*/ 104122 h 1332438"/>
                    <a:gd name="connsiteX577" fmla="*/ 1008003 w 1332519"/>
                    <a:gd name="connsiteY577" fmla="*/ 103536 h 1332438"/>
                    <a:gd name="connsiteX578" fmla="*/ 1218849 w 1332519"/>
                    <a:gd name="connsiteY578" fmla="*/ 308397 h 1332438"/>
                    <a:gd name="connsiteX579" fmla="*/ 1218329 w 1332519"/>
                    <a:gd name="connsiteY579" fmla="*/ 307746 h 1332438"/>
                    <a:gd name="connsiteX580" fmla="*/ 1203201 w 1332519"/>
                    <a:gd name="connsiteY580" fmla="*/ 285526 h 1332438"/>
                    <a:gd name="connsiteX581" fmla="*/ 1204144 w 1332519"/>
                    <a:gd name="connsiteY581" fmla="*/ 279865 h 1332438"/>
                    <a:gd name="connsiteX582" fmla="*/ 1209805 w 1332519"/>
                    <a:gd name="connsiteY582" fmla="*/ 280809 h 1332438"/>
                    <a:gd name="connsiteX583" fmla="*/ 1225128 w 1332519"/>
                    <a:gd name="connsiteY583" fmla="*/ 303322 h 1332438"/>
                    <a:gd name="connsiteX584" fmla="*/ 1223924 w 1332519"/>
                    <a:gd name="connsiteY584" fmla="*/ 308950 h 1332438"/>
                    <a:gd name="connsiteX585" fmla="*/ 1218849 w 1332519"/>
                    <a:gd name="connsiteY585" fmla="*/ 308429 h 1332438"/>
                    <a:gd name="connsiteX586" fmla="*/ 1052768 w 1332519"/>
                    <a:gd name="connsiteY586" fmla="*/ 133434 h 1332438"/>
                    <a:gd name="connsiteX587" fmla="*/ 1052378 w 1332519"/>
                    <a:gd name="connsiteY587" fmla="*/ 128164 h 1332438"/>
                    <a:gd name="connsiteX588" fmla="*/ 1058039 w 1332519"/>
                    <a:gd name="connsiteY588" fmla="*/ 127285 h 1332438"/>
                    <a:gd name="connsiteX589" fmla="*/ 1079706 w 1332519"/>
                    <a:gd name="connsiteY589" fmla="*/ 143780 h 1332438"/>
                    <a:gd name="connsiteX590" fmla="*/ 1080356 w 1332519"/>
                    <a:gd name="connsiteY590" fmla="*/ 149473 h 1332438"/>
                    <a:gd name="connsiteX591" fmla="*/ 1074663 w 1332519"/>
                    <a:gd name="connsiteY591" fmla="*/ 150124 h 1332438"/>
                    <a:gd name="connsiteX592" fmla="*/ 1053256 w 1332519"/>
                    <a:gd name="connsiteY592" fmla="*/ 133825 h 1332438"/>
                    <a:gd name="connsiteX593" fmla="*/ 1052768 w 1332519"/>
                    <a:gd name="connsiteY593" fmla="*/ 133402 h 1332438"/>
                    <a:gd name="connsiteX594" fmla="*/ 1187650 w 1332519"/>
                    <a:gd name="connsiteY594" fmla="*/ 264510 h 1332438"/>
                    <a:gd name="connsiteX595" fmla="*/ 1187292 w 1332519"/>
                    <a:gd name="connsiteY595" fmla="*/ 264119 h 1332438"/>
                    <a:gd name="connsiteX596" fmla="*/ 1170408 w 1332519"/>
                    <a:gd name="connsiteY596" fmla="*/ 243201 h 1332438"/>
                    <a:gd name="connsiteX597" fmla="*/ 1170896 w 1332519"/>
                    <a:gd name="connsiteY597" fmla="*/ 237475 h 1332438"/>
                    <a:gd name="connsiteX598" fmla="*/ 1176621 w 1332519"/>
                    <a:gd name="connsiteY598" fmla="*/ 237963 h 1332438"/>
                    <a:gd name="connsiteX599" fmla="*/ 1193734 w 1332519"/>
                    <a:gd name="connsiteY599" fmla="*/ 259142 h 1332438"/>
                    <a:gd name="connsiteX600" fmla="*/ 1193018 w 1332519"/>
                    <a:gd name="connsiteY600" fmla="*/ 264835 h 1332438"/>
                    <a:gd name="connsiteX601" fmla="*/ 1187650 w 1332519"/>
                    <a:gd name="connsiteY601" fmla="*/ 264510 h 1332438"/>
                    <a:gd name="connsiteX602" fmla="*/ 1094963 w 1332519"/>
                    <a:gd name="connsiteY602" fmla="*/ 166911 h 1332438"/>
                    <a:gd name="connsiteX603" fmla="*/ 1094768 w 1332519"/>
                    <a:gd name="connsiteY603" fmla="*/ 161380 h 1332438"/>
                    <a:gd name="connsiteX604" fmla="*/ 1100494 w 1332519"/>
                    <a:gd name="connsiteY604" fmla="*/ 160957 h 1332438"/>
                    <a:gd name="connsiteX605" fmla="*/ 1120762 w 1332519"/>
                    <a:gd name="connsiteY605" fmla="*/ 179143 h 1332438"/>
                    <a:gd name="connsiteX606" fmla="*/ 1120957 w 1332519"/>
                    <a:gd name="connsiteY606" fmla="*/ 184869 h 1332438"/>
                    <a:gd name="connsiteX607" fmla="*/ 1115231 w 1332519"/>
                    <a:gd name="connsiteY607" fmla="*/ 185064 h 1332438"/>
                    <a:gd name="connsiteX608" fmla="*/ 1095191 w 1332519"/>
                    <a:gd name="connsiteY608" fmla="*/ 167106 h 1332438"/>
                    <a:gd name="connsiteX609" fmla="*/ 1094963 w 1332519"/>
                    <a:gd name="connsiteY609" fmla="*/ 166911 h 1332438"/>
                    <a:gd name="connsiteX610" fmla="*/ 1152970 w 1332519"/>
                    <a:gd name="connsiteY610" fmla="*/ 223290 h 1332438"/>
                    <a:gd name="connsiteX611" fmla="*/ 1152840 w 1332519"/>
                    <a:gd name="connsiteY611" fmla="*/ 223160 h 1332438"/>
                    <a:gd name="connsiteX612" fmla="*/ 1134328 w 1332519"/>
                    <a:gd name="connsiteY612" fmla="*/ 203640 h 1332438"/>
                    <a:gd name="connsiteX613" fmla="*/ 1134361 w 1332519"/>
                    <a:gd name="connsiteY613" fmla="*/ 197882 h 1332438"/>
                    <a:gd name="connsiteX614" fmla="*/ 1140087 w 1332519"/>
                    <a:gd name="connsiteY614" fmla="*/ 197915 h 1332438"/>
                    <a:gd name="connsiteX615" fmla="*/ 1158826 w 1332519"/>
                    <a:gd name="connsiteY615" fmla="*/ 217662 h 1332438"/>
                    <a:gd name="connsiteX616" fmla="*/ 1158566 w 1332519"/>
                    <a:gd name="connsiteY616" fmla="*/ 223388 h 1332438"/>
                    <a:gd name="connsiteX617" fmla="*/ 1152970 w 1332519"/>
                    <a:gd name="connsiteY617" fmla="*/ 223258 h 1332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Lst>
                  <a:rect l="l" t="t" r="r" b="b"/>
                  <a:pathLst>
                    <a:path w="1332519" h="1332438">
                      <a:moveTo>
                        <a:pt x="195133" y="1137371"/>
                      </a:moveTo>
                      <a:cubicBezTo>
                        <a:pt x="192660" y="1134898"/>
                        <a:pt x="190220" y="1132426"/>
                        <a:pt x="187780" y="1129921"/>
                      </a:cubicBezTo>
                      <a:cubicBezTo>
                        <a:pt x="186219" y="1128326"/>
                        <a:pt x="186251" y="1125724"/>
                        <a:pt x="187878" y="1124162"/>
                      </a:cubicBezTo>
                      <a:cubicBezTo>
                        <a:pt x="189472" y="1122601"/>
                        <a:pt x="192107" y="1122763"/>
                        <a:pt x="193637" y="1124260"/>
                      </a:cubicBezTo>
                      <a:cubicBezTo>
                        <a:pt x="199850" y="1130669"/>
                        <a:pt x="206292" y="1137045"/>
                        <a:pt x="212766" y="1143194"/>
                      </a:cubicBezTo>
                      <a:cubicBezTo>
                        <a:pt x="214425" y="1144853"/>
                        <a:pt x="214457" y="1147326"/>
                        <a:pt x="212896" y="1148952"/>
                      </a:cubicBezTo>
                      <a:cubicBezTo>
                        <a:pt x="211334" y="1150579"/>
                        <a:pt x="208764" y="1150644"/>
                        <a:pt x="207170" y="1149082"/>
                      </a:cubicBezTo>
                      <a:cubicBezTo>
                        <a:pt x="203136" y="1145276"/>
                        <a:pt x="199102" y="1141307"/>
                        <a:pt x="195166" y="1137371"/>
                      </a:cubicBezTo>
                      <a:close/>
                      <a:moveTo>
                        <a:pt x="169562" y="1110336"/>
                      </a:moveTo>
                      <a:cubicBezTo>
                        <a:pt x="169562" y="1110336"/>
                        <a:pt x="169464" y="1110238"/>
                        <a:pt x="169399" y="1110173"/>
                      </a:cubicBezTo>
                      <a:cubicBezTo>
                        <a:pt x="163348" y="1103439"/>
                        <a:pt x="157395" y="1096477"/>
                        <a:pt x="151669" y="1089514"/>
                      </a:cubicBezTo>
                      <a:cubicBezTo>
                        <a:pt x="150237" y="1087790"/>
                        <a:pt x="150498" y="1085220"/>
                        <a:pt x="152222" y="1083789"/>
                      </a:cubicBezTo>
                      <a:cubicBezTo>
                        <a:pt x="153946" y="1082357"/>
                        <a:pt x="156516" y="1082618"/>
                        <a:pt x="157948" y="1084342"/>
                      </a:cubicBezTo>
                      <a:cubicBezTo>
                        <a:pt x="163608" y="1091206"/>
                        <a:pt x="169497" y="1098071"/>
                        <a:pt x="175483" y="1104740"/>
                      </a:cubicBezTo>
                      <a:cubicBezTo>
                        <a:pt x="176980" y="1106399"/>
                        <a:pt x="176849" y="1108969"/>
                        <a:pt x="175158" y="1110466"/>
                      </a:cubicBezTo>
                      <a:cubicBezTo>
                        <a:pt x="173531" y="1111897"/>
                        <a:pt x="171091" y="1111832"/>
                        <a:pt x="169595" y="1110303"/>
                      </a:cubicBezTo>
                      <a:close/>
                      <a:moveTo>
                        <a:pt x="226853" y="1167073"/>
                      </a:moveTo>
                      <a:cubicBezTo>
                        <a:pt x="225356" y="1165577"/>
                        <a:pt x="225259" y="1163137"/>
                        <a:pt x="226690" y="1161510"/>
                      </a:cubicBezTo>
                      <a:cubicBezTo>
                        <a:pt x="228187" y="1159818"/>
                        <a:pt x="230724" y="1159656"/>
                        <a:pt x="232416" y="1161152"/>
                      </a:cubicBezTo>
                      <a:cubicBezTo>
                        <a:pt x="239150" y="1167041"/>
                        <a:pt x="246047" y="1172897"/>
                        <a:pt x="252977" y="1178492"/>
                      </a:cubicBezTo>
                      <a:cubicBezTo>
                        <a:pt x="254701" y="1179924"/>
                        <a:pt x="254994" y="1182461"/>
                        <a:pt x="253595" y="1184218"/>
                      </a:cubicBezTo>
                      <a:cubicBezTo>
                        <a:pt x="252196" y="1185975"/>
                        <a:pt x="249626" y="1186235"/>
                        <a:pt x="247869" y="1184804"/>
                      </a:cubicBezTo>
                      <a:cubicBezTo>
                        <a:pt x="240842" y="1179143"/>
                        <a:pt x="233847" y="1173222"/>
                        <a:pt x="227048" y="1167268"/>
                      </a:cubicBezTo>
                      <a:cubicBezTo>
                        <a:pt x="226983" y="1167203"/>
                        <a:pt x="226918" y="1167138"/>
                        <a:pt x="226853" y="1167073"/>
                      </a:cubicBezTo>
                      <a:close/>
                      <a:moveTo>
                        <a:pt x="135305" y="1068791"/>
                      </a:moveTo>
                      <a:cubicBezTo>
                        <a:pt x="135305" y="1068791"/>
                        <a:pt x="135045" y="1068531"/>
                        <a:pt x="134947" y="1068368"/>
                      </a:cubicBezTo>
                      <a:cubicBezTo>
                        <a:pt x="129449" y="1061146"/>
                        <a:pt x="124081" y="1053728"/>
                        <a:pt x="118940" y="1046343"/>
                      </a:cubicBezTo>
                      <a:cubicBezTo>
                        <a:pt x="117672" y="1044489"/>
                        <a:pt x="118127" y="1041984"/>
                        <a:pt x="119949" y="1040682"/>
                      </a:cubicBezTo>
                      <a:cubicBezTo>
                        <a:pt x="121803" y="1039414"/>
                        <a:pt x="124309" y="1039869"/>
                        <a:pt x="125610" y="1041691"/>
                      </a:cubicBezTo>
                      <a:cubicBezTo>
                        <a:pt x="130685" y="1048978"/>
                        <a:pt x="136020" y="1056298"/>
                        <a:pt x="141421" y="1063456"/>
                      </a:cubicBezTo>
                      <a:cubicBezTo>
                        <a:pt x="142787" y="1065245"/>
                        <a:pt x="142430" y="1067782"/>
                        <a:pt x="140640" y="1069149"/>
                      </a:cubicBezTo>
                      <a:cubicBezTo>
                        <a:pt x="139013" y="1070385"/>
                        <a:pt x="136736" y="1070190"/>
                        <a:pt x="135305" y="1068791"/>
                      </a:cubicBezTo>
                      <a:close/>
                      <a:moveTo>
                        <a:pt x="268723" y="1200973"/>
                      </a:moveTo>
                      <a:cubicBezTo>
                        <a:pt x="267324" y="1199574"/>
                        <a:pt x="267129" y="1197329"/>
                        <a:pt x="268332" y="1195670"/>
                      </a:cubicBezTo>
                      <a:cubicBezTo>
                        <a:pt x="269666" y="1193880"/>
                        <a:pt x="272203" y="1193490"/>
                        <a:pt x="274025" y="1194824"/>
                      </a:cubicBezTo>
                      <a:cubicBezTo>
                        <a:pt x="281215" y="1200159"/>
                        <a:pt x="288568" y="1205397"/>
                        <a:pt x="295920" y="1210440"/>
                      </a:cubicBezTo>
                      <a:cubicBezTo>
                        <a:pt x="297775" y="1211708"/>
                        <a:pt x="298262" y="1214214"/>
                        <a:pt x="296994" y="1216068"/>
                      </a:cubicBezTo>
                      <a:cubicBezTo>
                        <a:pt x="295725" y="1217922"/>
                        <a:pt x="293187" y="1218410"/>
                        <a:pt x="291365" y="1217142"/>
                      </a:cubicBezTo>
                      <a:cubicBezTo>
                        <a:pt x="283916" y="1212066"/>
                        <a:pt x="276465" y="1206731"/>
                        <a:pt x="269178" y="1201330"/>
                      </a:cubicBezTo>
                      <a:cubicBezTo>
                        <a:pt x="269015" y="1201200"/>
                        <a:pt x="268853" y="1201070"/>
                        <a:pt x="268723" y="1200940"/>
                      </a:cubicBezTo>
                      <a:close/>
                      <a:moveTo>
                        <a:pt x="104529" y="1024611"/>
                      </a:moveTo>
                      <a:cubicBezTo>
                        <a:pt x="104333" y="1024416"/>
                        <a:pt x="104138" y="1024188"/>
                        <a:pt x="103975" y="1023928"/>
                      </a:cubicBezTo>
                      <a:cubicBezTo>
                        <a:pt x="99128" y="1016315"/>
                        <a:pt x="94346" y="1008475"/>
                        <a:pt x="89824" y="1000667"/>
                      </a:cubicBezTo>
                      <a:cubicBezTo>
                        <a:pt x="88685" y="998715"/>
                        <a:pt x="89368" y="996242"/>
                        <a:pt x="91287" y="995104"/>
                      </a:cubicBezTo>
                      <a:cubicBezTo>
                        <a:pt x="93240" y="993965"/>
                        <a:pt x="95712" y="994648"/>
                        <a:pt x="96851" y="996568"/>
                      </a:cubicBezTo>
                      <a:cubicBezTo>
                        <a:pt x="101340" y="1004278"/>
                        <a:pt x="106058" y="1012021"/>
                        <a:pt x="110840" y="1019536"/>
                      </a:cubicBezTo>
                      <a:cubicBezTo>
                        <a:pt x="112044" y="1021423"/>
                        <a:pt x="111491" y="1023928"/>
                        <a:pt x="109604" y="1025132"/>
                      </a:cubicBezTo>
                      <a:cubicBezTo>
                        <a:pt x="107977" y="1026173"/>
                        <a:pt x="105862" y="1025912"/>
                        <a:pt x="104561" y="1024579"/>
                      </a:cubicBezTo>
                      <a:close/>
                      <a:moveTo>
                        <a:pt x="313195" y="1231326"/>
                      </a:moveTo>
                      <a:cubicBezTo>
                        <a:pt x="311894" y="1230025"/>
                        <a:pt x="311601" y="1227943"/>
                        <a:pt x="312610" y="1226316"/>
                      </a:cubicBezTo>
                      <a:cubicBezTo>
                        <a:pt x="313781" y="1224429"/>
                        <a:pt x="316318" y="1223843"/>
                        <a:pt x="318205" y="1225014"/>
                      </a:cubicBezTo>
                      <a:cubicBezTo>
                        <a:pt x="325818" y="1229764"/>
                        <a:pt x="333593" y="1234384"/>
                        <a:pt x="341304" y="1238776"/>
                      </a:cubicBezTo>
                      <a:cubicBezTo>
                        <a:pt x="343256" y="1239882"/>
                        <a:pt x="343939" y="1242355"/>
                        <a:pt x="342833" y="1244307"/>
                      </a:cubicBezTo>
                      <a:cubicBezTo>
                        <a:pt x="341726" y="1246259"/>
                        <a:pt x="339254" y="1246942"/>
                        <a:pt x="337302" y="1245836"/>
                      </a:cubicBezTo>
                      <a:cubicBezTo>
                        <a:pt x="329462" y="1241379"/>
                        <a:pt x="321589" y="1236694"/>
                        <a:pt x="313911" y="1231912"/>
                      </a:cubicBezTo>
                      <a:cubicBezTo>
                        <a:pt x="313651" y="1231749"/>
                        <a:pt x="313390" y="1231554"/>
                        <a:pt x="313195" y="1231326"/>
                      </a:cubicBezTo>
                      <a:close/>
                      <a:moveTo>
                        <a:pt x="77461" y="978024"/>
                      </a:moveTo>
                      <a:cubicBezTo>
                        <a:pt x="77168" y="977731"/>
                        <a:pt x="76941" y="977406"/>
                        <a:pt x="76745" y="977048"/>
                      </a:cubicBezTo>
                      <a:cubicBezTo>
                        <a:pt x="72516" y="969077"/>
                        <a:pt x="68417" y="960846"/>
                        <a:pt x="64513" y="952648"/>
                      </a:cubicBezTo>
                      <a:cubicBezTo>
                        <a:pt x="63537" y="950631"/>
                        <a:pt x="64415" y="948191"/>
                        <a:pt x="66432" y="947248"/>
                      </a:cubicBezTo>
                      <a:cubicBezTo>
                        <a:pt x="68449" y="946272"/>
                        <a:pt x="70889" y="947150"/>
                        <a:pt x="71833" y="949167"/>
                      </a:cubicBezTo>
                      <a:cubicBezTo>
                        <a:pt x="75704" y="957300"/>
                        <a:pt x="79771" y="965401"/>
                        <a:pt x="83935" y="973274"/>
                      </a:cubicBezTo>
                      <a:cubicBezTo>
                        <a:pt x="84976" y="975259"/>
                        <a:pt x="84228" y="977731"/>
                        <a:pt x="82244" y="978772"/>
                      </a:cubicBezTo>
                      <a:cubicBezTo>
                        <a:pt x="80617" y="979618"/>
                        <a:pt x="78697" y="979293"/>
                        <a:pt x="77493" y="978056"/>
                      </a:cubicBezTo>
                      <a:close/>
                      <a:moveTo>
                        <a:pt x="360043" y="1257938"/>
                      </a:moveTo>
                      <a:cubicBezTo>
                        <a:pt x="358839" y="1256734"/>
                        <a:pt x="358481" y="1254815"/>
                        <a:pt x="359294" y="1253221"/>
                      </a:cubicBezTo>
                      <a:cubicBezTo>
                        <a:pt x="360336" y="1251236"/>
                        <a:pt x="362776" y="1250455"/>
                        <a:pt x="364760" y="1251464"/>
                      </a:cubicBezTo>
                      <a:cubicBezTo>
                        <a:pt x="372698" y="1255563"/>
                        <a:pt x="380831" y="1259532"/>
                        <a:pt x="388899" y="1263306"/>
                      </a:cubicBezTo>
                      <a:cubicBezTo>
                        <a:pt x="390949" y="1264249"/>
                        <a:pt x="391827" y="1266657"/>
                        <a:pt x="390884" y="1268706"/>
                      </a:cubicBezTo>
                      <a:cubicBezTo>
                        <a:pt x="389941" y="1270756"/>
                        <a:pt x="387533" y="1271634"/>
                        <a:pt x="385484" y="1270691"/>
                      </a:cubicBezTo>
                      <a:cubicBezTo>
                        <a:pt x="377285" y="1266885"/>
                        <a:pt x="369054" y="1262850"/>
                        <a:pt x="361019" y="1258719"/>
                      </a:cubicBezTo>
                      <a:cubicBezTo>
                        <a:pt x="360628" y="1258524"/>
                        <a:pt x="360303" y="1258263"/>
                        <a:pt x="360010" y="1257970"/>
                      </a:cubicBezTo>
                      <a:close/>
                      <a:moveTo>
                        <a:pt x="54265" y="929257"/>
                      </a:moveTo>
                      <a:cubicBezTo>
                        <a:pt x="53907" y="928899"/>
                        <a:pt x="53614" y="928476"/>
                        <a:pt x="53419" y="927988"/>
                      </a:cubicBezTo>
                      <a:cubicBezTo>
                        <a:pt x="49873" y="919692"/>
                        <a:pt x="46457" y="911168"/>
                        <a:pt x="43236" y="902677"/>
                      </a:cubicBezTo>
                      <a:cubicBezTo>
                        <a:pt x="42455" y="900563"/>
                        <a:pt x="43497" y="898220"/>
                        <a:pt x="45611" y="897440"/>
                      </a:cubicBezTo>
                      <a:cubicBezTo>
                        <a:pt x="47694" y="896659"/>
                        <a:pt x="50036" y="897700"/>
                        <a:pt x="50849" y="899782"/>
                      </a:cubicBezTo>
                      <a:cubicBezTo>
                        <a:pt x="54037" y="908175"/>
                        <a:pt x="57421" y="916601"/>
                        <a:pt x="60902" y="924800"/>
                      </a:cubicBezTo>
                      <a:cubicBezTo>
                        <a:pt x="61780" y="926849"/>
                        <a:pt x="60837" y="929257"/>
                        <a:pt x="58754" y="930135"/>
                      </a:cubicBezTo>
                      <a:cubicBezTo>
                        <a:pt x="57193" y="930818"/>
                        <a:pt x="55436" y="930395"/>
                        <a:pt x="54297" y="929257"/>
                      </a:cubicBezTo>
                      <a:close/>
                      <a:moveTo>
                        <a:pt x="408907" y="1280613"/>
                      </a:moveTo>
                      <a:cubicBezTo>
                        <a:pt x="407769" y="1279475"/>
                        <a:pt x="407378" y="1277751"/>
                        <a:pt x="408029" y="1276189"/>
                      </a:cubicBezTo>
                      <a:cubicBezTo>
                        <a:pt x="408907" y="1274107"/>
                        <a:pt x="411282" y="1273131"/>
                        <a:pt x="413332" y="1274009"/>
                      </a:cubicBezTo>
                      <a:cubicBezTo>
                        <a:pt x="421530" y="1277425"/>
                        <a:pt x="429956" y="1280711"/>
                        <a:pt x="438317" y="1283802"/>
                      </a:cubicBezTo>
                      <a:cubicBezTo>
                        <a:pt x="440432" y="1284582"/>
                        <a:pt x="441505" y="1286925"/>
                        <a:pt x="440725" y="1289007"/>
                      </a:cubicBezTo>
                      <a:cubicBezTo>
                        <a:pt x="439944" y="1291122"/>
                        <a:pt x="437602" y="1292195"/>
                        <a:pt x="435519" y="1291414"/>
                      </a:cubicBezTo>
                      <a:cubicBezTo>
                        <a:pt x="427061" y="1288291"/>
                        <a:pt x="418537" y="1284973"/>
                        <a:pt x="410241" y="1281492"/>
                      </a:cubicBezTo>
                      <a:cubicBezTo>
                        <a:pt x="409721" y="1281297"/>
                        <a:pt x="409298" y="1280971"/>
                        <a:pt x="408940" y="1280613"/>
                      </a:cubicBezTo>
                      <a:close/>
                      <a:moveTo>
                        <a:pt x="35135" y="878766"/>
                      </a:moveTo>
                      <a:cubicBezTo>
                        <a:pt x="34712" y="878343"/>
                        <a:pt x="34355" y="877790"/>
                        <a:pt x="34160" y="877171"/>
                      </a:cubicBezTo>
                      <a:cubicBezTo>
                        <a:pt x="31297" y="868615"/>
                        <a:pt x="28596" y="859831"/>
                        <a:pt x="26092" y="851113"/>
                      </a:cubicBezTo>
                      <a:cubicBezTo>
                        <a:pt x="25473" y="848965"/>
                        <a:pt x="26709" y="846721"/>
                        <a:pt x="28857" y="846070"/>
                      </a:cubicBezTo>
                      <a:cubicBezTo>
                        <a:pt x="31004" y="845452"/>
                        <a:pt x="33281" y="846688"/>
                        <a:pt x="33867" y="848835"/>
                      </a:cubicBezTo>
                      <a:cubicBezTo>
                        <a:pt x="36339" y="857456"/>
                        <a:pt x="39040" y="866110"/>
                        <a:pt x="41837" y="874569"/>
                      </a:cubicBezTo>
                      <a:cubicBezTo>
                        <a:pt x="42553" y="876684"/>
                        <a:pt x="41382" y="878993"/>
                        <a:pt x="39267" y="879709"/>
                      </a:cubicBezTo>
                      <a:cubicBezTo>
                        <a:pt x="37771" y="880197"/>
                        <a:pt x="36177" y="879774"/>
                        <a:pt x="35103" y="878733"/>
                      </a:cubicBezTo>
                      <a:close/>
                      <a:moveTo>
                        <a:pt x="459333" y="1299190"/>
                      </a:moveTo>
                      <a:cubicBezTo>
                        <a:pt x="458293" y="1298149"/>
                        <a:pt x="457870" y="1296555"/>
                        <a:pt x="458325" y="1295058"/>
                      </a:cubicBezTo>
                      <a:cubicBezTo>
                        <a:pt x="459008" y="1292911"/>
                        <a:pt x="461318" y="1291740"/>
                        <a:pt x="463433" y="1292455"/>
                      </a:cubicBezTo>
                      <a:cubicBezTo>
                        <a:pt x="471891" y="1295188"/>
                        <a:pt x="480545" y="1297791"/>
                        <a:pt x="489134" y="1300198"/>
                      </a:cubicBezTo>
                      <a:cubicBezTo>
                        <a:pt x="491281" y="1300816"/>
                        <a:pt x="492550" y="1303061"/>
                        <a:pt x="491964" y="1305208"/>
                      </a:cubicBezTo>
                      <a:cubicBezTo>
                        <a:pt x="491346" y="1307356"/>
                        <a:pt x="489134" y="1308624"/>
                        <a:pt x="486954" y="1308039"/>
                      </a:cubicBezTo>
                      <a:cubicBezTo>
                        <a:pt x="478235" y="1305599"/>
                        <a:pt x="469484" y="1302964"/>
                        <a:pt x="460927" y="1300198"/>
                      </a:cubicBezTo>
                      <a:cubicBezTo>
                        <a:pt x="460310" y="1300003"/>
                        <a:pt x="459756" y="1299645"/>
                        <a:pt x="459301" y="1299222"/>
                      </a:cubicBezTo>
                      <a:close/>
                      <a:moveTo>
                        <a:pt x="20203" y="826941"/>
                      </a:moveTo>
                      <a:cubicBezTo>
                        <a:pt x="19682" y="826420"/>
                        <a:pt x="19324" y="825769"/>
                        <a:pt x="19129" y="825021"/>
                      </a:cubicBezTo>
                      <a:cubicBezTo>
                        <a:pt x="16982" y="816270"/>
                        <a:pt x="14998" y="807323"/>
                        <a:pt x="13208" y="798409"/>
                      </a:cubicBezTo>
                      <a:cubicBezTo>
                        <a:pt x="12753" y="796197"/>
                        <a:pt x="14184" y="794082"/>
                        <a:pt x="16396" y="793627"/>
                      </a:cubicBezTo>
                      <a:cubicBezTo>
                        <a:pt x="18609" y="793171"/>
                        <a:pt x="20724" y="794603"/>
                        <a:pt x="21179" y="796815"/>
                      </a:cubicBezTo>
                      <a:cubicBezTo>
                        <a:pt x="22968" y="805599"/>
                        <a:pt x="24920" y="814448"/>
                        <a:pt x="27035" y="823102"/>
                      </a:cubicBezTo>
                      <a:cubicBezTo>
                        <a:pt x="27555" y="825281"/>
                        <a:pt x="26221" y="827461"/>
                        <a:pt x="24042" y="828014"/>
                      </a:cubicBezTo>
                      <a:cubicBezTo>
                        <a:pt x="22610" y="828372"/>
                        <a:pt x="21179" y="827917"/>
                        <a:pt x="20203" y="826941"/>
                      </a:cubicBezTo>
                      <a:close/>
                      <a:moveTo>
                        <a:pt x="511126" y="1313634"/>
                      </a:moveTo>
                      <a:cubicBezTo>
                        <a:pt x="510150" y="1312658"/>
                        <a:pt x="509694" y="1311260"/>
                        <a:pt x="510053" y="1309828"/>
                      </a:cubicBezTo>
                      <a:cubicBezTo>
                        <a:pt x="510573" y="1307648"/>
                        <a:pt x="512753" y="1306282"/>
                        <a:pt x="514933" y="1306803"/>
                      </a:cubicBezTo>
                      <a:cubicBezTo>
                        <a:pt x="523586" y="1308852"/>
                        <a:pt x="532435" y="1310739"/>
                        <a:pt x="541219" y="1312431"/>
                      </a:cubicBezTo>
                      <a:cubicBezTo>
                        <a:pt x="543431" y="1312854"/>
                        <a:pt x="544863" y="1315001"/>
                        <a:pt x="544440" y="1317181"/>
                      </a:cubicBezTo>
                      <a:cubicBezTo>
                        <a:pt x="544017" y="1319393"/>
                        <a:pt x="541902" y="1320824"/>
                        <a:pt x="539690" y="1320401"/>
                      </a:cubicBezTo>
                      <a:cubicBezTo>
                        <a:pt x="530809" y="1318677"/>
                        <a:pt x="521862" y="1316790"/>
                        <a:pt x="513078" y="1314708"/>
                      </a:cubicBezTo>
                      <a:cubicBezTo>
                        <a:pt x="512330" y="1314545"/>
                        <a:pt x="511647" y="1314155"/>
                        <a:pt x="511126" y="1313634"/>
                      </a:cubicBezTo>
                      <a:close/>
                      <a:moveTo>
                        <a:pt x="9532" y="774074"/>
                      </a:moveTo>
                      <a:cubicBezTo>
                        <a:pt x="8947" y="773489"/>
                        <a:pt x="8524" y="772708"/>
                        <a:pt x="8393" y="771862"/>
                      </a:cubicBezTo>
                      <a:cubicBezTo>
                        <a:pt x="6962" y="762916"/>
                        <a:pt x="5693" y="753839"/>
                        <a:pt x="4652" y="744860"/>
                      </a:cubicBezTo>
                      <a:cubicBezTo>
                        <a:pt x="4392" y="742647"/>
                        <a:pt x="5986" y="740598"/>
                        <a:pt x="8198" y="740338"/>
                      </a:cubicBezTo>
                      <a:cubicBezTo>
                        <a:pt x="10410" y="740077"/>
                        <a:pt x="12460" y="741671"/>
                        <a:pt x="12721" y="743884"/>
                      </a:cubicBezTo>
                      <a:cubicBezTo>
                        <a:pt x="13761" y="752765"/>
                        <a:pt x="15030" y="761712"/>
                        <a:pt x="16429" y="770561"/>
                      </a:cubicBezTo>
                      <a:cubicBezTo>
                        <a:pt x="16787" y="772773"/>
                        <a:pt x="15258" y="774855"/>
                        <a:pt x="13046" y="775213"/>
                      </a:cubicBezTo>
                      <a:cubicBezTo>
                        <a:pt x="11712" y="775441"/>
                        <a:pt x="10410" y="774953"/>
                        <a:pt x="9532" y="774074"/>
                      </a:cubicBezTo>
                      <a:close/>
                      <a:moveTo>
                        <a:pt x="563927" y="1323817"/>
                      </a:moveTo>
                      <a:cubicBezTo>
                        <a:pt x="563049" y="1322939"/>
                        <a:pt x="562593" y="1321670"/>
                        <a:pt x="562789" y="1320336"/>
                      </a:cubicBezTo>
                      <a:cubicBezTo>
                        <a:pt x="563114" y="1318124"/>
                        <a:pt x="565196" y="1316595"/>
                        <a:pt x="567408" y="1316920"/>
                      </a:cubicBezTo>
                      <a:cubicBezTo>
                        <a:pt x="576192" y="1318254"/>
                        <a:pt x="585171" y="1319425"/>
                        <a:pt x="594053" y="1320401"/>
                      </a:cubicBezTo>
                      <a:cubicBezTo>
                        <a:pt x="596297" y="1320662"/>
                        <a:pt x="597892" y="1322646"/>
                        <a:pt x="597631" y="1324891"/>
                      </a:cubicBezTo>
                      <a:cubicBezTo>
                        <a:pt x="597404" y="1327136"/>
                        <a:pt x="595387" y="1328730"/>
                        <a:pt x="593142" y="1328470"/>
                      </a:cubicBezTo>
                      <a:cubicBezTo>
                        <a:pt x="584130" y="1327493"/>
                        <a:pt x="575054" y="1326290"/>
                        <a:pt x="566172" y="1324956"/>
                      </a:cubicBezTo>
                      <a:cubicBezTo>
                        <a:pt x="565294" y="1324826"/>
                        <a:pt x="564513" y="1324403"/>
                        <a:pt x="563895" y="1323817"/>
                      </a:cubicBezTo>
                      <a:close/>
                      <a:moveTo>
                        <a:pt x="3188" y="720558"/>
                      </a:moveTo>
                      <a:cubicBezTo>
                        <a:pt x="2538" y="719907"/>
                        <a:pt x="2082" y="718996"/>
                        <a:pt x="2017" y="717987"/>
                      </a:cubicBezTo>
                      <a:cubicBezTo>
                        <a:pt x="1334" y="709041"/>
                        <a:pt x="813" y="699899"/>
                        <a:pt x="456" y="690790"/>
                      </a:cubicBezTo>
                      <a:cubicBezTo>
                        <a:pt x="358" y="688545"/>
                        <a:pt x="2115" y="686658"/>
                        <a:pt x="4359" y="686593"/>
                      </a:cubicBezTo>
                      <a:cubicBezTo>
                        <a:pt x="6604" y="686495"/>
                        <a:pt x="8491" y="688252"/>
                        <a:pt x="8556" y="690497"/>
                      </a:cubicBezTo>
                      <a:cubicBezTo>
                        <a:pt x="8881" y="699476"/>
                        <a:pt x="9402" y="708520"/>
                        <a:pt x="10085" y="717369"/>
                      </a:cubicBezTo>
                      <a:cubicBezTo>
                        <a:pt x="10248" y="719614"/>
                        <a:pt x="8589" y="721566"/>
                        <a:pt x="6344" y="721729"/>
                      </a:cubicBezTo>
                      <a:cubicBezTo>
                        <a:pt x="5108" y="721826"/>
                        <a:pt x="3969" y="721371"/>
                        <a:pt x="3156" y="720558"/>
                      </a:cubicBezTo>
                      <a:close/>
                      <a:moveTo>
                        <a:pt x="617444" y="1329706"/>
                      </a:moveTo>
                      <a:cubicBezTo>
                        <a:pt x="616630" y="1328892"/>
                        <a:pt x="616175" y="1327786"/>
                        <a:pt x="616273" y="1326550"/>
                      </a:cubicBezTo>
                      <a:cubicBezTo>
                        <a:pt x="616435" y="1324305"/>
                        <a:pt x="618355" y="1322614"/>
                        <a:pt x="620600" y="1322776"/>
                      </a:cubicBezTo>
                      <a:cubicBezTo>
                        <a:pt x="629514" y="1323394"/>
                        <a:pt x="638558" y="1323817"/>
                        <a:pt x="647472" y="1324078"/>
                      </a:cubicBezTo>
                      <a:cubicBezTo>
                        <a:pt x="649717" y="1324143"/>
                        <a:pt x="651474" y="1325997"/>
                        <a:pt x="651408" y="1328242"/>
                      </a:cubicBezTo>
                      <a:cubicBezTo>
                        <a:pt x="651343" y="1330487"/>
                        <a:pt x="649489" y="1332243"/>
                        <a:pt x="647244" y="1332178"/>
                      </a:cubicBezTo>
                      <a:cubicBezTo>
                        <a:pt x="638232" y="1331918"/>
                        <a:pt x="629091" y="1331463"/>
                        <a:pt x="620047" y="1330844"/>
                      </a:cubicBezTo>
                      <a:cubicBezTo>
                        <a:pt x="619038" y="1330779"/>
                        <a:pt x="618127" y="1330324"/>
                        <a:pt x="617444" y="1329673"/>
                      </a:cubicBezTo>
                      <a:close/>
                      <a:moveTo>
                        <a:pt x="1204" y="666748"/>
                      </a:moveTo>
                      <a:cubicBezTo>
                        <a:pt x="456" y="666000"/>
                        <a:pt x="0" y="664991"/>
                        <a:pt x="0" y="663852"/>
                      </a:cubicBezTo>
                      <a:cubicBezTo>
                        <a:pt x="0" y="654808"/>
                        <a:pt x="260" y="645667"/>
                        <a:pt x="651" y="636622"/>
                      </a:cubicBezTo>
                      <a:cubicBezTo>
                        <a:pt x="748" y="634378"/>
                        <a:pt x="2635" y="632653"/>
                        <a:pt x="4880" y="632751"/>
                      </a:cubicBezTo>
                      <a:cubicBezTo>
                        <a:pt x="7125" y="632849"/>
                        <a:pt x="8849" y="634735"/>
                        <a:pt x="8751" y="636980"/>
                      </a:cubicBezTo>
                      <a:cubicBezTo>
                        <a:pt x="8361" y="645894"/>
                        <a:pt x="8133" y="654938"/>
                        <a:pt x="8101" y="663885"/>
                      </a:cubicBezTo>
                      <a:cubicBezTo>
                        <a:pt x="8101" y="666130"/>
                        <a:pt x="6279" y="667952"/>
                        <a:pt x="4034" y="667919"/>
                      </a:cubicBezTo>
                      <a:cubicBezTo>
                        <a:pt x="2928" y="667919"/>
                        <a:pt x="1919" y="667464"/>
                        <a:pt x="1171" y="666715"/>
                      </a:cubicBezTo>
                      <a:close/>
                      <a:moveTo>
                        <a:pt x="671286" y="1331267"/>
                      </a:moveTo>
                      <a:cubicBezTo>
                        <a:pt x="670570" y="1330552"/>
                        <a:pt x="670115" y="1329543"/>
                        <a:pt x="670082" y="1328437"/>
                      </a:cubicBezTo>
                      <a:cubicBezTo>
                        <a:pt x="670082" y="1326192"/>
                        <a:pt x="671839" y="1324370"/>
                        <a:pt x="674084" y="1324338"/>
                      </a:cubicBezTo>
                      <a:cubicBezTo>
                        <a:pt x="682998" y="1324240"/>
                        <a:pt x="692042" y="1323947"/>
                        <a:pt x="700989" y="1323459"/>
                      </a:cubicBezTo>
                      <a:cubicBezTo>
                        <a:pt x="703234" y="1323329"/>
                        <a:pt x="705153" y="1325054"/>
                        <a:pt x="705251" y="1327298"/>
                      </a:cubicBezTo>
                      <a:cubicBezTo>
                        <a:pt x="705381" y="1329543"/>
                        <a:pt x="703656" y="1331463"/>
                        <a:pt x="701412" y="1331560"/>
                      </a:cubicBezTo>
                      <a:cubicBezTo>
                        <a:pt x="692367" y="1332048"/>
                        <a:pt x="683226" y="1332341"/>
                        <a:pt x="674182" y="1332439"/>
                      </a:cubicBezTo>
                      <a:cubicBezTo>
                        <a:pt x="673043" y="1332439"/>
                        <a:pt x="672002" y="1331983"/>
                        <a:pt x="671253" y="1331235"/>
                      </a:cubicBezTo>
                      <a:close/>
                      <a:moveTo>
                        <a:pt x="3579" y="612971"/>
                      </a:moveTo>
                      <a:cubicBezTo>
                        <a:pt x="2765" y="612158"/>
                        <a:pt x="2310" y="610986"/>
                        <a:pt x="2407" y="609750"/>
                      </a:cubicBezTo>
                      <a:cubicBezTo>
                        <a:pt x="3156" y="600771"/>
                        <a:pt x="4132" y="591662"/>
                        <a:pt x="5238" y="582683"/>
                      </a:cubicBezTo>
                      <a:cubicBezTo>
                        <a:pt x="5530" y="580470"/>
                        <a:pt x="7547" y="578876"/>
                        <a:pt x="9760" y="579169"/>
                      </a:cubicBezTo>
                      <a:cubicBezTo>
                        <a:pt x="12004" y="579462"/>
                        <a:pt x="13566" y="581479"/>
                        <a:pt x="13273" y="583691"/>
                      </a:cubicBezTo>
                      <a:cubicBezTo>
                        <a:pt x="12167" y="592540"/>
                        <a:pt x="11224" y="601552"/>
                        <a:pt x="10476" y="610433"/>
                      </a:cubicBezTo>
                      <a:cubicBezTo>
                        <a:pt x="10281" y="612678"/>
                        <a:pt x="8328" y="614337"/>
                        <a:pt x="6084" y="614142"/>
                      </a:cubicBezTo>
                      <a:cubicBezTo>
                        <a:pt x="5075" y="614044"/>
                        <a:pt x="4196" y="613622"/>
                        <a:pt x="3546" y="612971"/>
                      </a:cubicBezTo>
                      <a:close/>
                      <a:moveTo>
                        <a:pt x="725063" y="1328470"/>
                      </a:moveTo>
                      <a:cubicBezTo>
                        <a:pt x="724412" y="1327819"/>
                        <a:pt x="723989" y="1326940"/>
                        <a:pt x="723892" y="1325964"/>
                      </a:cubicBezTo>
                      <a:cubicBezTo>
                        <a:pt x="723697" y="1323720"/>
                        <a:pt x="725323" y="1321768"/>
                        <a:pt x="727568" y="1321540"/>
                      </a:cubicBezTo>
                      <a:cubicBezTo>
                        <a:pt x="736450" y="1320727"/>
                        <a:pt x="745429" y="1319686"/>
                        <a:pt x="754310" y="1318514"/>
                      </a:cubicBezTo>
                      <a:cubicBezTo>
                        <a:pt x="756522" y="1318222"/>
                        <a:pt x="758572" y="1319783"/>
                        <a:pt x="758865" y="1321995"/>
                      </a:cubicBezTo>
                      <a:cubicBezTo>
                        <a:pt x="759158" y="1324208"/>
                        <a:pt x="757596" y="1326257"/>
                        <a:pt x="755384" y="1326550"/>
                      </a:cubicBezTo>
                      <a:cubicBezTo>
                        <a:pt x="746405" y="1327754"/>
                        <a:pt x="737296" y="1328795"/>
                        <a:pt x="728317" y="1329608"/>
                      </a:cubicBezTo>
                      <a:cubicBezTo>
                        <a:pt x="727048" y="1329738"/>
                        <a:pt x="725877" y="1329250"/>
                        <a:pt x="725063" y="1328437"/>
                      </a:cubicBezTo>
                      <a:close/>
                      <a:moveTo>
                        <a:pt x="10281" y="559584"/>
                      </a:moveTo>
                      <a:cubicBezTo>
                        <a:pt x="9370" y="558673"/>
                        <a:pt x="8914" y="557372"/>
                        <a:pt x="9142" y="556038"/>
                      </a:cubicBezTo>
                      <a:cubicBezTo>
                        <a:pt x="10638" y="547124"/>
                        <a:pt x="12330" y="538112"/>
                        <a:pt x="14152" y="529296"/>
                      </a:cubicBezTo>
                      <a:cubicBezTo>
                        <a:pt x="14607" y="527084"/>
                        <a:pt x="16755" y="525685"/>
                        <a:pt x="18967" y="526140"/>
                      </a:cubicBezTo>
                      <a:cubicBezTo>
                        <a:pt x="21179" y="526596"/>
                        <a:pt x="22578" y="528743"/>
                        <a:pt x="22122" y="530955"/>
                      </a:cubicBezTo>
                      <a:cubicBezTo>
                        <a:pt x="20301" y="539674"/>
                        <a:pt x="18641" y="548555"/>
                        <a:pt x="17178" y="557372"/>
                      </a:cubicBezTo>
                      <a:cubicBezTo>
                        <a:pt x="16819" y="559584"/>
                        <a:pt x="14705" y="561081"/>
                        <a:pt x="12493" y="560723"/>
                      </a:cubicBezTo>
                      <a:cubicBezTo>
                        <a:pt x="11614" y="560593"/>
                        <a:pt x="10866" y="560170"/>
                        <a:pt x="10281" y="559584"/>
                      </a:cubicBezTo>
                      <a:close/>
                      <a:moveTo>
                        <a:pt x="778482" y="1321312"/>
                      </a:moveTo>
                      <a:cubicBezTo>
                        <a:pt x="777929" y="1320759"/>
                        <a:pt x="777506" y="1320011"/>
                        <a:pt x="777344" y="1319133"/>
                      </a:cubicBezTo>
                      <a:cubicBezTo>
                        <a:pt x="776953" y="1316920"/>
                        <a:pt x="778417" y="1314806"/>
                        <a:pt x="780629" y="1314415"/>
                      </a:cubicBezTo>
                      <a:cubicBezTo>
                        <a:pt x="789446" y="1312854"/>
                        <a:pt x="798328" y="1311129"/>
                        <a:pt x="807046" y="1309210"/>
                      </a:cubicBezTo>
                      <a:cubicBezTo>
                        <a:pt x="809226" y="1308722"/>
                        <a:pt x="811406" y="1310121"/>
                        <a:pt x="811894" y="1312301"/>
                      </a:cubicBezTo>
                      <a:cubicBezTo>
                        <a:pt x="812382" y="1314480"/>
                        <a:pt x="810983" y="1316660"/>
                        <a:pt x="808803" y="1317148"/>
                      </a:cubicBezTo>
                      <a:cubicBezTo>
                        <a:pt x="799987" y="1319067"/>
                        <a:pt x="790975" y="1320824"/>
                        <a:pt x="782061" y="1322418"/>
                      </a:cubicBezTo>
                      <a:cubicBezTo>
                        <a:pt x="780695" y="1322646"/>
                        <a:pt x="779393" y="1322191"/>
                        <a:pt x="778482" y="1321280"/>
                      </a:cubicBezTo>
                      <a:close/>
                      <a:moveTo>
                        <a:pt x="21276" y="506913"/>
                      </a:moveTo>
                      <a:cubicBezTo>
                        <a:pt x="20301" y="505937"/>
                        <a:pt x="19845" y="504473"/>
                        <a:pt x="20203" y="503042"/>
                      </a:cubicBezTo>
                      <a:cubicBezTo>
                        <a:pt x="22415" y="494258"/>
                        <a:pt x="24823" y="485441"/>
                        <a:pt x="27360" y="476820"/>
                      </a:cubicBezTo>
                      <a:cubicBezTo>
                        <a:pt x="28011" y="474673"/>
                        <a:pt x="30255" y="473437"/>
                        <a:pt x="32403" y="474087"/>
                      </a:cubicBezTo>
                      <a:cubicBezTo>
                        <a:pt x="34550" y="474706"/>
                        <a:pt x="35786" y="476983"/>
                        <a:pt x="35135" y="479130"/>
                      </a:cubicBezTo>
                      <a:cubicBezTo>
                        <a:pt x="32631" y="487654"/>
                        <a:pt x="30223" y="496373"/>
                        <a:pt x="28043" y="505026"/>
                      </a:cubicBezTo>
                      <a:cubicBezTo>
                        <a:pt x="27490" y="507206"/>
                        <a:pt x="25278" y="508507"/>
                        <a:pt x="23098" y="507987"/>
                      </a:cubicBezTo>
                      <a:cubicBezTo>
                        <a:pt x="22350" y="507792"/>
                        <a:pt x="21732" y="507434"/>
                        <a:pt x="21212" y="506913"/>
                      </a:cubicBezTo>
                      <a:close/>
                      <a:moveTo>
                        <a:pt x="831186" y="1309828"/>
                      </a:moveTo>
                      <a:cubicBezTo>
                        <a:pt x="830698" y="1309340"/>
                        <a:pt x="830307" y="1308722"/>
                        <a:pt x="830145" y="1307974"/>
                      </a:cubicBezTo>
                      <a:cubicBezTo>
                        <a:pt x="829592" y="1305794"/>
                        <a:pt x="830893" y="1303582"/>
                        <a:pt x="833040" y="1303029"/>
                      </a:cubicBezTo>
                      <a:cubicBezTo>
                        <a:pt x="841694" y="1300784"/>
                        <a:pt x="850413" y="1298311"/>
                        <a:pt x="858969" y="1295709"/>
                      </a:cubicBezTo>
                      <a:cubicBezTo>
                        <a:pt x="861116" y="1295058"/>
                        <a:pt x="863394" y="1296262"/>
                        <a:pt x="864044" y="1298409"/>
                      </a:cubicBezTo>
                      <a:cubicBezTo>
                        <a:pt x="864695" y="1300556"/>
                        <a:pt x="863491" y="1302834"/>
                        <a:pt x="861344" y="1303484"/>
                      </a:cubicBezTo>
                      <a:cubicBezTo>
                        <a:pt x="852690" y="1306119"/>
                        <a:pt x="843874" y="1308624"/>
                        <a:pt x="835090" y="1310902"/>
                      </a:cubicBezTo>
                      <a:cubicBezTo>
                        <a:pt x="833658" y="1311292"/>
                        <a:pt x="832162" y="1310837"/>
                        <a:pt x="831186" y="1309828"/>
                      </a:cubicBezTo>
                      <a:close/>
                      <a:moveTo>
                        <a:pt x="36502" y="455348"/>
                      </a:moveTo>
                      <a:cubicBezTo>
                        <a:pt x="35428" y="454275"/>
                        <a:pt x="35006" y="452681"/>
                        <a:pt x="35526" y="451152"/>
                      </a:cubicBezTo>
                      <a:cubicBezTo>
                        <a:pt x="38421" y="442628"/>
                        <a:pt x="41545" y="434039"/>
                        <a:pt x="44798" y="425613"/>
                      </a:cubicBezTo>
                      <a:cubicBezTo>
                        <a:pt x="45611" y="423531"/>
                        <a:pt x="47954" y="422490"/>
                        <a:pt x="50036" y="423303"/>
                      </a:cubicBezTo>
                      <a:cubicBezTo>
                        <a:pt x="52118" y="424117"/>
                        <a:pt x="53159" y="426459"/>
                        <a:pt x="52346" y="428541"/>
                      </a:cubicBezTo>
                      <a:cubicBezTo>
                        <a:pt x="49125" y="436837"/>
                        <a:pt x="46067" y="445328"/>
                        <a:pt x="43171" y="453754"/>
                      </a:cubicBezTo>
                      <a:cubicBezTo>
                        <a:pt x="42455" y="455869"/>
                        <a:pt x="40146" y="457008"/>
                        <a:pt x="38031" y="456292"/>
                      </a:cubicBezTo>
                      <a:cubicBezTo>
                        <a:pt x="37413" y="456097"/>
                        <a:pt x="36892" y="455739"/>
                        <a:pt x="36469" y="455316"/>
                      </a:cubicBezTo>
                      <a:close/>
                      <a:moveTo>
                        <a:pt x="882783" y="1294082"/>
                      </a:moveTo>
                      <a:cubicBezTo>
                        <a:pt x="882360" y="1293659"/>
                        <a:pt x="882035" y="1293139"/>
                        <a:pt x="881840" y="1292553"/>
                      </a:cubicBezTo>
                      <a:cubicBezTo>
                        <a:pt x="881091" y="1290438"/>
                        <a:pt x="882197" y="1288129"/>
                        <a:pt x="884345" y="1287380"/>
                      </a:cubicBezTo>
                      <a:cubicBezTo>
                        <a:pt x="892803" y="1284420"/>
                        <a:pt x="901294" y="1281264"/>
                        <a:pt x="909590" y="1277946"/>
                      </a:cubicBezTo>
                      <a:cubicBezTo>
                        <a:pt x="911673" y="1277132"/>
                        <a:pt x="914047" y="1278141"/>
                        <a:pt x="914861" y="1280223"/>
                      </a:cubicBezTo>
                      <a:cubicBezTo>
                        <a:pt x="915674" y="1282305"/>
                        <a:pt x="914666" y="1284680"/>
                        <a:pt x="912584" y="1285493"/>
                      </a:cubicBezTo>
                      <a:cubicBezTo>
                        <a:pt x="904157" y="1288844"/>
                        <a:pt x="895569" y="1292033"/>
                        <a:pt x="887013" y="1295026"/>
                      </a:cubicBezTo>
                      <a:cubicBezTo>
                        <a:pt x="885483" y="1295546"/>
                        <a:pt x="883857" y="1295123"/>
                        <a:pt x="882783" y="1294050"/>
                      </a:cubicBezTo>
                      <a:close/>
                      <a:moveTo>
                        <a:pt x="55859" y="405215"/>
                      </a:moveTo>
                      <a:cubicBezTo>
                        <a:pt x="54720" y="404076"/>
                        <a:pt x="54330" y="402287"/>
                        <a:pt x="55013" y="400725"/>
                      </a:cubicBezTo>
                      <a:cubicBezTo>
                        <a:pt x="58592" y="392462"/>
                        <a:pt x="62431" y="384134"/>
                        <a:pt x="66367" y="375968"/>
                      </a:cubicBezTo>
                      <a:cubicBezTo>
                        <a:pt x="67343" y="373951"/>
                        <a:pt x="69783" y="373105"/>
                        <a:pt x="71800" y="374081"/>
                      </a:cubicBezTo>
                      <a:cubicBezTo>
                        <a:pt x="73817" y="375057"/>
                        <a:pt x="74663" y="377497"/>
                        <a:pt x="73687" y="379514"/>
                      </a:cubicBezTo>
                      <a:cubicBezTo>
                        <a:pt x="69783" y="387582"/>
                        <a:pt x="66009" y="395780"/>
                        <a:pt x="62463" y="403979"/>
                      </a:cubicBezTo>
                      <a:cubicBezTo>
                        <a:pt x="61585" y="406028"/>
                        <a:pt x="59177" y="406972"/>
                        <a:pt x="57128" y="406093"/>
                      </a:cubicBezTo>
                      <a:cubicBezTo>
                        <a:pt x="56640" y="405898"/>
                        <a:pt x="56217" y="405605"/>
                        <a:pt x="55859" y="405248"/>
                      </a:cubicBezTo>
                      <a:close/>
                      <a:moveTo>
                        <a:pt x="932949" y="1274172"/>
                      </a:moveTo>
                      <a:cubicBezTo>
                        <a:pt x="932591" y="1273814"/>
                        <a:pt x="932331" y="1273424"/>
                        <a:pt x="932103" y="1272968"/>
                      </a:cubicBezTo>
                      <a:cubicBezTo>
                        <a:pt x="931192" y="1270919"/>
                        <a:pt x="932103" y="1268511"/>
                        <a:pt x="934153" y="1267600"/>
                      </a:cubicBezTo>
                      <a:cubicBezTo>
                        <a:pt x="942319" y="1263957"/>
                        <a:pt x="950549" y="1260085"/>
                        <a:pt x="958553" y="1256116"/>
                      </a:cubicBezTo>
                      <a:cubicBezTo>
                        <a:pt x="960570" y="1255108"/>
                        <a:pt x="963010" y="1255921"/>
                        <a:pt x="963985" y="1257938"/>
                      </a:cubicBezTo>
                      <a:cubicBezTo>
                        <a:pt x="964994" y="1259955"/>
                        <a:pt x="964148" y="1262395"/>
                        <a:pt x="962164" y="1263371"/>
                      </a:cubicBezTo>
                      <a:cubicBezTo>
                        <a:pt x="954063" y="1267405"/>
                        <a:pt x="945734" y="1271309"/>
                        <a:pt x="937439" y="1274985"/>
                      </a:cubicBezTo>
                      <a:cubicBezTo>
                        <a:pt x="935845" y="1275701"/>
                        <a:pt x="934055" y="1275311"/>
                        <a:pt x="932917" y="1274139"/>
                      </a:cubicBezTo>
                      <a:close/>
                      <a:moveTo>
                        <a:pt x="79315" y="356741"/>
                      </a:moveTo>
                      <a:cubicBezTo>
                        <a:pt x="78079" y="355505"/>
                        <a:pt x="77754" y="353585"/>
                        <a:pt x="78600" y="351958"/>
                      </a:cubicBezTo>
                      <a:cubicBezTo>
                        <a:pt x="82861" y="343988"/>
                        <a:pt x="87351" y="336017"/>
                        <a:pt x="91938" y="328209"/>
                      </a:cubicBezTo>
                      <a:cubicBezTo>
                        <a:pt x="93077" y="326290"/>
                        <a:pt x="95582" y="325639"/>
                        <a:pt x="97501" y="326778"/>
                      </a:cubicBezTo>
                      <a:cubicBezTo>
                        <a:pt x="99421" y="327917"/>
                        <a:pt x="100072" y="330422"/>
                        <a:pt x="98933" y="332341"/>
                      </a:cubicBezTo>
                      <a:cubicBezTo>
                        <a:pt x="94411" y="340019"/>
                        <a:pt x="89954" y="347924"/>
                        <a:pt x="85757" y="355797"/>
                      </a:cubicBezTo>
                      <a:cubicBezTo>
                        <a:pt x="84684" y="357782"/>
                        <a:pt x="82244" y="358530"/>
                        <a:pt x="80259" y="357457"/>
                      </a:cubicBezTo>
                      <a:cubicBezTo>
                        <a:pt x="79901" y="357261"/>
                        <a:pt x="79576" y="357034"/>
                        <a:pt x="79315" y="356741"/>
                      </a:cubicBezTo>
                      <a:close/>
                      <a:moveTo>
                        <a:pt x="981293" y="1250260"/>
                      </a:moveTo>
                      <a:cubicBezTo>
                        <a:pt x="981033" y="1250000"/>
                        <a:pt x="980805" y="1249675"/>
                        <a:pt x="980610" y="1249349"/>
                      </a:cubicBezTo>
                      <a:cubicBezTo>
                        <a:pt x="979536" y="1247397"/>
                        <a:pt x="980252" y="1244925"/>
                        <a:pt x="982236" y="1243851"/>
                      </a:cubicBezTo>
                      <a:cubicBezTo>
                        <a:pt x="990077" y="1239557"/>
                        <a:pt x="997918" y="1235067"/>
                        <a:pt x="1005563" y="1230448"/>
                      </a:cubicBezTo>
                      <a:cubicBezTo>
                        <a:pt x="1007482" y="1229276"/>
                        <a:pt x="1009987" y="1229894"/>
                        <a:pt x="1011126" y="1231846"/>
                      </a:cubicBezTo>
                      <a:cubicBezTo>
                        <a:pt x="1012297" y="1233766"/>
                        <a:pt x="1011646" y="1236271"/>
                        <a:pt x="1009727" y="1237410"/>
                      </a:cubicBezTo>
                      <a:cubicBezTo>
                        <a:pt x="1001984" y="1242062"/>
                        <a:pt x="994046" y="1246649"/>
                        <a:pt x="986108" y="1250976"/>
                      </a:cubicBezTo>
                      <a:cubicBezTo>
                        <a:pt x="984481" y="1251854"/>
                        <a:pt x="982530" y="1251529"/>
                        <a:pt x="981293" y="1250293"/>
                      </a:cubicBezTo>
                      <a:close/>
                      <a:moveTo>
                        <a:pt x="106675" y="310349"/>
                      </a:moveTo>
                      <a:cubicBezTo>
                        <a:pt x="105342" y="309015"/>
                        <a:pt x="105081" y="306900"/>
                        <a:pt x="106155" y="305274"/>
                      </a:cubicBezTo>
                      <a:cubicBezTo>
                        <a:pt x="111035" y="297693"/>
                        <a:pt x="116175" y="290113"/>
                        <a:pt x="121380" y="282696"/>
                      </a:cubicBezTo>
                      <a:cubicBezTo>
                        <a:pt x="122682" y="280874"/>
                        <a:pt x="125220" y="280418"/>
                        <a:pt x="127041" y="281720"/>
                      </a:cubicBezTo>
                      <a:cubicBezTo>
                        <a:pt x="128863" y="283021"/>
                        <a:pt x="129319" y="285559"/>
                        <a:pt x="128017" y="287380"/>
                      </a:cubicBezTo>
                      <a:cubicBezTo>
                        <a:pt x="122877" y="294700"/>
                        <a:pt x="117802" y="302183"/>
                        <a:pt x="112955" y="309666"/>
                      </a:cubicBezTo>
                      <a:cubicBezTo>
                        <a:pt x="111751" y="311552"/>
                        <a:pt x="109213" y="312106"/>
                        <a:pt x="107326" y="310869"/>
                      </a:cubicBezTo>
                      <a:cubicBezTo>
                        <a:pt x="107066" y="310707"/>
                        <a:pt x="106871" y="310511"/>
                        <a:pt x="106643" y="310316"/>
                      </a:cubicBezTo>
                      <a:close/>
                      <a:moveTo>
                        <a:pt x="1027457" y="1222477"/>
                      </a:moveTo>
                      <a:cubicBezTo>
                        <a:pt x="1027262" y="1222282"/>
                        <a:pt x="1027100" y="1222087"/>
                        <a:pt x="1026937" y="1221826"/>
                      </a:cubicBezTo>
                      <a:cubicBezTo>
                        <a:pt x="1025701" y="1219939"/>
                        <a:pt x="1026221" y="1217434"/>
                        <a:pt x="1028108" y="1216198"/>
                      </a:cubicBezTo>
                      <a:cubicBezTo>
                        <a:pt x="1035558" y="1211286"/>
                        <a:pt x="1043008" y="1206145"/>
                        <a:pt x="1050263" y="1200940"/>
                      </a:cubicBezTo>
                      <a:cubicBezTo>
                        <a:pt x="1052085" y="1199639"/>
                        <a:pt x="1054622" y="1200029"/>
                        <a:pt x="1055924" y="1201851"/>
                      </a:cubicBezTo>
                      <a:cubicBezTo>
                        <a:pt x="1057225" y="1203673"/>
                        <a:pt x="1056835" y="1206210"/>
                        <a:pt x="1055013" y="1207512"/>
                      </a:cubicBezTo>
                      <a:cubicBezTo>
                        <a:pt x="1047693" y="1212782"/>
                        <a:pt x="1040145" y="1217987"/>
                        <a:pt x="1032598" y="1222965"/>
                      </a:cubicBezTo>
                      <a:cubicBezTo>
                        <a:pt x="1030971" y="1224039"/>
                        <a:pt x="1028824" y="1223778"/>
                        <a:pt x="1027490" y="1222444"/>
                      </a:cubicBezTo>
                      <a:close/>
                      <a:moveTo>
                        <a:pt x="137712" y="266332"/>
                      </a:moveTo>
                      <a:cubicBezTo>
                        <a:pt x="136281" y="264900"/>
                        <a:pt x="136118" y="262623"/>
                        <a:pt x="137354" y="260996"/>
                      </a:cubicBezTo>
                      <a:cubicBezTo>
                        <a:pt x="142853" y="253839"/>
                        <a:pt x="148578" y="246682"/>
                        <a:pt x="154369" y="239752"/>
                      </a:cubicBezTo>
                      <a:cubicBezTo>
                        <a:pt x="155801" y="238028"/>
                        <a:pt x="158370" y="237800"/>
                        <a:pt x="160095" y="239232"/>
                      </a:cubicBezTo>
                      <a:cubicBezTo>
                        <a:pt x="161819" y="240663"/>
                        <a:pt x="162047" y="243233"/>
                        <a:pt x="160615" y="244957"/>
                      </a:cubicBezTo>
                      <a:cubicBezTo>
                        <a:pt x="154890" y="251822"/>
                        <a:pt x="149229" y="258881"/>
                        <a:pt x="143796" y="265941"/>
                      </a:cubicBezTo>
                      <a:cubicBezTo>
                        <a:pt x="142430" y="267730"/>
                        <a:pt x="139892" y="268056"/>
                        <a:pt x="138102" y="266689"/>
                      </a:cubicBezTo>
                      <a:cubicBezTo>
                        <a:pt x="137973" y="266592"/>
                        <a:pt x="137810" y="266462"/>
                        <a:pt x="137712" y="266332"/>
                      </a:cubicBezTo>
                      <a:close/>
                      <a:moveTo>
                        <a:pt x="1071182" y="1191018"/>
                      </a:moveTo>
                      <a:cubicBezTo>
                        <a:pt x="1071182" y="1191018"/>
                        <a:pt x="1070954" y="1190790"/>
                        <a:pt x="1070857" y="1190660"/>
                      </a:cubicBezTo>
                      <a:cubicBezTo>
                        <a:pt x="1069490" y="1188903"/>
                        <a:pt x="1069783" y="1186333"/>
                        <a:pt x="1071540" y="1184966"/>
                      </a:cubicBezTo>
                      <a:cubicBezTo>
                        <a:pt x="1078567" y="1179468"/>
                        <a:pt x="1085561" y="1173743"/>
                        <a:pt x="1092361" y="1167952"/>
                      </a:cubicBezTo>
                      <a:cubicBezTo>
                        <a:pt x="1094052" y="1166488"/>
                        <a:pt x="1096590" y="1166683"/>
                        <a:pt x="1098087" y="1168407"/>
                      </a:cubicBezTo>
                      <a:cubicBezTo>
                        <a:pt x="1099551" y="1170099"/>
                        <a:pt x="1099323" y="1172669"/>
                        <a:pt x="1097631" y="1174133"/>
                      </a:cubicBezTo>
                      <a:cubicBezTo>
                        <a:pt x="1090734" y="1179989"/>
                        <a:pt x="1083642" y="1185780"/>
                        <a:pt x="1076550" y="1191343"/>
                      </a:cubicBezTo>
                      <a:cubicBezTo>
                        <a:pt x="1074923" y="1192612"/>
                        <a:pt x="1072613" y="1192449"/>
                        <a:pt x="1071182" y="1191018"/>
                      </a:cubicBezTo>
                      <a:close/>
                      <a:moveTo>
                        <a:pt x="172230" y="224982"/>
                      </a:moveTo>
                      <a:cubicBezTo>
                        <a:pt x="170701" y="223453"/>
                        <a:pt x="170635" y="221013"/>
                        <a:pt x="172100" y="219386"/>
                      </a:cubicBezTo>
                      <a:cubicBezTo>
                        <a:pt x="178151" y="212685"/>
                        <a:pt x="184462" y="206015"/>
                        <a:pt x="190774" y="199574"/>
                      </a:cubicBezTo>
                      <a:cubicBezTo>
                        <a:pt x="192335" y="197980"/>
                        <a:pt x="194905" y="197947"/>
                        <a:pt x="196532" y="199509"/>
                      </a:cubicBezTo>
                      <a:cubicBezTo>
                        <a:pt x="198061" y="201038"/>
                        <a:pt x="198159" y="203640"/>
                        <a:pt x="196597" y="205267"/>
                      </a:cubicBezTo>
                      <a:cubicBezTo>
                        <a:pt x="190351" y="211644"/>
                        <a:pt x="184137" y="218215"/>
                        <a:pt x="178151" y="224852"/>
                      </a:cubicBezTo>
                      <a:cubicBezTo>
                        <a:pt x="176654" y="226511"/>
                        <a:pt x="174084" y="226641"/>
                        <a:pt x="172425" y="225145"/>
                      </a:cubicBezTo>
                      <a:cubicBezTo>
                        <a:pt x="172360" y="225112"/>
                        <a:pt x="172327" y="225047"/>
                        <a:pt x="172262" y="225015"/>
                      </a:cubicBezTo>
                      <a:close/>
                      <a:moveTo>
                        <a:pt x="1112206" y="1156110"/>
                      </a:moveTo>
                      <a:cubicBezTo>
                        <a:pt x="1112206" y="1156110"/>
                        <a:pt x="1112141" y="1156045"/>
                        <a:pt x="1112076" y="1155979"/>
                      </a:cubicBezTo>
                      <a:cubicBezTo>
                        <a:pt x="1110547" y="1154320"/>
                        <a:pt x="1110645" y="1151750"/>
                        <a:pt x="1112304" y="1150254"/>
                      </a:cubicBezTo>
                      <a:cubicBezTo>
                        <a:pt x="1118875" y="1144202"/>
                        <a:pt x="1125382" y="1137924"/>
                        <a:pt x="1131693" y="1131612"/>
                      </a:cubicBezTo>
                      <a:cubicBezTo>
                        <a:pt x="1134719" y="1128619"/>
                        <a:pt x="1137679" y="1125561"/>
                        <a:pt x="1140607" y="1122535"/>
                      </a:cubicBezTo>
                      <a:cubicBezTo>
                        <a:pt x="1142169" y="1120909"/>
                        <a:pt x="1144739" y="1120876"/>
                        <a:pt x="1146366" y="1122438"/>
                      </a:cubicBezTo>
                      <a:cubicBezTo>
                        <a:pt x="1147992" y="1124000"/>
                        <a:pt x="1148025" y="1126570"/>
                        <a:pt x="1146463" y="1128164"/>
                      </a:cubicBezTo>
                      <a:cubicBezTo>
                        <a:pt x="1143503" y="1131254"/>
                        <a:pt x="1140477" y="1134313"/>
                        <a:pt x="1137452" y="1137371"/>
                      </a:cubicBezTo>
                      <a:cubicBezTo>
                        <a:pt x="1131075" y="1143747"/>
                        <a:pt x="1124471" y="1150091"/>
                        <a:pt x="1117834" y="1156240"/>
                      </a:cubicBezTo>
                      <a:cubicBezTo>
                        <a:pt x="1116240" y="1157736"/>
                        <a:pt x="1113735" y="1157671"/>
                        <a:pt x="1112206" y="1156142"/>
                      </a:cubicBezTo>
                      <a:close/>
                      <a:moveTo>
                        <a:pt x="209903" y="186561"/>
                      </a:moveTo>
                      <a:cubicBezTo>
                        <a:pt x="209903" y="186561"/>
                        <a:pt x="209838" y="186496"/>
                        <a:pt x="209805" y="186463"/>
                      </a:cubicBezTo>
                      <a:cubicBezTo>
                        <a:pt x="208276" y="184836"/>
                        <a:pt x="208341" y="182266"/>
                        <a:pt x="209968" y="180737"/>
                      </a:cubicBezTo>
                      <a:cubicBezTo>
                        <a:pt x="216540" y="174556"/>
                        <a:pt x="223339" y="168407"/>
                        <a:pt x="230171" y="162486"/>
                      </a:cubicBezTo>
                      <a:cubicBezTo>
                        <a:pt x="231863" y="161022"/>
                        <a:pt x="234433" y="161185"/>
                        <a:pt x="235897" y="162877"/>
                      </a:cubicBezTo>
                      <a:cubicBezTo>
                        <a:pt x="237361" y="164568"/>
                        <a:pt x="237198" y="167138"/>
                        <a:pt x="235507" y="168602"/>
                      </a:cubicBezTo>
                      <a:cubicBezTo>
                        <a:pt x="228772" y="174458"/>
                        <a:pt x="222038" y="180509"/>
                        <a:pt x="215531" y="186626"/>
                      </a:cubicBezTo>
                      <a:cubicBezTo>
                        <a:pt x="213937" y="188122"/>
                        <a:pt x="211432" y="188090"/>
                        <a:pt x="209870" y="186528"/>
                      </a:cubicBezTo>
                      <a:close/>
                      <a:moveTo>
                        <a:pt x="1158826" y="1108579"/>
                      </a:moveTo>
                      <a:cubicBezTo>
                        <a:pt x="1157329" y="1107082"/>
                        <a:pt x="1157232" y="1104642"/>
                        <a:pt x="1158663" y="1103016"/>
                      </a:cubicBezTo>
                      <a:cubicBezTo>
                        <a:pt x="1164584" y="1096346"/>
                        <a:pt x="1170473" y="1089449"/>
                        <a:pt x="1176101" y="1082552"/>
                      </a:cubicBezTo>
                      <a:cubicBezTo>
                        <a:pt x="1177532" y="1080828"/>
                        <a:pt x="1180070" y="1080568"/>
                        <a:pt x="1181827" y="1081967"/>
                      </a:cubicBezTo>
                      <a:cubicBezTo>
                        <a:pt x="1183583" y="1083398"/>
                        <a:pt x="1183811" y="1085936"/>
                        <a:pt x="1182412" y="1087693"/>
                      </a:cubicBezTo>
                      <a:cubicBezTo>
                        <a:pt x="1176686" y="1094687"/>
                        <a:pt x="1170733" y="1101649"/>
                        <a:pt x="1164747" y="1108416"/>
                      </a:cubicBezTo>
                      <a:cubicBezTo>
                        <a:pt x="1163250" y="1110108"/>
                        <a:pt x="1160680" y="1110238"/>
                        <a:pt x="1159021" y="1108742"/>
                      </a:cubicBezTo>
                      <a:cubicBezTo>
                        <a:pt x="1158956" y="1108676"/>
                        <a:pt x="1158891" y="1108644"/>
                        <a:pt x="1158858" y="1108579"/>
                      </a:cubicBezTo>
                      <a:close/>
                      <a:moveTo>
                        <a:pt x="250569" y="151262"/>
                      </a:moveTo>
                      <a:cubicBezTo>
                        <a:pt x="250569" y="151262"/>
                        <a:pt x="250374" y="151035"/>
                        <a:pt x="250276" y="150937"/>
                      </a:cubicBezTo>
                      <a:cubicBezTo>
                        <a:pt x="248878" y="149180"/>
                        <a:pt x="249170" y="146643"/>
                        <a:pt x="250927" y="145244"/>
                      </a:cubicBezTo>
                      <a:cubicBezTo>
                        <a:pt x="257987" y="139583"/>
                        <a:pt x="265274" y="134020"/>
                        <a:pt x="272529" y="128684"/>
                      </a:cubicBezTo>
                      <a:cubicBezTo>
                        <a:pt x="274351" y="127351"/>
                        <a:pt x="276888" y="127741"/>
                        <a:pt x="278190" y="129563"/>
                      </a:cubicBezTo>
                      <a:cubicBezTo>
                        <a:pt x="279523" y="131385"/>
                        <a:pt x="279133" y="133922"/>
                        <a:pt x="277311" y="135256"/>
                      </a:cubicBezTo>
                      <a:cubicBezTo>
                        <a:pt x="270122" y="140526"/>
                        <a:pt x="262932" y="146024"/>
                        <a:pt x="255970" y="151620"/>
                      </a:cubicBezTo>
                      <a:cubicBezTo>
                        <a:pt x="254343" y="152921"/>
                        <a:pt x="252001" y="152759"/>
                        <a:pt x="250569" y="151327"/>
                      </a:cubicBezTo>
                      <a:close/>
                      <a:moveTo>
                        <a:pt x="1192920" y="1066904"/>
                      </a:moveTo>
                      <a:cubicBezTo>
                        <a:pt x="1191522" y="1065505"/>
                        <a:pt x="1191326" y="1063228"/>
                        <a:pt x="1192562" y="1061601"/>
                      </a:cubicBezTo>
                      <a:cubicBezTo>
                        <a:pt x="1197930" y="1054476"/>
                        <a:pt x="1203233" y="1047124"/>
                        <a:pt x="1208309" y="1039804"/>
                      </a:cubicBezTo>
                      <a:cubicBezTo>
                        <a:pt x="1209577" y="1037950"/>
                        <a:pt x="1212115" y="1037494"/>
                        <a:pt x="1213969" y="1038763"/>
                      </a:cubicBezTo>
                      <a:cubicBezTo>
                        <a:pt x="1215824" y="1040032"/>
                        <a:pt x="1216279" y="1042569"/>
                        <a:pt x="1215010" y="1044424"/>
                      </a:cubicBezTo>
                      <a:cubicBezTo>
                        <a:pt x="1209870" y="1051874"/>
                        <a:pt x="1204502" y="1059291"/>
                        <a:pt x="1199069" y="1066514"/>
                      </a:cubicBezTo>
                      <a:cubicBezTo>
                        <a:pt x="1197735" y="1068303"/>
                        <a:pt x="1195165" y="1068661"/>
                        <a:pt x="1193376" y="1067327"/>
                      </a:cubicBezTo>
                      <a:cubicBezTo>
                        <a:pt x="1193213" y="1067197"/>
                        <a:pt x="1193083" y="1067099"/>
                        <a:pt x="1192953" y="1066937"/>
                      </a:cubicBezTo>
                      <a:close/>
                      <a:moveTo>
                        <a:pt x="293968" y="119380"/>
                      </a:moveTo>
                      <a:cubicBezTo>
                        <a:pt x="293773" y="119185"/>
                        <a:pt x="293610" y="118990"/>
                        <a:pt x="293480" y="118762"/>
                      </a:cubicBezTo>
                      <a:cubicBezTo>
                        <a:pt x="292211" y="116907"/>
                        <a:pt x="292732" y="114370"/>
                        <a:pt x="294586" y="113134"/>
                      </a:cubicBezTo>
                      <a:cubicBezTo>
                        <a:pt x="302069" y="108091"/>
                        <a:pt x="309779" y="103113"/>
                        <a:pt x="317490" y="98396"/>
                      </a:cubicBezTo>
                      <a:cubicBezTo>
                        <a:pt x="319409" y="97225"/>
                        <a:pt x="321914" y="97811"/>
                        <a:pt x="323085" y="99730"/>
                      </a:cubicBezTo>
                      <a:cubicBezTo>
                        <a:pt x="324256" y="101649"/>
                        <a:pt x="323671" y="104154"/>
                        <a:pt x="321752" y="105326"/>
                      </a:cubicBezTo>
                      <a:cubicBezTo>
                        <a:pt x="314139" y="110010"/>
                        <a:pt x="306526" y="114923"/>
                        <a:pt x="299141" y="119900"/>
                      </a:cubicBezTo>
                      <a:cubicBezTo>
                        <a:pt x="297514" y="121007"/>
                        <a:pt x="295335" y="120746"/>
                        <a:pt x="294001" y="119412"/>
                      </a:cubicBezTo>
                      <a:close/>
                      <a:moveTo>
                        <a:pt x="1223534" y="1022594"/>
                      </a:moveTo>
                      <a:cubicBezTo>
                        <a:pt x="1222233" y="1021293"/>
                        <a:pt x="1221940" y="1019178"/>
                        <a:pt x="1222981" y="1017551"/>
                      </a:cubicBezTo>
                      <a:cubicBezTo>
                        <a:pt x="1227763" y="1010004"/>
                        <a:pt x="1232448" y="1002228"/>
                        <a:pt x="1236872" y="994518"/>
                      </a:cubicBezTo>
                      <a:cubicBezTo>
                        <a:pt x="1237979" y="992566"/>
                        <a:pt x="1240484" y="991915"/>
                        <a:pt x="1242403" y="993022"/>
                      </a:cubicBezTo>
                      <a:cubicBezTo>
                        <a:pt x="1244355" y="994160"/>
                        <a:pt x="1245006" y="996633"/>
                        <a:pt x="1243900" y="998552"/>
                      </a:cubicBezTo>
                      <a:cubicBezTo>
                        <a:pt x="1239410" y="1006360"/>
                        <a:pt x="1234660" y="1014201"/>
                        <a:pt x="1229813" y="1021878"/>
                      </a:cubicBezTo>
                      <a:cubicBezTo>
                        <a:pt x="1228609" y="1023765"/>
                        <a:pt x="1226104" y="1024351"/>
                        <a:pt x="1224217" y="1023147"/>
                      </a:cubicBezTo>
                      <a:cubicBezTo>
                        <a:pt x="1223957" y="1022985"/>
                        <a:pt x="1223729" y="1022789"/>
                        <a:pt x="1223501" y="1022594"/>
                      </a:cubicBezTo>
                      <a:close/>
                      <a:moveTo>
                        <a:pt x="339840" y="91141"/>
                      </a:moveTo>
                      <a:cubicBezTo>
                        <a:pt x="339580" y="90881"/>
                        <a:pt x="339352" y="90588"/>
                        <a:pt x="339157" y="90263"/>
                      </a:cubicBezTo>
                      <a:cubicBezTo>
                        <a:pt x="338051" y="88311"/>
                        <a:pt x="338766" y="85838"/>
                        <a:pt x="340718" y="84732"/>
                      </a:cubicBezTo>
                      <a:cubicBezTo>
                        <a:pt x="348624" y="80308"/>
                        <a:pt x="356692" y="75981"/>
                        <a:pt x="364728" y="71914"/>
                      </a:cubicBezTo>
                      <a:cubicBezTo>
                        <a:pt x="366745" y="70906"/>
                        <a:pt x="369185" y="71687"/>
                        <a:pt x="370193" y="73704"/>
                      </a:cubicBezTo>
                      <a:cubicBezTo>
                        <a:pt x="371202" y="75721"/>
                        <a:pt x="370421" y="78161"/>
                        <a:pt x="368404" y="79169"/>
                      </a:cubicBezTo>
                      <a:cubicBezTo>
                        <a:pt x="360466" y="83203"/>
                        <a:pt x="352463" y="87465"/>
                        <a:pt x="344687" y="91824"/>
                      </a:cubicBezTo>
                      <a:cubicBezTo>
                        <a:pt x="343060" y="92735"/>
                        <a:pt x="341076" y="92410"/>
                        <a:pt x="339840" y="91141"/>
                      </a:cubicBezTo>
                      <a:close/>
                      <a:moveTo>
                        <a:pt x="1250439" y="975909"/>
                      </a:moveTo>
                      <a:cubicBezTo>
                        <a:pt x="1249203" y="974673"/>
                        <a:pt x="1248877" y="972754"/>
                        <a:pt x="1249723" y="971159"/>
                      </a:cubicBezTo>
                      <a:cubicBezTo>
                        <a:pt x="1253855" y="963254"/>
                        <a:pt x="1257889" y="955153"/>
                        <a:pt x="1261695" y="947085"/>
                      </a:cubicBezTo>
                      <a:cubicBezTo>
                        <a:pt x="1262639" y="945068"/>
                        <a:pt x="1265079" y="944190"/>
                        <a:pt x="1267095" y="945133"/>
                      </a:cubicBezTo>
                      <a:cubicBezTo>
                        <a:pt x="1269113" y="946076"/>
                        <a:pt x="1269991" y="948516"/>
                        <a:pt x="1269048" y="950533"/>
                      </a:cubicBezTo>
                      <a:cubicBezTo>
                        <a:pt x="1265176" y="958699"/>
                        <a:pt x="1261110" y="966930"/>
                        <a:pt x="1256945" y="974933"/>
                      </a:cubicBezTo>
                      <a:cubicBezTo>
                        <a:pt x="1255904" y="976918"/>
                        <a:pt x="1253464" y="977698"/>
                        <a:pt x="1251447" y="976657"/>
                      </a:cubicBezTo>
                      <a:cubicBezTo>
                        <a:pt x="1251057" y="976462"/>
                        <a:pt x="1250731" y="976202"/>
                        <a:pt x="1250471" y="975942"/>
                      </a:cubicBezTo>
                      <a:close/>
                      <a:moveTo>
                        <a:pt x="387924" y="66709"/>
                      </a:moveTo>
                      <a:cubicBezTo>
                        <a:pt x="387598" y="66384"/>
                        <a:pt x="387305" y="65993"/>
                        <a:pt x="387110" y="65538"/>
                      </a:cubicBezTo>
                      <a:cubicBezTo>
                        <a:pt x="386167" y="63488"/>
                        <a:pt x="387078" y="61081"/>
                        <a:pt x="389127" y="60170"/>
                      </a:cubicBezTo>
                      <a:cubicBezTo>
                        <a:pt x="397391" y="56396"/>
                        <a:pt x="405817" y="52752"/>
                        <a:pt x="414178" y="49336"/>
                      </a:cubicBezTo>
                      <a:cubicBezTo>
                        <a:pt x="416260" y="48490"/>
                        <a:pt x="418635" y="49466"/>
                        <a:pt x="419480" y="51549"/>
                      </a:cubicBezTo>
                      <a:cubicBezTo>
                        <a:pt x="420326" y="53631"/>
                        <a:pt x="419318" y="56006"/>
                        <a:pt x="417268" y="56851"/>
                      </a:cubicBezTo>
                      <a:cubicBezTo>
                        <a:pt x="409005" y="60235"/>
                        <a:pt x="400677" y="63814"/>
                        <a:pt x="392511" y="67555"/>
                      </a:cubicBezTo>
                      <a:cubicBezTo>
                        <a:pt x="390917" y="68271"/>
                        <a:pt x="389127" y="67913"/>
                        <a:pt x="387956" y="66741"/>
                      </a:cubicBezTo>
                      <a:close/>
                      <a:moveTo>
                        <a:pt x="1273407" y="927207"/>
                      </a:moveTo>
                      <a:cubicBezTo>
                        <a:pt x="1272268" y="926069"/>
                        <a:pt x="1271878" y="924312"/>
                        <a:pt x="1272529" y="922750"/>
                      </a:cubicBezTo>
                      <a:cubicBezTo>
                        <a:pt x="1275978" y="914552"/>
                        <a:pt x="1279328" y="906191"/>
                        <a:pt x="1282452" y="897830"/>
                      </a:cubicBezTo>
                      <a:cubicBezTo>
                        <a:pt x="1283232" y="895715"/>
                        <a:pt x="1285575" y="894674"/>
                        <a:pt x="1287689" y="895455"/>
                      </a:cubicBezTo>
                      <a:cubicBezTo>
                        <a:pt x="1289804" y="896236"/>
                        <a:pt x="1290845" y="898578"/>
                        <a:pt x="1290064" y="900693"/>
                      </a:cubicBezTo>
                      <a:cubicBezTo>
                        <a:pt x="1286908" y="909151"/>
                        <a:pt x="1283525" y="917643"/>
                        <a:pt x="1280012" y="925938"/>
                      </a:cubicBezTo>
                      <a:cubicBezTo>
                        <a:pt x="1279133" y="927988"/>
                        <a:pt x="1276758" y="928964"/>
                        <a:pt x="1274676" y="928086"/>
                      </a:cubicBezTo>
                      <a:cubicBezTo>
                        <a:pt x="1274188" y="927890"/>
                        <a:pt x="1273732" y="927565"/>
                        <a:pt x="1273375" y="927207"/>
                      </a:cubicBezTo>
                      <a:close/>
                      <a:moveTo>
                        <a:pt x="437894" y="46311"/>
                      </a:moveTo>
                      <a:cubicBezTo>
                        <a:pt x="437471" y="45888"/>
                        <a:pt x="437146" y="45400"/>
                        <a:pt x="436951" y="44814"/>
                      </a:cubicBezTo>
                      <a:cubicBezTo>
                        <a:pt x="436202" y="42700"/>
                        <a:pt x="437276" y="40390"/>
                        <a:pt x="439391" y="39609"/>
                      </a:cubicBezTo>
                      <a:cubicBezTo>
                        <a:pt x="447914" y="36518"/>
                        <a:pt x="456601" y="33590"/>
                        <a:pt x="465222" y="30858"/>
                      </a:cubicBezTo>
                      <a:cubicBezTo>
                        <a:pt x="467369" y="30174"/>
                        <a:pt x="469647" y="31378"/>
                        <a:pt x="470330" y="33525"/>
                      </a:cubicBezTo>
                      <a:cubicBezTo>
                        <a:pt x="471013" y="35672"/>
                        <a:pt x="469809" y="37950"/>
                        <a:pt x="467695" y="38633"/>
                      </a:cubicBezTo>
                      <a:cubicBezTo>
                        <a:pt x="459171" y="41333"/>
                        <a:pt x="450582" y="44229"/>
                        <a:pt x="442156" y="47254"/>
                      </a:cubicBezTo>
                      <a:cubicBezTo>
                        <a:pt x="440627" y="47807"/>
                        <a:pt x="438968" y="47384"/>
                        <a:pt x="437894" y="46311"/>
                      </a:cubicBezTo>
                      <a:close/>
                      <a:moveTo>
                        <a:pt x="1292308" y="876911"/>
                      </a:moveTo>
                      <a:cubicBezTo>
                        <a:pt x="1291268" y="875870"/>
                        <a:pt x="1290812" y="874276"/>
                        <a:pt x="1291333" y="872780"/>
                      </a:cubicBezTo>
                      <a:cubicBezTo>
                        <a:pt x="1294130" y="864288"/>
                        <a:pt x="1296766" y="855667"/>
                        <a:pt x="1299206" y="847111"/>
                      </a:cubicBezTo>
                      <a:cubicBezTo>
                        <a:pt x="1299824" y="844964"/>
                        <a:pt x="1302068" y="843695"/>
                        <a:pt x="1304216" y="844313"/>
                      </a:cubicBezTo>
                      <a:cubicBezTo>
                        <a:pt x="1306363" y="844931"/>
                        <a:pt x="1307632" y="847176"/>
                        <a:pt x="1307013" y="849323"/>
                      </a:cubicBezTo>
                      <a:cubicBezTo>
                        <a:pt x="1304541" y="857977"/>
                        <a:pt x="1301874" y="866728"/>
                        <a:pt x="1299043" y="875317"/>
                      </a:cubicBezTo>
                      <a:cubicBezTo>
                        <a:pt x="1298327" y="877464"/>
                        <a:pt x="1296050" y="878603"/>
                        <a:pt x="1293903" y="877887"/>
                      </a:cubicBezTo>
                      <a:cubicBezTo>
                        <a:pt x="1293285" y="877692"/>
                        <a:pt x="1292732" y="877334"/>
                        <a:pt x="1292308" y="876911"/>
                      </a:cubicBezTo>
                      <a:close/>
                      <a:moveTo>
                        <a:pt x="489361" y="30077"/>
                      </a:moveTo>
                      <a:cubicBezTo>
                        <a:pt x="488874" y="29589"/>
                        <a:pt x="488516" y="28971"/>
                        <a:pt x="488320" y="28287"/>
                      </a:cubicBezTo>
                      <a:cubicBezTo>
                        <a:pt x="487735" y="26108"/>
                        <a:pt x="489003" y="23896"/>
                        <a:pt x="491183" y="23310"/>
                      </a:cubicBezTo>
                      <a:cubicBezTo>
                        <a:pt x="499902" y="20935"/>
                        <a:pt x="508784" y="18723"/>
                        <a:pt x="517633" y="16706"/>
                      </a:cubicBezTo>
                      <a:cubicBezTo>
                        <a:pt x="519813" y="16218"/>
                        <a:pt x="521992" y="17584"/>
                        <a:pt x="522480" y="19764"/>
                      </a:cubicBezTo>
                      <a:cubicBezTo>
                        <a:pt x="522968" y="21944"/>
                        <a:pt x="521602" y="24123"/>
                        <a:pt x="519422" y="24611"/>
                      </a:cubicBezTo>
                      <a:cubicBezTo>
                        <a:pt x="510703" y="26596"/>
                        <a:pt x="501887" y="28808"/>
                        <a:pt x="493298" y="31118"/>
                      </a:cubicBezTo>
                      <a:cubicBezTo>
                        <a:pt x="491834" y="31508"/>
                        <a:pt x="490370" y="31053"/>
                        <a:pt x="489361" y="30077"/>
                      </a:cubicBezTo>
                      <a:close/>
                      <a:moveTo>
                        <a:pt x="1307046" y="825184"/>
                      </a:moveTo>
                      <a:cubicBezTo>
                        <a:pt x="1306071" y="824208"/>
                        <a:pt x="1305615" y="822776"/>
                        <a:pt x="1305973" y="821345"/>
                      </a:cubicBezTo>
                      <a:cubicBezTo>
                        <a:pt x="1308055" y="812659"/>
                        <a:pt x="1310007" y="803842"/>
                        <a:pt x="1311731" y="795123"/>
                      </a:cubicBezTo>
                      <a:cubicBezTo>
                        <a:pt x="1312154" y="792911"/>
                        <a:pt x="1314301" y="791479"/>
                        <a:pt x="1316514" y="791935"/>
                      </a:cubicBezTo>
                      <a:cubicBezTo>
                        <a:pt x="1318726" y="792390"/>
                        <a:pt x="1320157" y="794505"/>
                        <a:pt x="1319702" y="796717"/>
                      </a:cubicBezTo>
                      <a:cubicBezTo>
                        <a:pt x="1317945" y="805566"/>
                        <a:pt x="1315993" y="814513"/>
                        <a:pt x="1313846" y="823264"/>
                      </a:cubicBezTo>
                      <a:cubicBezTo>
                        <a:pt x="1313325" y="825444"/>
                        <a:pt x="1311113" y="826778"/>
                        <a:pt x="1308933" y="826257"/>
                      </a:cubicBezTo>
                      <a:cubicBezTo>
                        <a:pt x="1308185" y="826062"/>
                        <a:pt x="1307534" y="825704"/>
                        <a:pt x="1307013" y="825184"/>
                      </a:cubicBezTo>
                      <a:close/>
                      <a:moveTo>
                        <a:pt x="541935" y="18072"/>
                      </a:moveTo>
                      <a:cubicBezTo>
                        <a:pt x="541382" y="17519"/>
                        <a:pt x="540959" y="16771"/>
                        <a:pt x="540829" y="15957"/>
                      </a:cubicBezTo>
                      <a:cubicBezTo>
                        <a:pt x="540406" y="13745"/>
                        <a:pt x="541870" y="11631"/>
                        <a:pt x="544082" y="11208"/>
                      </a:cubicBezTo>
                      <a:cubicBezTo>
                        <a:pt x="552964" y="9548"/>
                        <a:pt x="562008" y="8084"/>
                        <a:pt x="570987" y="6783"/>
                      </a:cubicBezTo>
                      <a:cubicBezTo>
                        <a:pt x="573199" y="6458"/>
                        <a:pt x="575281" y="8019"/>
                        <a:pt x="575574" y="10232"/>
                      </a:cubicBezTo>
                      <a:cubicBezTo>
                        <a:pt x="575899" y="12444"/>
                        <a:pt x="574338" y="14526"/>
                        <a:pt x="572126" y="14819"/>
                      </a:cubicBezTo>
                      <a:cubicBezTo>
                        <a:pt x="563277" y="16088"/>
                        <a:pt x="554363" y="17552"/>
                        <a:pt x="545546" y="19178"/>
                      </a:cubicBezTo>
                      <a:cubicBezTo>
                        <a:pt x="544180" y="19438"/>
                        <a:pt x="542846" y="18983"/>
                        <a:pt x="541935" y="18040"/>
                      </a:cubicBezTo>
                      <a:close/>
                      <a:moveTo>
                        <a:pt x="1317554" y="772415"/>
                      </a:moveTo>
                      <a:cubicBezTo>
                        <a:pt x="1316676" y="771537"/>
                        <a:pt x="1316188" y="770235"/>
                        <a:pt x="1316416" y="768902"/>
                      </a:cubicBezTo>
                      <a:cubicBezTo>
                        <a:pt x="1317815" y="760085"/>
                        <a:pt x="1319019" y="751139"/>
                        <a:pt x="1320059" y="742257"/>
                      </a:cubicBezTo>
                      <a:cubicBezTo>
                        <a:pt x="1320320" y="740012"/>
                        <a:pt x="1322337" y="738418"/>
                        <a:pt x="1324549" y="738678"/>
                      </a:cubicBezTo>
                      <a:cubicBezTo>
                        <a:pt x="1326761" y="738939"/>
                        <a:pt x="1328388" y="740956"/>
                        <a:pt x="1328127" y="743168"/>
                      </a:cubicBezTo>
                      <a:cubicBezTo>
                        <a:pt x="1327087" y="752147"/>
                        <a:pt x="1325850" y="761224"/>
                        <a:pt x="1324451" y="770138"/>
                      </a:cubicBezTo>
                      <a:cubicBezTo>
                        <a:pt x="1324093" y="772350"/>
                        <a:pt x="1322011" y="773879"/>
                        <a:pt x="1319799" y="773521"/>
                      </a:cubicBezTo>
                      <a:cubicBezTo>
                        <a:pt x="1318921" y="773391"/>
                        <a:pt x="1318140" y="772968"/>
                        <a:pt x="1317554" y="772383"/>
                      </a:cubicBezTo>
                      <a:close/>
                      <a:moveTo>
                        <a:pt x="595289" y="10394"/>
                      </a:moveTo>
                      <a:cubicBezTo>
                        <a:pt x="594638" y="9744"/>
                        <a:pt x="594216" y="8898"/>
                        <a:pt x="594118" y="7954"/>
                      </a:cubicBezTo>
                      <a:cubicBezTo>
                        <a:pt x="593890" y="5710"/>
                        <a:pt x="595517" y="3725"/>
                        <a:pt x="597729" y="3497"/>
                      </a:cubicBezTo>
                      <a:cubicBezTo>
                        <a:pt x="606708" y="2586"/>
                        <a:pt x="615850" y="1838"/>
                        <a:pt x="624894" y="1253"/>
                      </a:cubicBezTo>
                      <a:cubicBezTo>
                        <a:pt x="627139" y="1122"/>
                        <a:pt x="629058" y="2814"/>
                        <a:pt x="629189" y="5059"/>
                      </a:cubicBezTo>
                      <a:cubicBezTo>
                        <a:pt x="629318" y="7304"/>
                        <a:pt x="627627" y="9223"/>
                        <a:pt x="625382" y="9353"/>
                      </a:cubicBezTo>
                      <a:cubicBezTo>
                        <a:pt x="616468" y="9906"/>
                        <a:pt x="607424" y="10655"/>
                        <a:pt x="598575" y="11565"/>
                      </a:cubicBezTo>
                      <a:cubicBezTo>
                        <a:pt x="597306" y="11696"/>
                        <a:pt x="596135" y="11240"/>
                        <a:pt x="595289" y="10394"/>
                      </a:cubicBezTo>
                      <a:close/>
                      <a:moveTo>
                        <a:pt x="1323736" y="718963"/>
                      </a:moveTo>
                      <a:cubicBezTo>
                        <a:pt x="1322922" y="718150"/>
                        <a:pt x="1322467" y="717011"/>
                        <a:pt x="1322564" y="715775"/>
                      </a:cubicBezTo>
                      <a:cubicBezTo>
                        <a:pt x="1323247" y="706861"/>
                        <a:pt x="1323736" y="697817"/>
                        <a:pt x="1324028" y="688935"/>
                      </a:cubicBezTo>
                      <a:cubicBezTo>
                        <a:pt x="1324093" y="686691"/>
                        <a:pt x="1325980" y="684934"/>
                        <a:pt x="1328225" y="684999"/>
                      </a:cubicBezTo>
                      <a:cubicBezTo>
                        <a:pt x="1330470" y="685064"/>
                        <a:pt x="1332226" y="686951"/>
                        <a:pt x="1332130" y="689196"/>
                      </a:cubicBezTo>
                      <a:cubicBezTo>
                        <a:pt x="1331836" y="698207"/>
                        <a:pt x="1331316" y="707349"/>
                        <a:pt x="1330632" y="716361"/>
                      </a:cubicBezTo>
                      <a:cubicBezTo>
                        <a:pt x="1330470" y="718606"/>
                        <a:pt x="1328518" y="720265"/>
                        <a:pt x="1326273" y="720102"/>
                      </a:cubicBezTo>
                      <a:cubicBezTo>
                        <a:pt x="1325265" y="720037"/>
                        <a:pt x="1324354" y="719582"/>
                        <a:pt x="1323703" y="718931"/>
                      </a:cubicBezTo>
                      <a:close/>
                      <a:moveTo>
                        <a:pt x="649066" y="7076"/>
                      </a:moveTo>
                      <a:cubicBezTo>
                        <a:pt x="648350" y="6360"/>
                        <a:pt x="647895" y="5384"/>
                        <a:pt x="647895" y="4278"/>
                      </a:cubicBezTo>
                      <a:cubicBezTo>
                        <a:pt x="647862" y="2033"/>
                        <a:pt x="649619" y="179"/>
                        <a:pt x="651864" y="146"/>
                      </a:cubicBezTo>
                      <a:cubicBezTo>
                        <a:pt x="660876" y="-49"/>
                        <a:pt x="670050" y="-49"/>
                        <a:pt x="679094" y="146"/>
                      </a:cubicBezTo>
                      <a:cubicBezTo>
                        <a:pt x="681339" y="179"/>
                        <a:pt x="683128" y="2033"/>
                        <a:pt x="683063" y="4278"/>
                      </a:cubicBezTo>
                      <a:cubicBezTo>
                        <a:pt x="683030" y="6523"/>
                        <a:pt x="681176" y="8312"/>
                        <a:pt x="678931" y="8247"/>
                      </a:cubicBezTo>
                      <a:cubicBezTo>
                        <a:pt x="669985" y="8084"/>
                        <a:pt x="660941" y="8084"/>
                        <a:pt x="652026" y="8247"/>
                      </a:cubicBezTo>
                      <a:cubicBezTo>
                        <a:pt x="650888" y="8247"/>
                        <a:pt x="649814" y="7824"/>
                        <a:pt x="649066" y="7043"/>
                      </a:cubicBezTo>
                      <a:close/>
                      <a:moveTo>
                        <a:pt x="1325590" y="665154"/>
                      </a:moveTo>
                      <a:cubicBezTo>
                        <a:pt x="1324874" y="664438"/>
                        <a:pt x="1324419" y="663430"/>
                        <a:pt x="1324386" y="662291"/>
                      </a:cubicBezTo>
                      <a:cubicBezTo>
                        <a:pt x="1324321" y="653377"/>
                        <a:pt x="1324093" y="644333"/>
                        <a:pt x="1323671" y="635386"/>
                      </a:cubicBezTo>
                      <a:cubicBezTo>
                        <a:pt x="1323573" y="633141"/>
                        <a:pt x="1325297" y="631254"/>
                        <a:pt x="1327542" y="631124"/>
                      </a:cubicBezTo>
                      <a:cubicBezTo>
                        <a:pt x="1329786" y="631027"/>
                        <a:pt x="1331674" y="632751"/>
                        <a:pt x="1331804" y="634996"/>
                      </a:cubicBezTo>
                      <a:cubicBezTo>
                        <a:pt x="1332226" y="644040"/>
                        <a:pt x="1332454" y="653214"/>
                        <a:pt x="1332520" y="662226"/>
                      </a:cubicBezTo>
                      <a:cubicBezTo>
                        <a:pt x="1332520" y="664471"/>
                        <a:pt x="1330730" y="666292"/>
                        <a:pt x="1328485" y="666325"/>
                      </a:cubicBezTo>
                      <a:cubicBezTo>
                        <a:pt x="1327346" y="666325"/>
                        <a:pt x="1326339" y="665870"/>
                        <a:pt x="1325590" y="665121"/>
                      </a:cubicBezTo>
                      <a:close/>
                      <a:moveTo>
                        <a:pt x="702908" y="8084"/>
                      </a:moveTo>
                      <a:cubicBezTo>
                        <a:pt x="702127" y="7304"/>
                        <a:pt x="701639" y="6165"/>
                        <a:pt x="701737" y="4961"/>
                      </a:cubicBezTo>
                      <a:cubicBezTo>
                        <a:pt x="701867" y="2717"/>
                        <a:pt x="703787" y="1025"/>
                        <a:pt x="706031" y="1155"/>
                      </a:cubicBezTo>
                      <a:cubicBezTo>
                        <a:pt x="715075" y="1708"/>
                        <a:pt x="724217" y="2424"/>
                        <a:pt x="733164" y="3335"/>
                      </a:cubicBezTo>
                      <a:cubicBezTo>
                        <a:pt x="735408" y="3562"/>
                        <a:pt x="737035" y="5547"/>
                        <a:pt x="736808" y="7792"/>
                      </a:cubicBezTo>
                      <a:cubicBezTo>
                        <a:pt x="736580" y="10036"/>
                        <a:pt x="734595" y="11663"/>
                        <a:pt x="732351" y="11435"/>
                      </a:cubicBezTo>
                      <a:cubicBezTo>
                        <a:pt x="723502" y="10557"/>
                        <a:pt x="714490" y="9841"/>
                        <a:pt x="705543" y="9288"/>
                      </a:cubicBezTo>
                      <a:cubicBezTo>
                        <a:pt x="704502" y="9223"/>
                        <a:pt x="703592" y="8768"/>
                        <a:pt x="702908" y="8117"/>
                      </a:cubicBezTo>
                      <a:close/>
                      <a:moveTo>
                        <a:pt x="1323085" y="611312"/>
                      </a:moveTo>
                      <a:cubicBezTo>
                        <a:pt x="1322434" y="610661"/>
                        <a:pt x="1322011" y="609783"/>
                        <a:pt x="1321914" y="608807"/>
                      </a:cubicBezTo>
                      <a:cubicBezTo>
                        <a:pt x="1321133" y="599925"/>
                        <a:pt x="1320157" y="590913"/>
                        <a:pt x="1319019" y="582032"/>
                      </a:cubicBezTo>
                      <a:cubicBezTo>
                        <a:pt x="1318726" y="579820"/>
                        <a:pt x="1320320" y="577770"/>
                        <a:pt x="1322532" y="577477"/>
                      </a:cubicBezTo>
                      <a:cubicBezTo>
                        <a:pt x="1324744" y="577185"/>
                        <a:pt x="1326794" y="578779"/>
                        <a:pt x="1327087" y="580991"/>
                      </a:cubicBezTo>
                      <a:cubicBezTo>
                        <a:pt x="1328225" y="589970"/>
                        <a:pt x="1329234" y="599079"/>
                        <a:pt x="1330014" y="608091"/>
                      </a:cubicBezTo>
                      <a:cubicBezTo>
                        <a:pt x="1330210" y="610336"/>
                        <a:pt x="1328551" y="612288"/>
                        <a:pt x="1326339" y="612483"/>
                      </a:cubicBezTo>
                      <a:cubicBezTo>
                        <a:pt x="1325102" y="612580"/>
                        <a:pt x="1323931" y="612125"/>
                        <a:pt x="1323118" y="611312"/>
                      </a:cubicBezTo>
                      <a:close/>
                      <a:moveTo>
                        <a:pt x="756458" y="13452"/>
                      </a:moveTo>
                      <a:cubicBezTo>
                        <a:pt x="755579" y="12574"/>
                        <a:pt x="755124" y="11338"/>
                        <a:pt x="755319" y="10004"/>
                      </a:cubicBezTo>
                      <a:cubicBezTo>
                        <a:pt x="755644" y="7792"/>
                        <a:pt x="757694" y="6230"/>
                        <a:pt x="759906" y="6555"/>
                      </a:cubicBezTo>
                      <a:cubicBezTo>
                        <a:pt x="768885" y="7824"/>
                        <a:pt x="777929" y="9288"/>
                        <a:pt x="786778" y="10915"/>
                      </a:cubicBezTo>
                      <a:cubicBezTo>
                        <a:pt x="788991" y="11305"/>
                        <a:pt x="790454" y="13452"/>
                        <a:pt x="790032" y="15632"/>
                      </a:cubicBezTo>
                      <a:cubicBezTo>
                        <a:pt x="789641" y="17844"/>
                        <a:pt x="787526" y="19308"/>
                        <a:pt x="785314" y="18885"/>
                      </a:cubicBezTo>
                      <a:cubicBezTo>
                        <a:pt x="776563" y="17291"/>
                        <a:pt x="767649" y="15827"/>
                        <a:pt x="758800" y="14591"/>
                      </a:cubicBezTo>
                      <a:cubicBezTo>
                        <a:pt x="757889" y="14461"/>
                        <a:pt x="757108" y="14038"/>
                        <a:pt x="756490" y="13452"/>
                      </a:cubicBezTo>
                      <a:close/>
                      <a:moveTo>
                        <a:pt x="1316220" y="557860"/>
                      </a:moveTo>
                      <a:cubicBezTo>
                        <a:pt x="1315635" y="557274"/>
                        <a:pt x="1315244" y="556526"/>
                        <a:pt x="1315081" y="555680"/>
                      </a:cubicBezTo>
                      <a:cubicBezTo>
                        <a:pt x="1313585" y="546831"/>
                        <a:pt x="1311893" y="537950"/>
                        <a:pt x="1310040" y="529231"/>
                      </a:cubicBezTo>
                      <a:cubicBezTo>
                        <a:pt x="1309584" y="527051"/>
                        <a:pt x="1310983" y="524871"/>
                        <a:pt x="1313163" y="524416"/>
                      </a:cubicBezTo>
                      <a:cubicBezTo>
                        <a:pt x="1315342" y="523961"/>
                        <a:pt x="1317521" y="525359"/>
                        <a:pt x="1317977" y="527539"/>
                      </a:cubicBezTo>
                      <a:cubicBezTo>
                        <a:pt x="1319832" y="536356"/>
                        <a:pt x="1321556" y="545367"/>
                        <a:pt x="1323085" y="554314"/>
                      </a:cubicBezTo>
                      <a:cubicBezTo>
                        <a:pt x="1323475" y="556526"/>
                        <a:pt x="1321979" y="558608"/>
                        <a:pt x="1319767" y="558999"/>
                      </a:cubicBezTo>
                      <a:cubicBezTo>
                        <a:pt x="1318432" y="559226"/>
                        <a:pt x="1317099" y="558771"/>
                        <a:pt x="1316220" y="557860"/>
                      </a:cubicBezTo>
                      <a:close/>
                      <a:moveTo>
                        <a:pt x="809389" y="23115"/>
                      </a:moveTo>
                      <a:cubicBezTo>
                        <a:pt x="808445" y="22171"/>
                        <a:pt x="807990" y="20772"/>
                        <a:pt x="808283" y="19341"/>
                      </a:cubicBezTo>
                      <a:cubicBezTo>
                        <a:pt x="808771" y="17161"/>
                        <a:pt x="810950" y="15762"/>
                        <a:pt x="813130" y="16283"/>
                      </a:cubicBezTo>
                      <a:cubicBezTo>
                        <a:pt x="821947" y="18267"/>
                        <a:pt x="830828" y="20447"/>
                        <a:pt x="839547" y="22789"/>
                      </a:cubicBezTo>
                      <a:cubicBezTo>
                        <a:pt x="841727" y="23375"/>
                        <a:pt x="842995" y="25587"/>
                        <a:pt x="842410" y="27767"/>
                      </a:cubicBezTo>
                      <a:cubicBezTo>
                        <a:pt x="841824" y="29947"/>
                        <a:pt x="839612" y="31215"/>
                        <a:pt x="837432" y="30630"/>
                      </a:cubicBezTo>
                      <a:cubicBezTo>
                        <a:pt x="828844" y="28320"/>
                        <a:pt x="820059" y="26173"/>
                        <a:pt x="811341" y="24188"/>
                      </a:cubicBezTo>
                      <a:cubicBezTo>
                        <a:pt x="810560" y="24026"/>
                        <a:pt x="809877" y="23635"/>
                        <a:pt x="809356" y="23115"/>
                      </a:cubicBezTo>
                      <a:close/>
                      <a:moveTo>
                        <a:pt x="1305062" y="505091"/>
                      </a:moveTo>
                      <a:cubicBezTo>
                        <a:pt x="1304573" y="504603"/>
                        <a:pt x="1304183" y="503953"/>
                        <a:pt x="1303988" y="503237"/>
                      </a:cubicBezTo>
                      <a:cubicBezTo>
                        <a:pt x="1301776" y="494551"/>
                        <a:pt x="1299369" y="485832"/>
                        <a:pt x="1296798" y="477276"/>
                      </a:cubicBezTo>
                      <a:cubicBezTo>
                        <a:pt x="1296148" y="475128"/>
                        <a:pt x="1297384" y="472851"/>
                        <a:pt x="1299531" y="472233"/>
                      </a:cubicBezTo>
                      <a:cubicBezTo>
                        <a:pt x="1301678" y="471582"/>
                        <a:pt x="1303955" y="472819"/>
                        <a:pt x="1304573" y="474966"/>
                      </a:cubicBezTo>
                      <a:cubicBezTo>
                        <a:pt x="1307176" y="483620"/>
                        <a:pt x="1309616" y="492469"/>
                        <a:pt x="1311828" y="501252"/>
                      </a:cubicBezTo>
                      <a:cubicBezTo>
                        <a:pt x="1312382" y="503432"/>
                        <a:pt x="1311080" y="505644"/>
                        <a:pt x="1308901" y="506198"/>
                      </a:cubicBezTo>
                      <a:cubicBezTo>
                        <a:pt x="1307469" y="506555"/>
                        <a:pt x="1306005" y="506100"/>
                        <a:pt x="1305029" y="505124"/>
                      </a:cubicBezTo>
                      <a:close/>
                      <a:moveTo>
                        <a:pt x="861344" y="37071"/>
                      </a:moveTo>
                      <a:cubicBezTo>
                        <a:pt x="860303" y="36030"/>
                        <a:pt x="859880" y="34469"/>
                        <a:pt x="860335" y="32972"/>
                      </a:cubicBezTo>
                      <a:cubicBezTo>
                        <a:pt x="861019" y="30825"/>
                        <a:pt x="863296" y="29654"/>
                        <a:pt x="865411" y="30305"/>
                      </a:cubicBezTo>
                      <a:cubicBezTo>
                        <a:pt x="873999" y="32972"/>
                        <a:pt x="882685" y="35900"/>
                        <a:pt x="891177" y="38926"/>
                      </a:cubicBezTo>
                      <a:cubicBezTo>
                        <a:pt x="893291" y="39674"/>
                        <a:pt x="894397" y="42016"/>
                        <a:pt x="893649" y="44131"/>
                      </a:cubicBezTo>
                      <a:cubicBezTo>
                        <a:pt x="892901" y="46246"/>
                        <a:pt x="890559" y="47352"/>
                        <a:pt x="888444" y="46604"/>
                      </a:cubicBezTo>
                      <a:cubicBezTo>
                        <a:pt x="880051" y="43611"/>
                        <a:pt x="871494" y="40715"/>
                        <a:pt x="863003" y="38080"/>
                      </a:cubicBezTo>
                      <a:cubicBezTo>
                        <a:pt x="862352" y="37885"/>
                        <a:pt x="861800" y="37527"/>
                        <a:pt x="861344" y="37071"/>
                      </a:cubicBezTo>
                      <a:close/>
                      <a:moveTo>
                        <a:pt x="1289641" y="453429"/>
                      </a:moveTo>
                      <a:cubicBezTo>
                        <a:pt x="1289218" y="453006"/>
                        <a:pt x="1288893" y="452485"/>
                        <a:pt x="1288665" y="451867"/>
                      </a:cubicBezTo>
                      <a:cubicBezTo>
                        <a:pt x="1285737" y="443376"/>
                        <a:pt x="1282614" y="434885"/>
                        <a:pt x="1279393" y="426557"/>
                      </a:cubicBezTo>
                      <a:cubicBezTo>
                        <a:pt x="1278580" y="424475"/>
                        <a:pt x="1279621" y="422100"/>
                        <a:pt x="1281703" y="421286"/>
                      </a:cubicBezTo>
                      <a:cubicBezTo>
                        <a:pt x="1283785" y="420473"/>
                        <a:pt x="1286160" y="421514"/>
                        <a:pt x="1286973" y="423596"/>
                      </a:cubicBezTo>
                      <a:cubicBezTo>
                        <a:pt x="1290259" y="432022"/>
                        <a:pt x="1293415" y="440611"/>
                        <a:pt x="1296375" y="449200"/>
                      </a:cubicBezTo>
                      <a:cubicBezTo>
                        <a:pt x="1297091" y="451314"/>
                        <a:pt x="1295985" y="453624"/>
                        <a:pt x="1293871" y="454372"/>
                      </a:cubicBezTo>
                      <a:cubicBezTo>
                        <a:pt x="1292341" y="454893"/>
                        <a:pt x="1290747" y="454470"/>
                        <a:pt x="1289674" y="453396"/>
                      </a:cubicBezTo>
                      <a:close/>
                      <a:moveTo>
                        <a:pt x="911933" y="55160"/>
                      </a:moveTo>
                      <a:cubicBezTo>
                        <a:pt x="910827" y="54054"/>
                        <a:pt x="910404" y="52329"/>
                        <a:pt x="911054" y="50768"/>
                      </a:cubicBezTo>
                      <a:cubicBezTo>
                        <a:pt x="911900" y="48686"/>
                        <a:pt x="914275" y="47677"/>
                        <a:pt x="916357" y="48523"/>
                      </a:cubicBezTo>
                      <a:cubicBezTo>
                        <a:pt x="924718" y="51906"/>
                        <a:pt x="933112" y="55518"/>
                        <a:pt x="941310" y="59226"/>
                      </a:cubicBezTo>
                      <a:cubicBezTo>
                        <a:pt x="943360" y="60170"/>
                        <a:pt x="944271" y="62545"/>
                        <a:pt x="943327" y="64594"/>
                      </a:cubicBezTo>
                      <a:cubicBezTo>
                        <a:pt x="942416" y="66644"/>
                        <a:pt x="940009" y="67555"/>
                        <a:pt x="937959" y="66611"/>
                      </a:cubicBezTo>
                      <a:cubicBezTo>
                        <a:pt x="929858" y="62935"/>
                        <a:pt x="921563" y="59389"/>
                        <a:pt x="913299" y="56038"/>
                      </a:cubicBezTo>
                      <a:cubicBezTo>
                        <a:pt x="912779" y="55843"/>
                        <a:pt x="912323" y="55518"/>
                        <a:pt x="911965" y="55160"/>
                      </a:cubicBezTo>
                      <a:close/>
                      <a:moveTo>
                        <a:pt x="1270024" y="403165"/>
                      </a:moveTo>
                      <a:cubicBezTo>
                        <a:pt x="1269666" y="402808"/>
                        <a:pt x="1269373" y="402385"/>
                        <a:pt x="1269178" y="401929"/>
                      </a:cubicBezTo>
                      <a:cubicBezTo>
                        <a:pt x="1265566" y="393731"/>
                        <a:pt x="1261760" y="385467"/>
                        <a:pt x="1257856" y="377464"/>
                      </a:cubicBezTo>
                      <a:cubicBezTo>
                        <a:pt x="1256880" y="375447"/>
                        <a:pt x="1257694" y="373007"/>
                        <a:pt x="1259711" y="372031"/>
                      </a:cubicBezTo>
                      <a:cubicBezTo>
                        <a:pt x="1261728" y="371055"/>
                        <a:pt x="1264168" y="371869"/>
                        <a:pt x="1265144" y="373886"/>
                      </a:cubicBezTo>
                      <a:cubicBezTo>
                        <a:pt x="1269113" y="382019"/>
                        <a:pt x="1272984" y="390347"/>
                        <a:pt x="1276628" y="398676"/>
                      </a:cubicBezTo>
                      <a:cubicBezTo>
                        <a:pt x="1277539" y="400725"/>
                        <a:pt x="1276595" y="403133"/>
                        <a:pt x="1274545" y="404011"/>
                      </a:cubicBezTo>
                      <a:cubicBezTo>
                        <a:pt x="1272984" y="404694"/>
                        <a:pt x="1271194" y="404304"/>
                        <a:pt x="1270056" y="403165"/>
                      </a:cubicBezTo>
                      <a:close/>
                      <a:moveTo>
                        <a:pt x="960928" y="77347"/>
                      </a:moveTo>
                      <a:cubicBezTo>
                        <a:pt x="959724" y="76144"/>
                        <a:pt x="959366" y="74257"/>
                        <a:pt x="960179" y="72662"/>
                      </a:cubicBezTo>
                      <a:cubicBezTo>
                        <a:pt x="961188" y="70645"/>
                        <a:pt x="963628" y="69865"/>
                        <a:pt x="965645" y="70873"/>
                      </a:cubicBezTo>
                      <a:cubicBezTo>
                        <a:pt x="973713" y="74940"/>
                        <a:pt x="981813" y="79234"/>
                        <a:pt x="989719" y="83594"/>
                      </a:cubicBezTo>
                      <a:cubicBezTo>
                        <a:pt x="991671" y="84700"/>
                        <a:pt x="992387" y="87172"/>
                        <a:pt x="991281" y="89124"/>
                      </a:cubicBezTo>
                      <a:cubicBezTo>
                        <a:pt x="990207" y="91076"/>
                        <a:pt x="987735" y="91792"/>
                        <a:pt x="985750" y="90686"/>
                      </a:cubicBezTo>
                      <a:cubicBezTo>
                        <a:pt x="977975" y="86359"/>
                        <a:pt x="969972" y="82130"/>
                        <a:pt x="961968" y="78096"/>
                      </a:cubicBezTo>
                      <a:cubicBezTo>
                        <a:pt x="961578" y="77900"/>
                        <a:pt x="961220" y="77640"/>
                        <a:pt x="960928" y="77347"/>
                      </a:cubicBezTo>
                      <a:close/>
                      <a:moveTo>
                        <a:pt x="1246372" y="354691"/>
                      </a:moveTo>
                      <a:cubicBezTo>
                        <a:pt x="1246112" y="354431"/>
                        <a:pt x="1245852" y="354106"/>
                        <a:pt x="1245657" y="353748"/>
                      </a:cubicBezTo>
                      <a:cubicBezTo>
                        <a:pt x="1241427" y="345875"/>
                        <a:pt x="1236938" y="338002"/>
                        <a:pt x="1232383" y="330357"/>
                      </a:cubicBezTo>
                      <a:cubicBezTo>
                        <a:pt x="1231244" y="328437"/>
                        <a:pt x="1231863" y="325932"/>
                        <a:pt x="1233782" y="324793"/>
                      </a:cubicBezTo>
                      <a:cubicBezTo>
                        <a:pt x="1235701" y="323655"/>
                        <a:pt x="1238206" y="324273"/>
                        <a:pt x="1239345" y="326225"/>
                      </a:cubicBezTo>
                      <a:cubicBezTo>
                        <a:pt x="1243965" y="334000"/>
                        <a:pt x="1248487" y="341971"/>
                        <a:pt x="1252781" y="349909"/>
                      </a:cubicBezTo>
                      <a:cubicBezTo>
                        <a:pt x="1253855" y="351893"/>
                        <a:pt x="1253106" y="354333"/>
                        <a:pt x="1251122" y="355407"/>
                      </a:cubicBezTo>
                      <a:cubicBezTo>
                        <a:pt x="1249495" y="356285"/>
                        <a:pt x="1247543" y="355960"/>
                        <a:pt x="1246307" y="354691"/>
                      </a:cubicBezTo>
                      <a:close/>
                      <a:moveTo>
                        <a:pt x="1008003" y="103504"/>
                      </a:moveTo>
                      <a:cubicBezTo>
                        <a:pt x="1006701" y="102202"/>
                        <a:pt x="1006409" y="100153"/>
                        <a:pt x="1007417" y="98526"/>
                      </a:cubicBezTo>
                      <a:cubicBezTo>
                        <a:pt x="1008588" y="96607"/>
                        <a:pt x="1011093" y="96021"/>
                        <a:pt x="1013013" y="97192"/>
                      </a:cubicBezTo>
                      <a:cubicBezTo>
                        <a:pt x="1020723" y="101910"/>
                        <a:pt x="1028434" y="106822"/>
                        <a:pt x="1035948" y="111865"/>
                      </a:cubicBezTo>
                      <a:cubicBezTo>
                        <a:pt x="1037803" y="113134"/>
                        <a:pt x="1038324" y="115639"/>
                        <a:pt x="1037055" y="117493"/>
                      </a:cubicBezTo>
                      <a:cubicBezTo>
                        <a:pt x="1035819" y="119347"/>
                        <a:pt x="1033281" y="119868"/>
                        <a:pt x="1031426" y="118599"/>
                      </a:cubicBezTo>
                      <a:cubicBezTo>
                        <a:pt x="1024009" y="113654"/>
                        <a:pt x="1016396" y="108774"/>
                        <a:pt x="1008751" y="104122"/>
                      </a:cubicBezTo>
                      <a:cubicBezTo>
                        <a:pt x="1008458" y="103959"/>
                        <a:pt x="1008231" y="103764"/>
                        <a:pt x="1008003" y="103536"/>
                      </a:cubicBezTo>
                      <a:close/>
                      <a:moveTo>
                        <a:pt x="1218849" y="308397"/>
                      </a:moveTo>
                      <a:cubicBezTo>
                        <a:pt x="1218654" y="308202"/>
                        <a:pt x="1218459" y="307974"/>
                        <a:pt x="1218329" y="307746"/>
                      </a:cubicBezTo>
                      <a:cubicBezTo>
                        <a:pt x="1213481" y="300263"/>
                        <a:pt x="1208373" y="292781"/>
                        <a:pt x="1203201" y="285526"/>
                      </a:cubicBezTo>
                      <a:cubicBezTo>
                        <a:pt x="1201899" y="283704"/>
                        <a:pt x="1202322" y="281167"/>
                        <a:pt x="1204144" y="279865"/>
                      </a:cubicBezTo>
                      <a:cubicBezTo>
                        <a:pt x="1205966" y="278564"/>
                        <a:pt x="1208504" y="278987"/>
                        <a:pt x="1209805" y="280809"/>
                      </a:cubicBezTo>
                      <a:cubicBezTo>
                        <a:pt x="1215043" y="288194"/>
                        <a:pt x="1220216" y="295774"/>
                        <a:pt x="1225128" y="303322"/>
                      </a:cubicBezTo>
                      <a:cubicBezTo>
                        <a:pt x="1226364" y="305209"/>
                        <a:pt x="1225811" y="307714"/>
                        <a:pt x="1223924" y="308950"/>
                      </a:cubicBezTo>
                      <a:cubicBezTo>
                        <a:pt x="1222298" y="310023"/>
                        <a:pt x="1220183" y="309763"/>
                        <a:pt x="1218849" y="308429"/>
                      </a:cubicBezTo>
                      <a:close/>
                      <a:moveTo>
                        <a:pt x="1052768" y="133434"/>
                      </a:moveTo>
                      <a:cubicBezTo>
                        <a:pt x="1051369" y="132035"/>
                        <a:pt x="1051174" y="129823"/>
                        <a:pt x="1052378" y="128164"/>
                      </a:cubicBezTo>
                      <a:cubicBezTo>
                        <a:pt x="1053712" y="126342"/>
                        <a:pt x="1056249" y="125952"/>
                        <a:pt x="1058039" y="127285"/>
                      </a:cubicBezTo>
                      <a:cubicBezTo>
                        <a:pt x="1065326" y="132588"/>
                        <a:pt x="1072613" y="138151"/>
                        <a:pt x="1079706" y="143780"/>
                      </a:cubicBezTo>
                      <a:cubicBezTo>
                        <a:pt x="1081462" y="145146"/>
                        <a:pt x="1081755" y="147716"/>
                        <a:pt x="1080356" y="149473"/>
                      </a:cubicBezTo>
                      <a:cubicBezTo>
                        <a:pt x="1078957" y="151230"/>
                        <a:pt x="1076420" y="151523"/>
                        <a:pt x="1074663" y="150124"/>
                      </a:cubicBezTo>
                      <a:cubicBezTo>
                        <a:pt x="1067668" y="144560"/>
                        <a:pt x="1060446" y="139095"/>
                        <a:pt x="1053256" y="133825"/>
                      </a:cubicBezTo>
                      <a:cubicBezTo>
                        <a:pt x="1053093" y="133694"/>
                        <a:pt x="1052931" y="133564"/>
                        <a:pt x="1052768" y="133402"/>
                      </a:cubicBezTo>
                      <a:close/>
                      <a:moveTo>
                        <a:pt x="1187650" y="264510"/>
                      </a:moveTo>
                      <a:cubicBezTo>
                        <a:pt x="1187650" y="264510"/>
                        <a:pt x="1187422" y="264249"/>
                        <a:pt x="1187292" y="264119"/>
                      </a:cubicBezTo>
                      <a:cubicBezTo>
                        <a:pt x="1181827" y="257060"/>
                        <a:pt x="1176134" y="250033"/>
                        <a:pt x="1170408" y="243201"/>
                      </a:cubicBezTo>
                      <a:cubicBezTo>
                        <a:pt x="1168976" y="241476"/>
                        <a:pt x="1169171" y="238906"/>
                        <a:pt x="1170896" y="237475"/>
                      </a:cubicBezTo>
                      <a:cubicBezTo>
                        <a:pt x="1172620" y="236043"/>
                        <a:pt x="1175157" y="236239"/>
                        <a:pt x="1176621" y="237963"/>
                      </a:cubicBezTo>
                      <a:cubicBezTo>
                        <a:pt x="1182445" y="244892"/>
                        <a:pt x="1188203" y="252017"/>
                        <a:pt x="1193734" y="259142"/>
                      </a:cubicBezTo>
                      <a:cubicBezTo>
                        <a:pt x="1195100" y="260931"/>
                        <a:pt x="1194775" y="263469"/>
                        <a:pt x="1193018" y="264835"/>
                      </a:cubicBezTo>
                      <a:cubicBezTo>
                        <a:pt x="1191391" y="266104"/>
                        <a:pt x="1189082" y="265909"/>
                        <a:pt x="1187650" y="264510"/>
                      </a:cubicBezTo>
                      <a:close/>
                      <a:moveTo>
                        <a:pt x="1094963" y="166911"/>
                      </a:moveTo>
                      <a:cubicBezTo>
                        <a:pt x="1093467" y="165414"/>
                        <a:pt x="1093369" y="163007"/>
                        <a:pt x="1094768" y="161380"/>
                      </a:cubicBezTo>
                      <a:cubicBezTo>
                        <a:pt x="1096232" y="159688"/>
                        <a:pt x="1098802" y="159493"/>
                        <a:pt x="1100494" y="160957"/>
                      </a:cubicBezTo>
                      <a:cubicBezTo>
                        <a:pt x="1107359" y="166846"/>
                        <a:pt x="1114158" y="172962"/>
                        <a:pt x="1120762" y="179143"/>
                      </a:cubicBezTo>
                      <a:cubicBezTo>
                        <a:pt x="1122389" y="180640"/>
                        <a:pt x="1122487" y="183242"/>
                        <a:pt x="1120957" y="184869"/>
                      </a:cubicBezTo>
                      <a:cubicBezTo>
                        <a:pt x="1119428" y="186496"/>
                        <a:pt x="1116858" y="186593"/>
                        <a:pt x="1115231" y="185064"/>
                      </a:cubicBezTo>
                      <a:cubicBezTo>
                        <a:pt x="1108725" y="178980"/>
                        <a:pt x="1101991" y="172929"/>
                        <a:pt x="1095191" y="167106"/>
                      </a:cubicBezTo>
                      <a:cubicBezTo>
                        <a:pt x="1095126" y="167041"/>
                        <a:pt x="1095029" y="166976"/>
                        <a:pt x="1094963" y="166911"/>
                      </a:cubicBezTo>
                      <a:close/>
                      <a:moveTo>
                        <a:pt x="1152970" y="223290"/>
                      </a:moveTo>
                      <a:cubicBezTo>
                        <a:pt x="1152970" y="223290"/>
                        <a:pt x="1152872" y="223193"/>
                        <a:pt x="1152840" y="223160"/>
                      </a:cubicBezTo>
                      <a:cubicBezTo>
                        <a:pt x="1146821" y="216556"/>
                        <a:pt x="1140607" y="210017"/>
                        <a:pt x="1134328" y="203640"/>
                      </a:cubicBezTo>
                      <a:cubicBezTo>
                        <a:pt x="1132767" y="202046"/>
                        <a:pt x="1132767" y="199476"/>
                        <a:pt x="1134361" y="197882"/>
                      </a:cubicBezTo>
                      <a:cubicBezTo>
                        <a:pt x="1135955" y="196320"/>
                        <a:pt x="1138525" y="196255"/>
                        <a:pt x="1140087" y="197915"/>
                      </a:cubicBezTo>
                      <a:cubicBezTo>
                        <a:pt x="1146431" y="204356"/>
                        <a:pt x="1152742" y="210993"/>
                        <a:pt x="1158826" y="217662"/>
                      </a:cubicBezTo>
                      <a:cubicBezTo>
                        <a:pt x="1160323" y="219321"/>
                        <a:pt x="1160225" y="221891"/>
                        <a:pt x="1158566" y="223388"/>
                      </a:cubicBezTo>
                      <a:cubicBezTo>
                        <a:pt x="1156939" y="224852"/>
                        <a:pt x="1154499" y="224787"/>
                        <a:pt x="1152970" y="223258"/>
                      </a:cubicBezTo>
                      <a:close/>
                    </a:path>
                  </a:pathLst>
                </a:custGeom>
                <a:solidFill>
                  <a:schemeClr val="accent5"/>
                </a:solidFill>
                <a:ln w="0" cap="flat">
                  <a:noFill/>
                  <a:prstDash val="solid"/>
                  <a:miter/>
                </a:ln>
              </p:spPr>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sp>
              <p:nvSpPr>
                <p:cNvPr id="70" name="Free-form: Shape 49">
                  <a:extLst>
                    <a:ext uri="{FF2B5EF4-FFF2-40B4-BE49-F238E27FC236}">
                      <a16:creationId xmlns:a16="http://schemas.microsoft.com/office/drawing/2014/main" id="{F5A7AD93-0A59-F831-70DF-F2E41F7E555E}"/>
                    </a:ext>
                  </a:extLst>
                </p:cNvPr>
                <p:cNvSpPr/>
                <p:nvPr/>
              </p:nvSpPr>
              <p:spPr>
                <a:xfrm>
                  <a:off x="6542053" y="2684755"/>
                  <a:ext cx="900708" cy="900709"/>
                </a:xfrm>
                <a:custGeom>
                  <a:avLst/>
                  <a:gdLst>
                    <a:gd name="connsiteX0" fmla="*/ 900709 w 900708"/>
                    <a:gd name="connsiteY0" fmla="*/ 214100 h 900709"/>
                    <a:gd name="connsiteX1" fmla="*/ 866810 w 900708"/>
                    <a:gd name="connsiteY1" fmla="*/ 0 h 900709"/>
                    <a:gd name="connsiteX2" fmla="*/ 827412 w 900708"/>
                    <a:gd name="connsiteY2" fmla="*/ 39397 h 900709"/>
                    <a:gd name="connsiteX3" fmla="*/ 665137 w 900708"/>
                    <a:gd name="connsiteY3" fmla="*/ 665138 h 900709"/>
                    <a:gd name="connsiteX4" fmla="*/ 39397 w 900708"/>
                    <a:gd name="connsiteY4" fmla="*/ 827412 h 900709"/>
                    <a:gd name="connsiteX5" fmla="*/ 0 w 900708"/>
                    <a:gd name="connsiteY5" fmla="*/ 866810 h 900709"/>
                    <a:gd name="connsiteX6" fmla="*/ 214100 w 900708"/>
                    <a:gd name="connsiteY6" fmla="*/ 900709 h 900709"/>
                    <a:gd name="connsiteX7" fmla="*/ 699590 w 900708"/>
                    <a:gd name="connsiteY7" fmla="*/ 699623 h 900709"/>
                    <a:gd name="connsiteX8" fmla="*/ 900676 w 900708"/>
                    <a:gd name="connsiteY8" fmla="*/ 214132 h 9007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00708" h="900709">
                      <a:moveTo>
                        <a:pt x="900709" y="214100"/>
                      </a:moveTo>
                      <a:cubicBezTo>
                        <a:pt x="900709" y="140250"/>
                        <a:pt x="889127" y="68189"/>
                        <a:pt x="866810" y="0"/>
                      </a:cubicBezTo>
                      <a:lnTo>
                        <a:pt x="827412" y="39397"/>
                      </a:lnTo>
                      <a:cubicBezTo>
                        <a:pt x="888346" y="254701"/>
                        <a:pt x="834309" y="495998"/>
                        <a:pt x="665137" y="665138"/>
                      </a:cubicBezTo>
                      <a:cubicBezTo>
                        <a:pt x="495966" y="834277"/>
                        <a:pt x="254701" y="888347"/>
                        <a:pt x="39397" y="827412"/>
                      </a:cubicBezTo>
                      <a:lnTo>
                        <a:pt x="0" y="866810"/>
                      </a:lnTo>
                      <a:cubicBezTo>
                        <a:pt x="68222" y="889095"/>
                        <a:pt x="140250" y="900709"/>
                        <a:pt x="214100" y="900709"/>
                      </a:cubicBezTo>
                      <a:cubicBezTo>
                        <a:pt x="397489" y="900709"/>
                        <a:pt x="569913" y="829299"/>
                        <a:pt x="699590" y="699623"/>
                      </a:cubicBezTo>
                      <a:cubicBezTo>
                        <a:pt x="829267" y="569946"/>
                        <a:pt x="900676" y="397521"/>
                        <a:pt x="900676" y="214132"/>
                      </a:cubicBezTo>
                      <a:close/>
                    </a:path>
                  </a:pathLst>
                </a:custGeom>
                <a:solidFill>
                  <a:srgbClr val="A2B3C9"/>
                </a:solidFill>
                <a:ln w="0" cap="flat">
                  <a:noFill/>
                  <a:prstDash val="solid"/>
                  <a:miter/>
                </a:ln>
              </p:spPr>
              <p:txBody>
                <a:bodyPr rtlCol="0" anchor="ct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grpSp>
        <p:sp>
          <p:nvSpPr>
            <p:cNvPr id="60" name="Freeform 7">
              <a:extLst>
                <a:ext uri="{FF2B5EF4-FFF2-40B4-BE49-F238E27FC236}">
                  <a16:creationId xmlns:a16="http://schemas.microsoft.com/office/drawing/2014/main" id="{C992EC0C-5310-EA5D-5043-9ADA84F1586F}"/>
                </a:ext>
              </a:extLst>
            </p:cNvPr>
            <p:cNvSpPr>
              <a:spLocks noChangeAspect="1" noEditPoints="1"/>
            </p:cNvSpPr>
            <p:nvPr/>
          </p:nvSpPr>
          <p:spPr bwMode="auto">
            <a:xfrm>
              <a:off x="10367205" y="3237064"/>
              <a:ext cx="302995" cy="310085"/>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chemeClr val="bg1"/>
            </a:solidFill>
            <a:ln w="3175">
              <a:noFill/>
              <a:round/>
              <a:headEnd/>
              <a:tailEnd/>
            </a:ln>
          </p:spPr>
          <p:txBody>
            <a:bodyPr vert="horz" wrap="square" lIns="91440" tIns="45720" rIns="91440" bIns="45720" numCol="1" anchor="t" anchorCtr="0" compatLnSpc="1">
              <a:prstTxWarp prst="textNoShape">
                <a:avLst/>
              </a:prstTxWarp>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grpSp>
        <p:nvGrpSpPr>
          <p:cNvPr id="97" name="Group 96">
            <a:extLst>
              <a:ext uri="{FF2B5EF4-FFF2-40B4-BE49-F238E27FC236}">
                <a16:creationId xmlns:a16="http://schemas.microsoft.com/office/drawing/2014/main" id="{50D39F7D-2410-7AE9-774E-79E55E678168}"/>
              </a:ext>
              <a:ext uri="{C183D7F6-B498-43B3-948B-1728B52AA6E4}">
                <adec:decorative xmlns:adec="http://schemas.microsoft.com/office/drawing/2017/decorative" val="1"/>
              </a:ext>
            </a:extLst>
          </p:cNvPr>
          <p:cNvGrpSpPr/>
          <p:nvPr/>
        </p:nvGrpSpPr>
        <p:grpSpPr>
          <a:xfrm>
            <a:off x="10015851" y="3408060"/>
            <a:ext cx="669874" cy="669874"/>
            <a:chOff x="9555771" y="2446809"/>
            <a:chExt cx="669874" cy="669874"/>
          </a:xfrm>
        </p:grpSpPr>
        <p:grpSp>
          <p:nvGrpSpPr>
            <p:cNvPr id="42" name="Group 41">
              <a:extLst>
                <a:ext uri="{FF2B5EF4-FFF2-40B4-BE49-F238E27FC236}">
                  <a16:creationId xmlns:a16="http://schemas.microsoft.com/office/drawing/2014/main" id="{DB043D86-C7AE-AD0E-A1F6-F1E2B859D0A2}"/>
                </a:ext>
              </a:extLst>
            </p:cNvPr>
            <p:cNvGrpSpPr/>
            <p:nvPr/>
          </p:nvGrpSpPr>
          <p:grpSpPr>
            <a:xfrm>
              <a:off x="9555771" y="2446809"/>
              <a:ext cx="669874" cy="669874"/>
              <a:chOff x="5839739" y="3870244"/>
              <a:chExt cx="1352836" cy="1352820"/>
            </a:xfrm>
          </p:grpSpPr>
          <p:sp>
            <p:nvSpPr>
              <p:cNvPr id="75" name="Free-form: Shape 9">
                <a:extLst>
                  <a:ext uri="{FF2B5EF4-FFF2-40B4-BE49-F238E27FC236}">
                    <a16:creationId xmlns:a16="http://schemas.microsoft.com/office/drawing/2014/main" id="{A9B73B3E-DA6B-F60D-151D-EAA0E210788C}"/>
                  </a:ext>
                </a:extLst>
              </p:cNvPr>
              <p:cNvSpPr/>
              <p:nvPr/>
            </p:nvSpPr>
            <p:spPr>
              <a:xfrm rot="18900000">
                <a:off x="5934463" y="3990940"/>
                <a:ext cx="1130392" cy="1130392"/>
              </a:xfrm>
              <a:custGeom>
                <a:avLst/>
                <a:gdLst>
                  <a:gd name="connsiteX0" fmla="*/ 1130392 w 1130392"/>
                  <a:gd name="connsiteY0" fmla="*/ 565196 h 1130392"/>
                  <a:gd name="connsiteX1" fmla="*/ 565196 w 1130392"/>
                  <a:gd name="connsiteY1" fmla="*/ 1130393 h 1130392"/>
                  <a:gd name="connsiteX2" fmla="*/ 0 w 1130392"/>
                  <a:gd name="connsiteY2" fmla="*/ 565196 h 1130392"/>
                  <a:gd name="connsiteX3" fmla="*/ 565196 w 1130392"/>
                  <a:gd name="connsiteY3" fmla="*/ 0 h 1130392"/>
                  <a:gd name="connsiteX4" fmla="*/ 1130392 w 1130392"/>
                  <a:gd name="connsiteY4" fmla="*/ 565196 h 11303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0392" h="1130392">
                    <a:moveTo>
                      <a:pt x="1130392" y="565196"/>
                    </a:moveTo>
                    <a:cubicBezTo>
                      <a:pt x="1130392" y="877346"/>
                      <a:pt x="877345" y="1130393"/>
                      <a:pt x="565196" y="1130393"/>
                    </a:cubicBezTo>
                    <a:cubicBezTo>
                      <a:pt x="253047" y="1130393"/>
                      <a:pt x="0" y="877346"/>
                      <a:pt x="0" y="565196"/>
                    </a:cubicBezTo>
                    <a:cubicBezTo>
                      <a:pt x="0" y="253047"/>
                      <a:pt x="253047" y="0"/>
                      <a:pt x="565196" y="0"/>
                    </a:cubicBezTo>
                    <a:cubicBezTo>
                      <a:pt x="877346" y="0"/>
                      <a:pt x="1130392" y="253047"/>
                      <a:pt x="1130392" y="565196"/>
                    </a:cubicBezTo>
                    <a:close/>
                  </a:path>
                </a:pathLst>
              </a:custGeom>
              <a:solidFill>
                <a:srgbClr val="64778A"/>
              </a:solidFill>
              <a:ln w="0" cap="flat">
                <a:noFill/>
                <a:prstDash val="solid"/>
                <a:miter/>
              </a:ln>
            </p:spPr>
            <p:txBody>
              <a:bodyPr rtlCol="0" anchor="ct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nvGrpSpPr>
              <p:cNvPr id="76" name="Graphic 2">
                <a:extLst>
                  <a:ext uri="{FF2B5EF4-FFF2-40B4-BE49-F238E27FC236}">
                    <a16:creationId xmlns:a16="http://schemas.microsoft.com/office/drawing/2014/main" id="{5F279774-E44E-FF98-4D09-870C04E52740}"/>
                  </a:ext>
                </a:extLst>
              </p:cNvPr>
              <p:cNvGrpSpPr/>
              <p:nvPr/>
            </p:nvGrpSpPr>
            <p:grpSpPr>
              <a:xfrm>
                <a:off x="5839739" y="3870244"/>
                <a:ext cx="1352836" cy="1352820"/>
                <a:chOff x="4735674" y="3275392"/>
                <a:chExt cx="1352836" cy="1352820"/>
              </a:xfrm>
            </p:grpSpPr>
            <p:sp>
              <p:nvSpPr>
                <p:cNvPr id="77" name="Free-form: Shape 87">
                  <a:extLst>
                    <a:ext uri="{FF2B5EF4-FFF2-40B4-BE49-F238E27FC236}">
                      <a16:creationId xmlns:a16="http://schemas.microsoft.com/office/drawing/2014/main" id="{663B3C0F-6FF6-CCD0-CB76-24724CC14786}"/>
                    </a:ext>
                  </a:extLst>
                </p:cNvPr>
                <p:cNvSpPr/>
                <p:nvPr/>
              </p:nvSpPr>
              <p:spPr>
                <a:xfrm>
                  <a:off x="4735674" y="3295595"/>
                  <a:ext cx="1332405" cy="1332617"/>
                </a:xfrm>
                <a:custGeom>
                  <a:avLst/>
                  <a:gdLst>
                    <a:gd name="connsiteX0" fmla="*/ 1137338 w 1332405"/>
                    <a:gd name="connsiteY0" fmla="*/ 1137484 h 1332617"/>
                    <a:gd name="connsiteX1" fmla="*/ 1129888 w 1332405"/>
                    <a:gd name="connsiteY1" fmla="*/ 1144837 h 1332617"/>
                    <a:gd name="connsiteX2" fmla="*/ 1124162 w 1332405"/>
                    <a:gd name="connsiteY2" fmla="*/ 1144739 h 1332617"/>
                    <a:gd name="connsiteX3" fmla="*/ 1124259 w 1332405"/>
                    <a:gd name="connsiteY3" fmla="*/ 1138981 h 1332617"/>
                    <a:gd name="connsiteX4" fmla="*/ 1143194 w 1332405"/>
                    <a:gd name="connsiteY4" fmla="*/ 1119851 h 1332617"/>
                    <a:gd name="connsiteX5" fmla="*/ 1148952 w 1332405"/>
                    <a:gd name="connsiteY5" fmla="*/ 1119721 h 1332617"/>
                    <a:gd name="connsiteX6" fmla="*/ 1149082 w 1332405"/>
                    <a:gd name="connsiteY6" fmla="*/ 1125447 h 1332617"/>
                    <a:gd name="connsiteX7" fmla="*/ 1137370 w 1332405"/>
                    <a:gd name="connsiteY7" fmla="*/ 1137452 h 1332617"/>
                    <a:gd name="connsiteX8" fmla="*/ 1110303 w 1332405"/>
                    <a:gd name="connsiteY8" fmla="*/ 1163055 h 1332617"/>
                    <a:gd name="connsiteX9" fmla="*/ 1110140 w 1332405"/>
                    <a:gd name="connsiteY9" fmla="*/ 1163218 h 1332617"/>
                    <a:gd name="connsiteX10" fmla="*/ 1089482 w 1332405"/>
                    <a:gd name="connsiteY10" fmla="*/ 1180949 h 1332617"/>
                    <a:gd name="connsiteX11" fmla="*/ 1083756 w 1332405"/>
                    <a:gd name="connsiteY11" fmla="*/ 1180396 h 1332617"/>
                    <a:gd name="connsiteX12" fmla="*/ 1084309 w 1332405"/>
                    <a:gd name="connsiteY12" fmla="*/ 1174670 h 1332617"/>
                    <a:gd name="connsiteX13" fmla="*/ 1104707 w 1332405"/>
                    <a:gd name="connsiteY13" fmla="*/ 1157134 h 1332617"/>
                    <a:gd name="connsiteX14" fmla="*/ 1110433 w 1332405"/>
                    <a:gd name="connsiteY14" fmla="*/ 1157460 h 1332617"/>
                    <a:gd name="connsiteX15" fmla="*/ 1110270 w 1332405"/>
                    <a:gd name="connsiteY15" fmla="*/ 1163023 h 1332617"/>
                    <a:gd name="connsiteX16" fmla="*/ 1167040 w 1332405"/>
                    <a:gd name="connsiteY16" fmla="*/ 1105765 h 1332617"/>
                    <a:gd name="connsiteX17" fmla="*/ 1161477 w 1332405"/>
                    <a:gd name="connsiteY17" fmla="*/ 1105927 h 1332617"/>
                    <a:gd name="connsiteX18" fmla="*/ 1161120 w 1332405"/>
                    <a:gd name="connsiteY18" fmla="*/ 1100202 h 1332617"/>
                    <a:gd name="connsiteX19" fmla="*/ 1178460 w 1332405"/>
                    <a:gd name="connsiteY19" fmla="*/ 1079641 h 1332617"/>
                    <a:gd name="connsiteX20" fmla="*/ 1184185 w 1332405"/>
                    <a:gd name="connsiteY20" fmla="*/ 1079023 h 1332617"/>
                    <a:gd name="connsiteX21" fmla="*/ 1184771 w 1332405"/>
                    <a:gd name="connsiteY21" fmla="*/ 1084716 h 1332617"/>
                    <a:gd name="connsiteX22" fmla="*/ 1167236 w 1332405"/>
                    <a:gd name="connsiteY22" fmla="*/ 1105537 h 1332617"/>
                    <a:gd name="connsiteX23" fmla="*/ 1167040 w 1332405"/>
                    <a:gd name="connsiteY23" fmla="*/ 1105732 h 1332617"/>
                    <a:gd name="connsiteX24" fmla="*/ 1068758 w 1332405"/>
                    <a:gd name="connsiteY24" fmla="*/ 1197313 h 1332617"/>
                    <a:gd name="connsiteX25" fmla="*/ 1068335 w 1332405"/>
                    <a:gd name="connsiteY25" fmla="*/ 1197671 h 1332617"/>
                    <a:gd name="connsiteX26" fmla="*/ 1046310 w 1332405"/>
                    <a:gd name="connsiteY26" fmla="*/ 1213677 h 1332617"/>
                    <a:gd name="connsiteX27" fmla="*/ 1040650 w 1332405"/>
                    <a:gd name="connsiteY27" fmla="*/ 1212668 h 1332617"/>
                    <a:gd name="connsiteX28" fmla="*/ 1041658 w 1332405"/>
                    <a:gd name="connsiteY28" fmla="*/ 1207008 h 1332617"/>
                    <a:gd name="connsiteX29" fmla="*/ 1063423 w 1332405"/>
                    <a:gd name="connsiteY29" fmla="*/ 1191197 h 1332617"/>
                    <a:gd name="connsiteX30" fmla="*/ 1069116 w 1332405"/>
                    <a:gd name="connsiteY30" fmla="*/ 1191977 h 1332617"/>
                    <a:gd name="connsiteX31" fmla="*/ 1068758 w 1332405"/>
                    <a:gd name="connsiteY31" fmla="*/ 1197313 h 1332617"/>
                    <a:gd name="connsiteX32" fmla="*/ 1200940 w 1332405"/>
                    <a:gd name="connsiteY32" fmla="*/ 1063895 h 1332617"/>
                    <a:gd name="connsiteX33" fmla="*/ 1195637 w 1332405"/>
                    <a:gd name="connsiteY33" fmla="*/ 1064285 h 1332617"/>
                    <a:gd name="connsiteX34" fmla="*/ 1194791 w 1332405"/>
                    <a:gd name="connsiteY34" fmla="*/ 1058592 h 1332617"/>
                    <a:gd name="connsiteX35" fmla="*/ 1210407 w 1332405"/>
                    <a:gd name="connsiteY35" fmla="*/ 1036697 h 1332617"/>
                    <a:gd name="connsiteX36" fmla="*/ 1216035 w 1332405"/>
                    <a:gd name="connsiteY36" fmla="*/ 1035624 h 1332617"/>
                    <a:gd name="connsiteX37" fmla="*/ 1217109 w 1332405"/>
                    <a:gd name="connsiteY37" fmla="*/ 1041252 h 1332617"/>
                    <a:gd name="connsiteX38" fmla="*/ 1201298 w 1332405"/>
                    <a:gd name="connsiteY38" fmla="*/ 1063439 h 1332617"/>
                    <a:gd name="connsiteX39" fmla="*/ 1200907 w 1332405"/>
                    <a:gd name="connsiteY39" fmla="*/ 1063895 h 1332617"/>
                    <a:gd name="connsiteX40" fmla="*/ 1024579 w 1332405"/>
                    <a:gd name="connsiteY40" fmla="*/ 1228089 h 1332617"/>
                    <a:gd name="connsiteX41" fmla="*/ 1023895 w 1332405"/>
                    <a:gd name="connsiteY41" fmla="*/ 1228642 h 1332617"/>
                    <a:gd name="connsiteX42" fmla="*/ 1000634 w 1332405"/>
                    <a:gd name="connsiteY42" fmla="*/ 1242794 h 1332617"/>
                    <a:gd name="connsiteX43" fmla="*/ 995071 w 1332405"/>
                    <a:gd name="connsiteY43" fmla="*/ 1241330 h 1332617"/>
                    <a:gd name="connsiteX44" fmla="*/ 996535 w 1332405"/>
                    <a:gd name="connsiteY44" fmla="*/ 1235767 h 1332617"/>
                    <a:gd name="connsiteX45" fmla="*/ 1019503 w 1332405"/>
                    <a:gd name="connsiteY45" fmla="*/ 1221777 h 1332617"/>
                    <a:gd name="connsiteX46" fmla="*/ 1025099 w 1332405"/>
                    <a:gd name="connsiteY46" fmla="*/ 1223014 h 1332617"/>
                    <a:gd name="connsiteX47" fmla="*/ 1024546 w 1332405"/>
                    <a:gd name="connsiteY47" fmla="*/ 1228056 h 1332617"/>
                    <a:gd name="connsiteX48" fmla="*/ 1231293 w 1332405"/>
                    <a:gd name="connsiteY48" fmla="*/ 1019422 h 1332617"/>
                    <a:gd name="connsiteX49" fmla="*/ 1226283 w 1332405"/>
                    <a:gd name="connsiteY49" fmla="*/ 1020008 h 1332617"/>
                    <a:gd name="connsiteX50" fmla="*/ 1224982 w 1332405"/>
                    <a:gd name="connsiteY50" fmla="*/ 1014412 h 1332617"/>
                    <a:gd name="connsiteX51" fmla="*/ 1238743 w 1332405"/>
                    <a:gd name="connsiteY51" fmla="*/ 991314 h 1332617"/>
                    <a:gd name="connsiteX52" fmla="*/ 1244274 w 1332405"/>
                    <a:gd name="connsiteY52" fmla="*/ 989784 h 1332617"/>
                    <a:gd name="connsiteX53" fmla="*/ 1245803 w 1332405"/>
                    <a:gd name="connsiteY53" fmla="*/ 995315 h 1332617"/>
                    <a:gd name="connsiteX54" fmla="*/ 1231879 w 1332405"/>
                    <a:gd name="connsiteY54" fmla="*/ 1018706 h 1332617"/>
                    <a:gd name="connsiteX55" fmla="*/ 1231293 w 1332405"/>
                    <a:gd name="connsiteY55" fmla="*/ 1019422 h 1332617"/>
                    <a:gd name="connsiteX56" fmla="*/ 977991 w 1332405"/>
                    <a:gd name="connsiteY56" fmla="*/ 1255156 h 1332617"/>
                    <a:gd name="connsiteX57" fmla="*/ 977015 w 1332405"/>
                    <a:gd name="connsiteY57" fmla="*/ 1255872 h 1332617"/>
                    <a:gd name="connsiteX58" fmla="*/ 952615 w 1332405"/>
                    <a:gd name="connsiteY58" fmla="*/ 1268104 h 1332617"/>
                    <a:gd name="connsiteX59" fmla="*/ 947215 w 1332405"/>
                    <a:gd name="connsiteY59" fmla="*/ 1266185 h 1332617"/>
                    <a:gd name="connsiteX60" fmla="*/ 949134 w 1332405"/>
                    <a:gd name="connsiteY60" fmla="*/ 1260785 h 1332617"/>
                    <a:gd name="connsiteX61" fmla="*/ 973241 w 1332405"/>
                    <a:gd name="connsiteY61" fmla="*/ 1248682 h 1332617"/>
                    <a:gd name="connsiteX62" fmla="*/ 978739 w 1332405"/>
                    <a:gd name="connsiteY62" fmla="*/ 1250374 h 1332617"/>
                    <a:gd name="connsiteX63" fmla="*/ 978024 w 1332405"/>
                    <a:gd name="connsiteY63" fmla="*/ 1255124 h 1332617"/>
                    <a:gd name="connsiteX64" fmla="*/ 1257905 w 1332405"/>
                    <a:gd name="connsiteY64" fmla="*/ 972575 h 1332617"/>
                    <a:gd name="connsiteX65" fmla="*/ 1253188 w 1332405"/>
                    <a:gd name="connsiteY65" fmla="*/ 973323 h 1332617"/>
                    <a:gd name="connsiteX66" fmla="*/ 1251431 w 1332405"/>
                    <a:gd name="connsiteY66" fmla="*/ 967857 h 1332617"/>
                    <a:gd name="connsiteX67" fmla="*/ 1263273 w 1332405"/>
                    <a:gd name="connsiteY67" fmla="*/ 943718 h 1332617"/>
                    <a:gd name="connsiteX68" fmla="*/ 1268673 w 1332405"/>
                    <a:gd name="connsiteY68" fmla="*/ 941733 h 1332617"/>
                    <a:gd name="connsiteX69" fmla="*/ 1270658 w 1332405"/>
                    <a:gd name="connsiteY69" fmla="*/ 947134 h 1332617"/>
                    <a:gd name="connsiteX70" fmla="*/ 1258686 w 1332405"/>
                    <a:gd name="connsiteY70" fmla="*/ 971599 h 1332617"/>
                    <a:gd name="connsiteX71" fmla="*/ 1257938 w 1332405"/>
                    <a:gd name="connsiteY71" fmla="*/ 972607 h 1332617"/>
                    <a:gd name="connsiteX72" fmla="*/ 929224 w 1332405"/>
                    <a:gd name="connsiteY72" fmla="*/ 1278352 h 1332617"/>
                    <a:gd name="connsiteX73" fmla="*/ 927955 w 1332405"/>
                    <a:gd name="connsiteY73" fmla="*/ 1279198 h 1332617"/>
                    <a:gd name="connsiteX74" fmla="*/ 902645 w 1332405"/>
                    <a:gd name="connsiteY74" fmla="*/ 1289381 h 1332617"/>
                    <a:gd name="connsiteX75" fmla="*/ 897407 w 1332405"/>
                    <a:gd name="connsiteY75" fmla="*/ 1287006 h 1332617"/>
                    <a:gd name="connsiteX76" fmla="*/ 899782 w 1332405"/>
                    <a:gd name="connsiteY76" fmla="*/ 1281768 h 1332617"/>
                    <a:gd name="connsiteX77" fmla="*/ 924800 w 1332405"/>
                    <a:gd name="connsiteY77" fmla="*/ 1271716 h 1332617"/>
                    <a:gd name="connsiteX78" fmla="*/ 930135 w 1332405"/>
                    <a:gd name="connsiteY78" fmla="*/ 1273863 h 1332617"/>
                    <a:gd name="connsiteX79" fmla="*/ 929257 w 1332405"/>
                    <a:gd name="connsiteY79" fmla="*/ 1278320 h 1332617"/>
                    <a:gd name="connsiteX80" fmla="*/ 1280581 w 1332405"/>
                    <a:gd name="connsiteY80" fmla="*/ 923710 h 1332617"/>
                    <a:gd name="connsiteX81" fmla="*/ 1276156 w 1332405"/>
                    <a:gd name="connsiteY81" fmla="*/ 924588 h 1332617"/>
                    <a:gd name="connsiteX82" fmla="*/ 1273976 w 1332405"/>
                    <a:gd name="connsiteY82" fmla="*/ 919285 h 1332617"/>
                    <a:gd name="connsiteX83" fmla="*/ 1283769 w 1332405"/>
                    <a:gd name="connsiteY83" fmla="*/ 894300 h 1332617"/>
                    <a:gd name="connsiteX84" fmla="*/ 1288974 w 1332405"/>
                    <a:gd name="connsiteY84" fmla="*/ 891893 h 1332617"/>
                    <a:gd name="connsiteX85" fmla="*/ 1291381 w 1332405"/>
                    <a:gd name="connsiteY85" fmla="*/ 897098 h 1332617"/>
                    <a:gd name="connsiteX86" fmla="*/ 1281459 w 1332405"/>
                    <a:gd name="connsiteY86" fmla="*/ 922376 h 1332617"/>
                    <a:gd name="connsiteX87" fmla="*/ 1280581 w 1332405"/>
                    <a:gd name="connsiteY87" fmla="*/ 923677 h 1332617"/>
                    <a:gd name="connsiteX88" fmla="*/ 878733 w 1332405"/>
                    <a:gd name="connsiteY88" fmla="*/ 1297482 h 1332617"/>
                    <a:gd name="connsiteX89" fmla="*/ 877139 w 1332405"/>
                    <a:gd name="connsiteY89" fmla="*/ 1298458 h 1332617"/>
                    <a:gd name="connsiteX90" fmla="*/ 851080 w 1332405"/>
                    <a:gd name="connsiteY90" fmla="*/ 1306526 h 1332617"/>
                    <a:gd name="connsiteX91" fmla="*/ 846037 w 1332405"/>
                    <a:gd name="connsiteY91" fmla="*/ 1303761 h 1332617"/>
                    <a:gd name="connsiteX92" fmla="*/ 848803 w 1332405"/>
                    <a:gd name="connsiteY92" fmla="*/ 1298751 h 1332617"/>
                    <a:gd name="connsiteX93" fmla="*/ 874536 w 1332405"/>
                    <a:gd name="connsiteY93" fmla="*/ 1290780 h 1332617"/>
                    <a:gd name="connsiteX94" fmla="*/ 879676 w 1332405"/>
                    <a:gd name="connsiteY94" fmla="*/ 1293350 h 1332617"/>
                    <a:gd name="connsiteX95" fmla="*/ 878700 w 1332405"/>
                    <a:gd name="connsiteY95" fmla="*/ 1297514 h 1332617"/>
                    <a:gd name="connsiteX96" fmla="*/ 1299157 w 1332405"/>
                    <a:gd name="connsiteY96" fmla="*/ 873284 h 1332617"/>
                    <a:gd name="connsiteX97" fmla="*/ 1295025 w 1332405"/>
                    <a:gd name="connsiteY97" fmla="*/ 874292 h 1332617"/>
                    <a:gd name="connsiteX98" fmla="*/ 1292423 w 1332405"/>
                    <a:gd name="connsiteY98" fmla="*/ 869185 h 1332617"/>
                    <a:gd name="connsiteX99" fmla="*/ 1300166 w 1332405"/>
                    <a:gd name="connsiteY99" fmla="*/ 843484 h 1332617"/>
                    <a:gd name="connsiteX100" fmla="*/ 1305176 w 1332405"/>
                    <a:gd name="connsiteY100" fmla="*/ 840653 h 1332617"/>
                    <a:gd name="connsiteX101" fmla="*/ 1308006 w 1332405"/>
                    <a:gd name="connsiteY101" fmla="*/ 845663 h 1332617"/>
                    <a:gd name="connsiteX102" fmla="*/ 1300166 w 1332405"/>
                    <a:gd name="connsiteY102" fmla="*/ 871690 h 1332617"/>
                    <a:gd name="connsiteX103" fmla="*/ 1299189 w 1332405"/>
                    <a:gd name="connsiteY103" fmla="*/ 873316 h 1332617"/>
                    <a:gd name="connsiteX104" fmla="*/ 826908 w 1332405"/>
                    <a:gd name="connsiteY104" fmla="*/ 1312414 h 1332617"/>
                    <a:gd name="connsiteX105" fmla="*/ 824988 w 1332405"/>
                    <a:gd name="connsiteY105" fmla="*/ 1313488 h 1332617"/>
                    <a:gd name="connsiteX106" fmla="*/ 798376 w 1332405"/>
                    <a:gd name="connsiteY106" fmla="*/ 1319409 h 1332617"/>
                    <a:gd name="connsiteX107" fmla="*/ 793594 w 1332405"/>
                    <a:gd name="connsiteY107" fmla="*/ 1316221 h 1332617"/>
                    <a:gd name="connsiteX108" fmla="*/ 796782 w 1332405"/>
                    <a:gd name="connsiteY108" fmla="*/ 1311438 h 1332617"/>
                    <a:gd name="connsiteX109" fmla="*/ 823069 w 1332405"/>
                    <a:gd name="connsiteY109" fmla="*/ 1305583 h 1332617"/>
                    <a:gd name="connsiteX110" fmla="*/ 827981 w 1332405"/>
                    <a:gd name="connsiteY110" fmla="*/ 1308576 h 1332617"/>
                    <a:gd name="connsiteX111" fmla="*/ 826908 w 1332405"/>
                    <a:gd name="connsiteY111" fmla="*/ 1312414 h 1332617"/>
                    <a:gd name="connsiteX112" fmla="*/ 1313602 w 1332405"/>
                    <a:gd name="connsiteY112" fmla="*/ 821491 h 1332617"/>
                    <a:gd name="connsiteX113" fmla="*/ 1309795 w 1332405"/>
                    <a:gd name="connsiteY113" fmla="*/ 822565 h 1332617"/>
                    <a:gd name="connsiteX114" fmla="*/ 1306770 w 1332405"/>
                    <a:gd name="connsiteY114" fmla="*/ 817685 h 1332617"/>
                    <a:gd name="connsiteX115" fmla="*/ 1312398 w 1332405"/>
                    <a:gd name="connsiteY115" fmla="*/ 791398 h 1332617"/>
                    <a:gd name="connsiteX116" fmla="*/ 1317148 w 1332405"/>
                    <a:gd name="connsiteY116" fmla="*/ 788177 h 1332617"/>
                    <a:gd name="connsiteX117" fmla="*/ 1320368 w 1332405"/>
                    <a:gd name="connsiteY117" fmla="*/ 792927 h 1332617"/>
                    <a:gd name="connsiteX118" fmla="*/ 1314675 w 1332405"/>
                    <a:gd name="connsiteY118" fmla="*/ 819539 h 1332617"/>
                    <a:gd name="connsiteX119" fmla="*/ 1313602 w 1332405"/>
                    <a:gd name="connsiteY119" fmla="*/ 821491 h 1332617"/>
                    <a:gd name="connsiteX120" fmla="*/ 774042 w 1332405"/>
                    <a:gd name="connsiteY120" fmla="*/ 1323085 h 1332617"/>
                    <a:gd name="connsiteX121" fmla="*/ 771797 w 1332405"/>
                    <a:gd name="connsiteY121" fmla="*/ 1324224 h 1332617"/>
                    <a:gd name="connsiteX122" fmla="*/ 744795 w 1332405"/>
                    <a:gd name="connsiteY122" fmla="*/ 1327965 h 1332617"/>
                    <a:gd name="connsiteX123" fmla="*/ 740273 w 1332405"/>
                    <a:gd name="connsiteY123" fmla="*/ 1324419 h 1332617"/>
                    <a:gd name="connsiteX124" fmla="*/ 743819 w 1332405"/>
                    <a:gd name="connsiteY124" fmla="*/ 1319897 h 1332617"/>
                    <a:gd name="connsiteX125" fmla="*/ 770495 w 1332405"/>
                    <a:gd name="connsiteY125" fmla="*/ 1316188 h 1332617"/>
                    <a:gd name="connsiteX126" fmla="*/ 775148 w 1332405"/>
                    <a:gd name="connsiteY126" fmla="*/ 1319572 h 1332617"/>
                    <a:gd name="connsiteX127" fmla="*/ 774009 w 1332405"/>
                    <a:gd name="connsiteY127" fmla="*/ 1323085 h 1332617"/>
                    <a:gd name="connsiteX128" fmla="*/ 1323785 w 1332405"/>
                    <a:gd name="connsiteY128" fmla="*/ 768690 h 1332617"/>
                    <a:gd name="connsiteX129" fmla="*/ 1320303 w 1332405"/>
                    <a:gd name="connsiteY129" fmla="*/ 769829 h 1332617"/>
                    <a:gd name="connsiteX130" fmla="*/ 1316888 w 1332405"/>
                    <a:gd name="connsiteY130" fmla="*/ 765209 h 1332617"/>
                    <a:gd name="connsiteX131" fmla="*/ 1320368 w 1332405"/>
                    <a:gd name="connsiteY131" fmla="*/ 738565 h 1332617"/>
                    <a:gd name="connsiteX132" fmla="*/ 1324858 w 1332405"/>
                    <a:gd name="connsiteY132" fmla="*/ 734986 h 1332617"/>
                    <a:gd name="connsiteX133" fmla="*/ 1328437 w 1332405"/>
                    <a:gd name="connsiteY133" fmla="*/ 739475 h 1332617"/>
                    <a:gd name="connsiteX134" fmla="*/ 1324923 w 1332405"/>
                    <a:gd name="connsiteY134" fmla="*/ 766445 h 1332617"/>
                    <a:gd name="connsiteX135" fmla="*/ 1323785 w 1332405"/>
                    <a:gd name="connsiteY135" fmla="*/ 768723 h 1332617"/>
                    <a:gd name="connsiteX136" fmla="*/ 720525 w 1332405"/>
                    <a:gd name="connsiteY136" fmla="*/ 1329429 h 1332617"/>
                    <a:gd name="connsiteX137" fmla="*/ 717955 w 1332405"/>
                    <a:gd name="connsiteY137" fmla="*/ 1330600 h 1332617"/>
                    <a:gd name="connsiteX138" fmla="*/ 690757 w 1332405"/>
                    <a:gd name="connsiteY138" fmla="*/ 1332162 h 1332617"/>
                    <a:gd name="connsiteX139" fmla="*/ 686561 w 1332405"/>
                    <a:gd name="connsiteY139" fmla="*/ 1328258 h 1332617"/>
                    <a:gd name="connsiteX140" fmla="*/ 690464 w 1332405"/>
                    <a:gd name="connsiteY140" fmla="*/ 1324061 h 1332617"/>
                    <a:gd name="connsiteX141" fmla="*/ 717337 w 1332405"/>
                    <a:gd name="connsiteY141" fmla="*/ 1322532 h 1332617"/>
                    <a:gd name="connsiteX142" fmla="*/ 721696 w 1332405"/>
                    <a:gd name="connsiteY142" fmla="*/ 1326273 h 1332617"/>
                    <a:gd name="connsiteX143" fmla="*/ 720525 w 1332405"/>
                    <a:gd name="connsiteY143" fmla="*/ 1329462 h 1332617"/>
                    <a:gd name="connsiteX144" fmla="*/ 1329673 w 1332405"/>
                    <a:gd name="connsiteY144" fmla="*/ 715173 h 1332617"/>
                    <a:gd name="connsiteX145" fmla="*/ 1326517 w 1332405"/>
                    <a:gd name="connsiteY145" fmla="*/ 716345 h 1332617"/>
                    <a:gd name="connsiteX146" fmla="*/ 1322743 w 1332405"/>
                    <a:gd name="connsiteY146" fmla="*/ 712018 h 1332617"/>
                    <a:gd name="connsiteX147" fmla="*/ 1324045 w 1332405"/>
                    <a:gd name="connsiteY147" fmla="*/ 685145 h 1332617"/>
                    <a:gd name="connsiteX148" fmla="*/ 1328209 w 1332405"/>
                    <a:gd name="connsiteY148" fmla="*/ 681209 h 1332617"/>
                    <a:gd name="connsiteX149" fmla="*/ 1332145 w 1332405"/>
                    <a:gd name="connsiteY149" fmla="*/ 685373 h 1332617"/>
                    <a:gd name="connsiteX150" fmla="*/ 1330811 w 1332405"/>
                    <a:gd name="connsiteY150" fmla="*/ 712571 h 1332617"/>
                    <a:gd name="connsiteX151" fmla="*/ 1329640 w 1332405"/>
                    <a:gd name="connsiteY151" fmla="*/ 715173 h 1332617"/>
                    <a:gd name="connsiteX152" fmla="*/ 666715 w 1332405"/>
                    <a:gd name="connsiteY152" fmla="*/ 1331414 h 1332617"/>
                    <a:gd name="connsiteX153" fmla="*/ 663820 w 1332405"/>
                    <a:gd name="connsiteY153" fmla="*/ 1332617 h 1332617"/>
                    <a:gd name="connsiteX154" fmla="*/ 636590 w 1332405"/>
                    <a:gd name="connsiteY154" fmla="*/ 1331967 h 1332617"/>
                    <a:gd name="connsiteX155" fmla="*/ 632718 w 1332405"/>
                    <a:gd name="connsiteY155" fmla="*/ 1327738 h 1332617"/>
                    <a:gd name="connsiteX156" fmla="*/ 636948 w 1332405"/>
                    <a:gd name="connsiteY156" fmla="*/ 1323866 h 1332617"/>
                    <a:gd name="connsiteX157" fmla="*/ 663853 w 1332405"/>
                    <a:gd name="connsiteY157" fmla="*/ 1324517 h 1332617"/>
                    <a:gd name="connsiteX158" fmla="*/ 667887 w 1332405"/>
                    <a:gd name="connsiteY158" fmla="*/ 1328583 h 1332617"/>
                    <a:gd name="connsiteX159" fmla="*/ 666683 w 1332405"/>
                    <a:gd name="connsiteY159" fmla="*/ 1331446 h 1332617"/>
                    <a:gd name="connsiteX160" fmla="*/ 1331234 w 1332405"/>
                    <a:gd name="connsiteY160" fmla="*/ 661331 h 1332617"/>
                    <a:gd name="connsiteX161" fmla="*/ 1328404 w 1332405"/>
                    <a:gd name="connsiteY161" fmla="*/ 662535 h 1332617"/>
                    <a:gd name="connsiteX162" fmla="*/ 1324305 w 1332405"/>
                    <a:gd name="connsiteY162" fmla="*/ 658533 h 1332617"/>
                    <a:gd name="connsiteX163" fmla="*/ 1323427 w 1332405"/>
                    <a:gd name="connsiteY163" fmla="*/ 631629 h 1332617"/>
                    <a:gd name="connsiteX164" fmla="*/ 1327265 w 1332405"/>
                    <a:gd name="connsiteY164" fmla="*/ 627367 h 1332617"/>
                    <a:gd name="connsiteX165" fmla="*/ 1331527 w 1332405"/>
                    <a:gd name="connsiteY165" fmla="*/ 631206 h 1332617"/>
                    <a:gd name="connsiteX166" fmla="*/ 1332406 w 1332405"/>
                    <a:gd name="connsiteY166" fmla="*/ 658436 h 1332617"/>
                    <a:gd name="connsiteX167" fmla="*/ 1331202 w 1332405"/>
                    <a:gd name="connsiteY167" fmla="*/ 661364 h 1332617"/>
                    <a:gd name="connsiteX168" fmla="*/ 612938 w 1332405"/>
                    <a:gd name="connsiteY168" fmla="*/ 1329039 h 1332617"/>
                    <a:gd name="connsiteX169" fmla="*/ 609718 w 1332405"/>
                    <a:gd name="connsiteY169" fmla="*/ 1330210 h 1332617"/>
                    <a:gd name="connsiteX170" fmla="*/ 582650 w 1332405"/>
                    <a:gd name="connsiteY170" fmla="*/ 1327380 h 1332617"/>
                    <a:gd name="connsiteX171" fmla="*/ 579136 w 1332405"/>
                    <a:gd name="connsiteY171" fmla="*/ 1322858 h 1332617"/>
                    <a:gd name="connsiteX172" fmla="*/ 583659 w 1332405"/>
                    <a:gd name="connsiteY172" fmla="*/ 1319344 h 1332617"/>
                    <a:gd name="connsiteX173" fmla="*/ 610401 w 1332405"/>
                    <a:gd name="connsiteY173" fmla="*/ 1322142 h 1332617"/>
                    <a:gd name="connsiteX174" fmla="*/ 614109 w 1332405"/>
                    <a:gd name="connsiteY174" fmla="*/ 1326534 h 1332617"/>
                    <a:gd name="connsiteX175" fmla="*/ 612938 w 1332405"/>
                    <a:gd name="connsiteY175" fmla="*/ 1329071 h 1332617"/>
                    <a:gd name="connsiteX176" fmla="*/ 1328437 w 1332405"/>
                    <a:gd name="connsiteY176" fmla="*/ 607554 h 1332617"/>
                    <a:gd name="connsiteX177" fmla="*/ 1325932 w 1332405"/>
                    <a:gd name="connsiteY177" fmla="*/ 608725 h 1332617"/>
                    <a:gd name="connsiteX178" fmla="*/ 1321507 w 1332405"/>
                    <a:gd name="connsiteY178" fmla="*/ 605049 h 1332617"/>
                    <a:gd name="connsiteX179" fmla="*/ 1318482 w 1332405"/>
                    <a:gd name="connsiteY179" fmla="*/ 578307 h 1332617"/>
                    <a:gd name="connsiteX180" fmla="*/ 1321963 w 1332405"/>
                    <a:gd name="connsiteY180" fmla="*/ 573752 h 1332617"/>
                    <a:gd name="connsiteX181" fmla="*/ 1326517 w 1332405"/>
                    <a:gd name="connsiteY181" fmla="*/ 577233 h 1332617"/>
                    <a:gd name="connsiteX182" fmla="*/ 1329576 w 1332405"/>
                    <a:gd name="connsiteY182" fmla="*/ 604301 h 1332617"/>
                    <a:gd name="connsiteX183" fmla="*/ 1328404 w 1332405"/>
                    <a:gd name="connsiteY183" fmla="*/ 607554 h 1332617"/>
                    <a:gd name="connsiteX184" fmla="*/ 559552 w 1332405"/>
                    <a:gd name="connsiteY184" fmla="*/ 1322337 h 1332617"/>
                    <a:gd name="connsiteX185" fmla="*/ 556006 w 1332405"/>
                    <a:gd name="connsiteY185" fmla="*/ 1323476 h 1332617"/>
                    <a:gd name="connsiteX186" fmla="*/ 529264 w 1332405"/>
                    <a:gd name="connsiteY186" fmla="*/ 1318466 h 1332617"/>
                    <a:gd name="connsiteX187" fmla="*/ 526107 w 1332405"/>
                    <a:gd name="connsiteY187" fmla="*/ 1313651 h 1332617"/>
                    <a:gd name="connsiteX188" fmla="*/ 530922 w 1332405"/>
                    <a:gd name="connsiteY188" fmla="*/ 1310495 h 1332617"/>
                    <a:gd name="connsiteX189" fmla="*/ 557339 w 1332405"/>
                    <a:gd name="connsiteY189" fmla="*/ 1315440 h 1332617"/>
                    <a:gd name="connsiteX190" fmla="*/ 560690 w 1332405"/>
                    <a:gd name="connsiteY190" fmla="*/ 1320125 h 1332617"/>
                    <a:gd name="connsiteX191" fmla="*/ 559552 w 1332405"/>
                    <a:gd name="connsiteY191" fmla="*/ 1322337 h 1332617"/>
                    <a:gd name="connsiteX192" fmla="*/ 1321280 w 1332405"/>
                    <a:gd name="connsiteY192" fmla="*/ 554135 h 1332617"/>
                    <a:gd name="connsiteX193" fmla="*/ 1319100 w 1332405"/>
                    <a:gd name="connsiteY193" fmla="*/ 555274 h 1332617"/>
                    <a:gd name="connsiteX194" fmla="*/ 1314383 w 1332405"/>
                    <a:gd name="connsiteY194" fmla="*/ 551988 h 1332617"/>
                    <a:gd name="connsiteX195" fmla="*/ 1309177 w 1332405"/>
                    <a:gd name="connsiteY195" fmla="*/ 525571 h 1332617"/>
                    <a:gd name="connsiteX196" fmla="*/ 1312268 w 1332405"/>
                    <a:gd name="connsiteY196" fmla="*/ 520723 h 1332617"/>
                    <a:gd name="connsiteX197" fmla="*/ 1317115 w 1332405"/>
                    <a:gd name="connsiteY197" fmla="*/ 523814 h 1332617"/>
                    <a:gd name="connsiteX198" fmla="*/ 1322386 w 1332405"/>
                    <a:gd name="connsiteY198" fmla="*/ 550556 h 1332617"/>
                    <a:gd name="connsiteX199" fmla="*/ 1321247 w 1332405"/>
                    <a:gd name="connsiteY199" fmla="*/ 554135 h 1332617"/>
                    <a:gd name="connsiteX200" fmla="*/ 506881 w 1332405"/>
                    <a:gd name="connsiteY200" fmla="*/ 1311341 h 1332617"/>
                    <a:gd name="connsiteX201" fmla="*/ 503009 w 1332405"/>
                    <a:gd name="connsiteY201" fmla="*/ 1312414 h 1332617"/>
                    <a:gd name="connsiteX202" fmla="*/ 476788 w 1332405"/>
                    <a:gd name="connsiteY202" fmla="*/ 1305257 h 1332617"/>
                    <a:gd name="connsiteX203" fmla="*/ 474055 w 1332405"/>
                    <a:gd name="connsiteY203" fmla="*/ 1300215 h 1332617"/>
                    <a:gd name="connsiteX204" fmla="*/ 479097 w 1332405"/>
                    <a:gd name="connsiteY204" fmla="*/ 1297482 h 1332617"/>
                    <a:gd name="connsiteX205" fmla="*/ 504994 w 1332405"/>
                    <a:gd name="connsiteY205" fmla="*/ 1304574 h 1332617"/>
                    <a:gd name="connsiteX206" fmla="*/ 507954 w 1332405"/>
                    <a:gd name="connsiteY206" fmla="*/ 1309519 h 1332617"/>
                    <a:gd name="connsiteX207" fmla="*/ 506881 w 1332405"/>
                    <a:gd name="connsiteY207" fmla="*/ 1311406 h 1332617"/>
                    <a:gd name="connsiteX208" fmla="*/ 1309795 w 1332405"/>
                    <a:gd name="connsiteY208" fmla="*/ 501431 h 1332617"/>
                    <a:gd name="connsiteX209" fmla="*/ 1307941 w 1332405"/>
                    <a:gd name="connsiteY209" fmla="*/ 502472 h 1332617"/>
                    <a:gd name="connsiteX210" fmla="*/ 1302996 w 1332405"/>
                    <a:gd name="connsiteY210" fmla="*/ 499577 h 1332617"/>
                    <a:gd name="connsiteX211" fmla="*/ 1295676 w 1332405"/>
                    <a:gd name="connsiteY211" fmla="*/ 473648 h 1332617"/>
                    <a:gd name="connsiteX212" fmla="*/ 1298376 w 1332405"/>
                    <a:gd name="connsiteY212" fmla="*/ 468573 h 1332617"/>
                    <a:gd name="connsiteX213" fmla="*/ 1303451 w 1332405"/>
                    <a:gd name="connsiteY213" fmla="*/ 471273 h 1332617"/>
                    <a:gd name="connsiteX214" fmla="*/ 1310869 w 1332405"/>
                    <a:gd name="connsiteY214" fmla="*/ 497527 h 1332617"/>
                    <a:gd name="connsiteX215" fmla="*/ 1309795 w 1332405"/>
                    <a:gd name="connsiteY215" fmla="*/ 501431 h 1332617"/>
                    <a:gd name="connsiteX216" fmla="*/ 455316 w 1332405"/>
                    <a:gd name="connsiteY216" fmla="*/ 1296116 h 1332617"/>
                    <a:gd name="connsiteX217" fmla="*/ 451119 w 1332405"/>
                    <a:gd name="connsiteY217" fmla="*/ 1297091 h 1332617"/>
                    <a:gd name="connsiteX218" fmla="*/ 425580 w 1332405"/>
                    <a:gd name="connsiteY218" fmla="*/ 1287819 h 1332617"/>
                    <a:gd name="connsiteX219" fmla="*/ 423238 w 1332405"/>
                    <a:gd name="connsiteY219" fmla="*/ 1282582 h 1332617"/>
                    <a:gd name="connsiteX220" fmla="*/ 428476 w 1332405"/>
                    <a:gd name="connsiteY220" fmla="*/ 1280272 h 1332617"/>
                    <a:gd name="connsiteX221" fmla="*/ 453689 w 1332405"/>
                    <a:gd name="connsiteY221" fmla="*/ 1289446 h 1332617"/>
                    <a:gd name="connsiteX222" fmla="*/ 456227 w 1332405"/>
                    <a:gd name="connsiteY222" fmla="*/ 1294586 h 1332617"/>
                    <a:gd name="connsiteX223" fmla="*/ 455251 w 1332405"/>
                    <a:gd name="connsiteY223" fmla="*/ 1296148 h 1332617"/>
                    <a:gd name="connsiteX224" fmla="*/ 1294049 w 1332405"/>
                    <a:gd name="connsiteY224" fmla="*/ 449834 h 1332617"/>
                    <a:gd name="connsiteX225" fmla="*/ 1292520 w 1332405"/>
                    <a:gd name="connsiteY225" fmla="*/ 450777 h 1332617"/>
                    <a:gd name="connsiteX226" fmla="*/ 1287347 w 1332405"/>
                    <a:gd name="connsiteY226" fmla="*/ 448272 h 1332617"/>
                    <a:gd name="connsiteX227" fmla="*/ 1277913 w 1332405"/>
                    <a:gd name="connsiteY227" fmla="*/ 423027 h 1332617"/>
                    <a:gd name="connsiteX228" fmla="*/ 1280190 w 1332405"/>
                    <a:gd name="connsiteY228" fmla="*/ 417756 h 1332617"/>
                    <a:gd name="connsiteX229" fmla="*/ 1285461 w 1332405"/>
                    <a:gd name="connsiteY229" fmla="*/ 420034 h 1332617"/>
                    <a:gd name="connsiteX230" fmla="*/ 1294993 w 1332405"/>
                    <a:gd name="connsiteY230" fmla="*/ 445605 h 1332617"/>
                    <a:gd name="connsiteX231" fmla="*/ 1294017 w 1332405"/>
                    <a:gd name="connsiteY231" fmla="*/ 449834 h 1332617"/>
                    <a:gd name="connsiteX232" fmla="*/ 405183 w 1332405"/>
                    <a:gd name="connsiteY232" fmla="*/ 1276758 h 1332617"/>
                    <a:gd name="connsiteX233" fmla="*/ 400693 w 1332405"/>
                    <a:gd name="connsiteY233" fmla="*/ 1277604 h 1332617"/>
                    <a:gd name="connsiteX234" fmla="*/ 375935 w 1332405"/>
                    <a:gd name="connsiteY234" fmla="*/ 1266250 h 1332617"/>
                    <a:gd name="connsiteX235" fmla="*/ 374048 w 1332405"/>
                    <a:gd name="connsiteY235" fmla="*/ 1260817 h 1332617"/>
                    <a:gd name="connsiteX236" fmla="*/ 379481 w 1332405"/>
                    <a:gd name="connsiteY236" fmla="*/ 1258930 h 1332617"/>
                    <a:gd name="connsiteX237" fmla="*/ 403946 w 1332405"/>
                    <a:gd name="connsiteY237" fmla="*/ 1270154 h 1332617"/>
                    <a:gd name="connsiteX238" fmla="*/ 406061 w 1332405"/>
                    <a:gd name="connsiteY238" fmla="*/ 1275489 h 1332617"/>
                    <a:gd name="connsiteX239" fmla="*/ 405215 w 1332405"/>
                    <a:gd name="connsiteY239" fmla="*/ 1276758 h 1332617"/>
                    <a:gd name="connsiteX240" fmla="*/ 1274139 w 1332405"/>
                    <a:gd name="connsiteY240" fmla="*/ 399668 h 1332617"/>
                    <a:gd name="connsiteX241" fmla="*/ 1272936 w 1332405"/>
                    <a:gd name="connsiteY241" fmla="*/ 400514 h 1332617"/>
                    <a:gd name="connsiteX242" fmla="*/ 1267567 w 1332405"/>
                    <a:gd name="connsiteY242" fmla="*/ 398464 h 1332617"/>
                    <a:gd name="connsiteX243" fmla="*/ 1256083 w 1332405"/>
                    <a:gd name="connsiteY243" fmla="*/ 374065 h 1332617"/>
                    <a:gd name="connsiteX244" fmla="*/ 1257905 w 1332405"/>
                    <a:gd name="connsiteY244" fmla="*/ 368632 h 1332617"/>
                    <a:gd name="connsiteX245" fmla="*/ 1263338 w 1332405"/>
                    <a:gd name="connsiteY245" fmla="*/ 370453 h 1332617"/>
                    <a:gd name="connsiteX246" fmla="*/ 1274953 w 1332405"/>
                    <a:gd name="connsiteY246" fmla="*/ 395179 h 1332617"/>
                    <a:gd name="connsiteX247" fmla="*/ 1274107 w 1332405"/>
                    <a:gd name="connsiteY247" fmla="*/ 399701 h 1332617"/>
                    <a:gd name="connsiteX248" fmla="*/ 356708 w 1332405"/>
                    <a:gd name="connsiteY248" fmla="*/ 1253302 h 1332617"/>
                    <a:gd name="connsiteX249" fmla="*/ 351926 w 1332405"/>
                    <a:gd name="connsiteY249" fmla="*/ 1254018 h 1332617"/>
                    <a:gd name="connsiteX250" fmla="*/ 328177 w 1332405"/>
                    <a:gd name="connsiteY250" fmla="*/ 1240679 h 1332617"/>
                    <a:gd name="connsiteX251" fmla="*/ 326745 w 1332405"/>
                    <a:gd name="connsiteY251" fmla="*/ 1235116 h 1332617"/>
                    <a:gd name="connsiteX252" fmla="*/ 332309 w 1332405"/>
                    <a:gd name="connsiteY252" fmla="*/ 1233685 h 1332617"/>
                    <a:gd name="connsiteX253" fmla="*/ 355765 w 1332405"/>
                    <a:gd name="connsiteY253" fmla="*/ 1246860 h 1332617"/>
                    <a:gd name="connsiteX254" fmla="*/ 357424 w 1332405"/>
                    <a:gd name="connsiteY254" fmla="*/ 1252359 h 1332617"/>
                    <a:gd name="connsiteX255" fmla="*/ 356708 w 1332405"/>
                    <a:gd name="connsiteY255" fmla="*/ 1253302 h 1332617"/>
                    <a:gd name="connsiteX256" fmla="*/ 1250228 w 1332405"/>
                    <a:gd name="connsiteY256" fmla="*/ 351324 h 1332617"/>
                    <a:gd name="connsiteX257" fmla="*/ 1249317 w 1332405"/>
                    <a:gd name="connsiteY257" fmla="*/ 352007 h 1332617"/>
                    <a:gd name="connsiteX258" fmla="*/ 1243818 w 1332405"/>
                    <a:gd name="connsiteY258" fmla="*/ 350381 h 1332617"/>
                    <a:gd name="connsiteX259" fmla="*/ 1230415 w 1332405"/>
                    <a:gd name="connsiteY259" fmla="*/ 327054 h 1332617"/>
                    <a:gd name="connsiteX260" fmla="*/ 1231814 w 1332405"/>
                    <a:gd name="connsiteY260" fmla="*/ 321491 h 1332617"/>
                    <a:gd name="connsiteX261" fmla="*/ 1237377 w 1332405"/>
                    <a:gd name="connsiteY261" fmla="*/ 322890 h 1332617"/>
                    <a:gd name="connsiteX262" fmla="*/ 1250943 w 1332405"/>
                    <a:gd name="connsiteY262" fmla="*/ 346509 h 1332617"/>
                    <a:gd name="connsiteX263" fmla="*/ 1250260 w 1332405"/>
                    <a:gd name="connsiteY263" fmla="*/ 351324 h 1332617"/>
                    <a:gd name="connsiteX264" fmla="*/ 310316 w 1332405"/>
                    <a:gd name="connsiteY264" fmla="*/ 1225942 h 1332617"/>
                    <a:gd name="connsiteX265" fmla="*/ 305241 w 1332405"/>
                    <a:gd name="connsiteY265" fmla="*/ 1226462 h 1332617"/>
                    <a:gd name="connsiteX266" fmla="*/ 282663 w 1332405"/>
                    <a:gd name="connsiteY266" fmla="*/ 1211237 h 1332617"/>
                    <a:gd name="connsiteX267" fmla="*/ 281687 w 1332405"/>
                    <a:gd name="connsiteY267" fmla="*/ 1205576 h 1332617"/>
                    <a:gd name="connsiteX268" fmla="*/ 287348 w 1332405"/>
                    <a:gd name="connsiteY268" fmla="*/ 1204600 h 1332617"/>
                    <a:gd name="connsiteX269" fmla="*/ 309633 w 1332405"/>
                    <a:gd name="connsiteY269" fmla="*/ 1219663 h 1332617"/>
                    <a:gd name="connsiteX270" fmla="*/ 310837 w 1332405"/>
                    <a:gd name="connsiteY270" fmla="*/ 1225291 h 1332617"/>
                    <a:gd name="connsiteX271" fmla="*/ 310284 w 1332405"/>
                    <a:gd name="connsiteY271" fmla="*/ 1225974 h 1332617"/>
                    <a:gd name="connsiteX272" fmla="*/ 1222444 w 1332405"/>
                    <a:gd name="connsiteY272" fmla="*/ 305160 h 1332617"/>
                    <a:gd name="connsiteX273" fmla="*/ 1221794 w 1332405"/>
                    <a:gd name="connsiteY273" fmla="*/ 305680 h 1332617"/>
                    <a:gd name="connsiteX274" fmla="*/ 1216165 w 1332405"/>
                    <a:gd name="connsiteY274" fmla="*/ 304509 h 1332617"/>
                    <a:gd name="connsiteX275" fmla="*/ 1200907 w 1332405"/>
                    <a:gd name="connsiteY275" fmla="*/ 282354 h 1332617"/>
                    <a:gd name="connsiteX276" fmla="*/ 1201818 w 1332405"/>
                    <a:gd name="connsiteY276" fmla="*/ 276693 h 1332617"/>
                    <a:gd name="connsiteX277" fmla="*/ 1207479 w 1332405"/>
                    <a:gd name="connsiteY277" fmla="*/ 277604 h 1332617"/>
                    <a:gd name="connsiteX278" fmla="*/ 1222932 w 1332405"/>
                    <a:gd name="connsiteY278" fmla="*/ 300019 h 1332617"/>
                    <a:gd name="connsiteX279" fmla="*/ 1222412 w 1332405"/>
                    <a:gd name="connsiteY279" fmla="*/ 305127 h 1332617"/>
                    <a:gd name="connsiteX280" fmla="*/ 266299 w 1332405"/>
                    <a:gd name="connsiteY280" fmla="*/ 1194905 h 1332617"/>
                    <a:gd name="connsiteX281" fmla="*/ 260963 w 1332405"/>
                    <a:gd name="connsiteY281" fmla="*/ 1195263 h 1332617"/>
                    <a:gd name="connsiteX282" fmla="*/ 239720 w 1332405"/>
                    <a:gd name="connsiteY282" fmla="*/ 1178248 h 1332617"/>
                    <a:gd name="connsiteX283" fmla="*/ 239199 w 1332405"/>
                    <a:gd name="connsiteY283" fmla="*/ 1172522 h 1332617"/>
                    <a:gd name="connsiteX284" fmla="*/ 244925 w 1332405"/>
                    <a:gd name="connsiteY284" fmla="*/ 1172002 h 1332617"/>
                    <a:gd name="connsiteX285" fmla="*/ 265909 w 1332405"/>
                    <a:gd name="connsiteY285" fmla="*/ 1188821 h 1332617"/>
                    <a:gd name="connsiteX286" fmla="*/ 266657 w 1332405"/>
                    <a:gd name="connsiteY286" fmla="*/ 1194515 h 1332617"/>
                    <a:gd name="connsiteX287" fmla="*/ 266299 w 1332405"/>
                    <a:gd name="connsiteY287" fmla="*/ 1194905 h 1332617"/>
                    <a:gd name="connsiteX288" fmla="*/ 1190985 w 1332405"/>
                    <a:gd name="connsiteY288" fmla="*/ 261435 h 1332617"/>
                    <a:gd name="connsiteX289" fmla="*/ 1190627 w 1332405"/>
                    <a:gd name="connsiteY289" fmla="*/ 261761 h 1332617"/>
                    <a:gd name="connsiteX290" fmla="*/ 1184934 w 1332405"/>
                    <a:gd name="connsiteY290" fmla="*/ 261077 h 1332617"/>
                    <a:gd name="connsiteX291" fmla="*/ 1167919 w 1332405"/>
                    <a:gd name="connsiteY291" fmla="*/ 240256 h 1332617"/>
                    <a:gd name="connsiteX292" fmla="*/ 1168374 w 1332405"/>
                    <a:gd name="connsiteY292" fmla="*/ 234531 h 1332617"/>
                    <a:gd name="connsiteX293" fmla="*/ 1174100 w 1332405"/>
                    <a:gd name="connsiteY293" fmla="*/ 234986 h 1332617"/>
                    <a:gd name="connsiteX294" fmla="*/ 1191310 w 1332405"/>
                    <a:gd name="connsiteY294" fmla="*/ 256067 h 1332617"/>
                    <a:gd name="connsiteX295" fmla="*/ 1190985 w 1332405"/>
                    <a:gd name="connsiteY295" fmla="*/ 261435 h 1332617"/>
                    <a:gd name="connsiteX296" fmla="*/ 224950 w 1332405"/>
                    <a:gd name="connsiteY296" fmla="*/ 1160388 h 1332617"/>
                    <a:gd name="connsiteX297" fmla="*/ 219354 w 1332405"/>
                    <a:gd name="connsiteY297" fmla="*/ 1160518 h 1332617"/>
                    <a:gd name="connsiteX298" fmla="*/ 199541 w 1332405"/>
                    <a:gd name="connsiteY298" fmla="*/ 1141844 h 1332617"/>
                    <a:gd name="connsiteX299" fmla="*/ 199476 w 1332405"/>
                    <a:gd name="connsiteY299" fmla="*/ 1136086 h 1332617"/>
                    <a:gd name="connsiteX300" fmla="*/ 205234 w 1332405"/>
                    <a:gd name="connsiteY300" fmla="*/ 1136020 h 1332617"/>
                    <a:gd name="connsiteX301" fmla="*/ 224819 w 1332405"/>
                    <a:gd name="connsiteY301" fmla="*/ 1154467 h 1332617"/>
                    <a:gd name="connsiteX302" fmla="*/ 225112 w 1332405"/>
                    <a:gd name="connsiteY302" fmla="*/ 1160192 h 1332617"/>
                    <a:gd name="connsiteX303" fmla="*/ 224982 w 1332405"/>
                    <a:gd name="connsiteY303" fmla="*/ 1160355 h 1332617"/>
                    <a:gd name="connsiteX304" fmla="*/ 1156077 w 1332405"/>
                    <a:gd name="connsiteY304" fmla="*/ 220411 h 1332617"/>
                    <a:gd name="connsiteX305" fmla="*/ 1155947 w 1332405"/>
                    <a:gd name="connsiteY305" fmla="*/ 220541 h 1332617"/>
                    <a:gd name="connsiteX306" fmla="*/ 1150221 w 1332405"/>
                    <a:gd name="connsiteY306" fmla="*/ 220314 h 1332617"/>
                    <a:gd name="connsiteX307" fmla="*/ 1131579 w 1332405"/>
                    <a:gd name="connsiteY307" fmla="*/ 200924 h 1332617"/>
                    <a:gd name="connsiteX308" fmla="*/ 1122503 w 1332405"/>
                    <a:gd name="connsiteY308" fmla="*/ 192010 h 1332617"/>
                    <a:gd name="connsiteX309" fmla="*/ 1122405 w 1332405"/>
                    <a:gd name="connsiteY309" fmla="*/ 186252 h 1332617"/>
                    <a:gd name="connsiteX310" fmla="*/ 1128164 w 1332405"/>
                    <a:gd name="connsiteY310" fmla="*/ 186154 h 1332617"/>
                    <a:gd name="connsiteX311" fmla="*/ 1137370 w 1332405"/>
                    <a:gd name="connsiteY311" fmla="*/ 195166 h 1332617"/>
                    <a:gd name="connsiteX312" fmla="*/ 1156240 w 1332405"/>
                    <a:gd name="connsiteY312" fmla="*/ 214783 h 1332617"/>
                    <a:gd name="connsiteX313" fmla="*/ 1156142 w 1332405"/>
                    <a:gd name="connsiteY313" fmla="*/ 220411 h 1332617"/>
                    <a:gd name="connsiteX314" fmla="*/ 186495 w 1332405"/>
                    <a:gd name="connsiteY314" fmla="*/ 1122649 h 1332617"/>
                    <a:gd name="connsiteX315" fmla="*/ 186398 w 1332405"/>
                    <a:gd name="connsiteY315" fmla="*/ 1122747 h 1332617"/>
                    <a:gd name="connsiteX316" fmla="*/ 180672 w 1332405"/>
                    <a:gd name="connsiteY316" fmla="*/ 1122584 h 1332617"/>
                    <a:gd name="connsiteX317" fmla="*/ 162421 w 1332405"/>
                    <a:gd name="connsiteY317" fmla="*/ 1102381 h 1332617"/>
                    <a:gd name="connsiteX318" fmla="*/ 162812 w 1332405"/>
                    <a:gd name="connsiteY318" fmla="*/ 1096656 h 1332617"/>
                    <a:gd name="connsiteX319" fmla="*/ 168537 w 1332405"/>
                    <a:gd name="connsiteY319" fmla="*/ 1097046 h 1332617"/>
                    <a:gd name="connsiteX320" fmla="*/ 186560 w 1332405"/>
                    <a:gd name="connsiteY320" fmla="*/ 1117021 h 1332617"/>
                    <a:gd name="connsiteX321" fmla="*/ 186463 w 1332405"/>
                    <a:gd name="connsiteY321" fmla="*/ 1122682 h 1332617"/>
                    <a:gd name="connsiteX322" fmla="*/ 1108514 w 1332405"/>
                    <a:gd name="connsiteY322" fmla="*/ 173726 h 1332617"/>
                    <a:gd name="connsiteX323" fmla="*/ 1102951 w 1332405"/>
                    <a:gd name="connsiteY323" fmla="*/ 173889 h 1332617"/>
                    <a:gd name="connsiteX324" fmla="*/ 1082487 w 1332405"/>
                    <a:gd name="connsiteY324" fmla="*/ 156451 h 1332617"/>
                    <a:gd name="connsiteX325" fmla="*/ 1081902 w 1332405"/>
                    <a:gd name="connsiteY325" fmla="*/ 150725 h 1332617"/>
                    <a:gd name="connsiteX326" fmla="*/ 1087627 w 1332405"/>
                    <a:gd name="connsiteY326" fmla="*/ 150140 h 1332617"/>
                    <a:gd name="connsiteX327" fmla="*/ 1108351 w 1332405"/>
                    <a:gd name="connsiteY327" fmla="*/ 167805 h 1332617"/>
                    <a:gd name="connsiteX328" fmla="*/ 1108676 w 1332405"/>
                    <a:gd name="connsiteY328" fmla="*/ 173531 h 1332617"/>
                    <a:gd name="connsiteX329" fmla="*/ 1108514 w 1332405"/>
                    <a:gd name="connsiteY329" fmla="*/ 173694 h 1332617"/>
                    <a:gd name="connsiteX330" fmla="*/ 151230 w 1332405"/>
                    <a:gd name="connsiteY330" fmla="*/ 1081951 h 1332617"/>
                    <a:gd name="connsiteX331" fmla="*/ 150904 w 1332405"/>
                    <a:gd name="connsiteY331" fmla="*/ 1082243 h 1332617"/>
                    <a:gd name="connsiteX332" fmla="*/ 145211 w 1332405"/>
                    <a:gd name="connsiteY332" fmla="*/ 1081593 h 1332617"/>
                    <a:gd name="connsiteX333" fmla="*/ 128652 w 1332405"/>
                    <a:gd name="connsiteY333" fmla="*/ 1059991 h 1332617"/>
                    <a:gd name="connsiteX334" fmla="*/ 129530 w 1332405"/>
                    <a:gd name="connsiteY334" fmla="*/ 1054330 h 1332617"/>
                    <a:gd name="connsiteX335" fmla="*/ 135223 w 1332405"/>
                    <a:gd name="connsiteY335" fmla="*/ 1055208 h 1332617"/>
                    <a:gd name="connsiteX336" fmla="*/ 151587 w 1332405"/>
                    <a:gd name="connsiteY336" fmla="*/ 1076550 h 1332617"/>
                    <a:gd name="connsiteX337" fmla="*/ 151295 w 1332405"/>
                    <a:gd name="connsiteY337" fmla="*/ 1081951 h 1332617"/>
                    <a:gd name="connsiteX338" fmla="*/ 1066872 w 1332405"/>
                    <a:gd name="connsiteY338" fmla="*/ 139599 h 1332617"/>
                    <a:gd name="connsiteX339" fmla="*/ 1061569 w 1332405"/>
                    <a:gd name="connsiteY339" fmla="*/ 139957 h 1332617"/>
                    <a:gd name="connsiteX340" fmla="*/ 1039771 w 1332405"/>
                    <a:gd name="connsiteY340" fmla="*/ 124211 h 1332617"/>
                    <a:gd name="connsiteX341" fmla="*/ 1038730 w 1332405"/>
                    <a:gd name="connsiteY341" fmla="*/ 118550 h 1332617"/>
                    <a:gd name="connsiteX342" fmla="*/ 1044391 w 1332405"/>
                    <a:gd name="connsiteY342" fmla="*/ 117509 h 1332617"/>
                    <a:gd name="connsiteX343" fmla="*/ 1066481 w 1332405"/>
                    <a:gd name="connsiteY343" fmla="*/ 133450 h 1332617"/>
                    <a:gd name="connsiteX344" fmla="*/ 1067294 w 1332405"/>
                    <a:gd name="connsiteY344" fmla="*/ 139144 h 1332617"/>
                    <a:gd name="connsiteX345" fmla="*/ 1066904 w 1332405"/>
                    <a:gd name="connsiteY345" fmla="*/ 139567 h 1332617"/>
                    <a:gd name="connsiteX346" fmla="*/ 119348 w 1332405"/>
                    <a:gd name="connsiteY346" fmla="*/ 1038551 h 1332617"/>
                    <a:gd name="connsiteX347" fmla="*/ 118729 w 1332405"/>
                    <a:gd name="connsiteY347" fmla="*/ 1039040 h 1332617"/>
                    <a:gd name="connsiteX348" fmla="*/ 113101 w 1332405"/>
                    <a:gd name="connsiteY348" fmla="*/ 1037933 h 1332617"/>
                    <a:gd name="connsiteX349" fmla="*/ 98364 w 1332405"/>
                    <a:gd name="connsiteY349" fmla="*/ 1015030 h 1332617"/>
                    <a:gd name="connsiteX350" fmla="*/ 99697 w 1332405"/>
                    <a:gd name="connsiteY350" fmla="*/ 1009435 h 1332617"/>
                    <a:gd name="connsiteX351" fmla="*/ 105293 w 1332405"/>
                    <a:gd name="connsiteY351" fmla="*/ 1010768 h 1332617"/>
                    <a:gd name="connsiteX352" fmla="*/ 119868 w 1332405"/>
                    <a:gd name="connsiteY352" fmla="*/ 1033379 h 1332617"/>
                    <a:gd name="connsiteX353" fmla="*/ 119380 w 1332405"/>
                    <a:gd name="connsiteY353" fmla="*/ 1038519 h 1332617"/>
                    <a:gd name="connsiteX354" fmla="*/ 1022561 w 1332405"/>
                    <a:gd name="connsiteY354" fmla="*/ 108986 h 1332617"/>
                    <a:gd name="connsiteX355" fmla="*/ 1017519 w 1332405"/>
                    <a:gd name="connsiteY355" fmla="*/ 109539 h 1332617"/>
                    <a:gd name="connsiteX356" fmla="*/ 994486 w 1332405"/>
                    <a:gd name="connsiteY356" fmla="*/ 95647 h 1332617"/>
                    <a:gd name="connsiteX357" fmla="*/ 992989 w 1332405"/>
                    <a:gd name="connsiteY357" fmla="*/ 90116 h 1332617"/>
                    <a:gd name="connsiteX358" fmla="*/ 998520 w 1332405"/>
                    <a:gd name="connsiteY358" fmla="*/ 88620 h 1332617"/>
                    <a:gd name="connsiteX359" fmla="*/ 1021846 w 1332405"/>
                    <a:gd name="connsiteY359" fmla="*/ 102707 h 1332617"/>
                    <a:gd name="connsiteX360" fmla="*/ 1023114 w 1332405"/>
                    <a:gd name="connsiteY360" fmla="*/ 108302 h 1332617"/>
                    <a:gd name="connsiteX361" fmla="*/ 1022561 w 1332405"/>
                    <a:gd name="connsiteY361" fmla="*/ 109018 h 1332617"/>
                    <a:gd name="connsiteX362" fmla="*/ 91109 w 1332405"/>
                    <a:gd name="connsiteY362" fmla="*/ 992680 h 1332617"/>
                    <a:gd name="connsiteX363" fmla="*/ 90230 w 1332405"/>
                    <a:gd name="connsiteY363" fmla="*/ 993363 h 1332617"/>
                    <a:gd name="connsiteX364" fmla="*/ 84700 w 1332405"/>
                    <a:gd name="connsiteY364" fmla="*/ 991802 h 1332617"/>
                    <a:gd name="connsiteX365" fmla="*/ 71882 w 1332405"/>
                    <a:gd name="connsiteY365" fmla="*/ 967792 h 1332617"/>
                    <a:gd name="connsiteX366" fmla="*/ 73671 w 1332405"/>
                    <a:gd name="connsiteY366" fmla="*/ 962327 h 1332617"/>
                    <a:gd name="connsiteX367" fmla="*/ 79136 w 1332405"/>
                    <a:gd name="connsiteY367" fmla="*/ 964116 h 1332617"/>
                    <a:gd name="connsiteX368" fmla="*/ 91792 w 1332405"/>
                    <a:gd name="connsiteY368" fmla="*/ 987833 h 1332617"/>
                    <a:gd name="connsiteX369" fmla="*/ 91109 w 1332405"/>
                    <a:gd name="connsiteY369" fmla="*/ 992680 h 1332617"/>
                    <a:gd name="connsiteX370" fmla="*/ 975876 w 1332405"/>
                    <a:gd name="connsiteY370" fmla="*/ 82081 h 1332617"/>
                    <a:gd name="connsiteX371" fmla="*/ 971127 w 1332405"/>
                    <a:gd name="connsiteY371" fmla="*/ 82797 h 1332617"/>
                    <a:gd name="connsiteX372" fmla="*/ 947052 w 1332405"/>
                    <a:gd name="connsiteY372" fmla="*/ 70824 h 1332617"/>
                    <a:gd name="connsiteX373" fmla="*/ 945100 w 1332405"/>
                    <a:gd name="connsiteY373" fmla="*/ 65424 h 1332617"/>
                    <a:gd name="connsiteX374" fmla="*/ 950501 w 1332405"/>
                    <a:gd name="connsiteY374" fmla="*/ 63472 h 1332617"/>
                    <a:gd name="connsiteX375" fmla="*/ 974901 w 1332405"/>
                    <a:gd name="connsiteY375" fmla="*/ 75607 h 1332617"/>
                    <a:gd name="connsiteX376" fmla="*/ 976625 w 1332405"/>
                    <a:gd name="connsiteY376" fmla="*/ 81072 h 1332617"/>
                    <a:gd name="connsiteX377" fmla="*/ 975909 w 1332405"/>
                    <a:gd name="connsiteY377" fmla="*/ 82048 h 1332617"/>
                    <a:gd name="connsiteX378" fmla="*/ 66676 w 1332405"/>
                    <a:gd name="connsiteY378" fmla="*/ 944596 h 1332617"/>
                    <a:gd name="connsiteX379" fmla="*/ 65505 w 1332405"/>
                    <a:gd name="connsiteY379" fmla="*/ 945409 h 1332617"/>
                    <a:gd name="connsiteX380" fmla="*/ 60137 w 1332405"/>
                    <a:gd name="connsiteY380" fmla="*/ 943392 h 1332617"/>
                    <a:gd name="connsiteX381" fmla="*/ 49304 w 1332405"/>
                    <a:gd name="connsiteY381" fmla="*/ 918342 h 1332617"/>
                    <a:gd name="connsiteX382" fmla="*/ 51516 w 1332405"/>
                    <a:gd name="connsiteY382" fmla="*/ 913039 h 1332617"/>
                    <a:gd name="connsiteX383" fmla="*/ 56819 w 1332405"/>
                    <a:gd name="connsiteY383" fmla="*/ 915251 h 1332617"/>
                    <a:gd name="connsiteX384" fmla="*/ 67522 w 1332405"/>
                    <a:gd name="connsiteY384" fmla="*/ 940009 h 1332617"/>
                    <a:gd name="connsiteX385" fmla="*/ 66709 w 1332405"/>
                    <a:gd name="connsiteY385" fmla="*/ 944564 h 1332617"/>
                    <a:gd name="connsiteX386" fmla="*/ 927175 w 1332405"/>
                    <a:gd name="connsiteY386" fmla="*/ 59113 h 1332617"/>
                    <a:gd name="connsiteX387" fmla="*/ 922718 w 1332405"/>
                    <a:gd name="connsiteY387" fmla="*/ 59991 h 1332617"/>
                    <a:gd name="connsiteX388" fmla="*/ 897797 w 1332405"/>
                    <a:gd name="connsiteY388" fmla="*/ 50068 h 1332617"/>
                    <a:gd name="connsiteX389" fmla="*/ 895422 w 1332405"/>
                    <a:gd name="connsiteY389" fmla="*/ 44830 h 1332617"/>
                    <a:gd name="connsiteX390" fmla="*/ 900660 w 1332405"/>
                    <a:gd name="connsiteY390" fmla="*/ 42456 h 1332617"/>
                    <a:gd name="connsiteX391" fmla="*/ 925906 w 1332405"/>
                    <a:gd name="connsiteY391" fmla="*/ 52508 h 1332617"/>
                    <a:gd name="connsiteX392" fmla="*/ 928053 w 1332405"/>
                    <a:gd name="connsiteY392" fmla="*/ 57844 h 1332617"/>
                    <a:gd name="connsiteX393" fmla="*/ 927175 w 1332405"/>
                    <a:gd name="connsiteY393" fmla="*/ 59145 h 1332617"/>
                    <a:gd name="connsiteX394" fmla="*/ 46278 w 1332405"/>
                    <a:gd name="connsiteY394" fmla="*/ 894625 h 1332617"/>
                    <a:gd name="connsiteX395" fmla="*/ 44782 w 1332405"/>
                    <a:gd name="connsiteY395" fmla="*/ 895569 h 1332617"/>
                    <a:gd name="connsiteX396" fmla="*/ 39577 w 1332405"/>
                    <a:gd name="connsiteY396" fmla="*/ 893129 h 1332617"/>
                    <a:gd name="connsiteX397" fmla="*/ 30825 w 1332405"/>
                    <a:gd name="connsiteY397" fmla="*/ 867298 h 1332617"/>
                    <a:gd name="connsiteX398" fmla="*/ 33493 w 1332405"/>
                    <a:gd name="connsiteY398" fmla="*/ 862190 h 1332617"/>
                    <a:gd name="connsiteX399" fmla="*/ 38600 w 1332405"/>
                    <a:gd name="connsiteY399" fmla="*/ 864825 h 1332617"/>
                    <a:gd name="connsiteX400" fmla="*/ 47222 w 1332405"/>
                    <a:gd name="connsiteY400" fmla="*/ 890364 h 1332617"/>
                    <a:gd name="connsiteX401" fmla="*/ 46278 w 1332405"/>
                    <a:gd name="connsiteY401" fmla="*/ 894625 h 1332617"/>
                    <a:gd name="connsiteX402" fmla="*/ 876879 w 1332405"/>
                    <a:gd name="connsiteY402" fmla="*/ 40211 h 1332617"/>
                    <a:gd name="connsiteX403" fmla="*/ 872747 w 1332405"/>
                    <a:gd name="connsiteY403" fmla="*/ 41187 h 1332617"/>
                    <a:gd name="connsiteX404" fmla="*/ 847078 w 1332405"/>
                    <a:gd name="connsiteY404" fmla="*/ 33314 h 1332617"/>
                    <a:gd name="connsiteX405" fmla="*/ 844281 w 1332405"/>
                    <a:gd name="connsiteY405" fmla="*/ 28304 h 1332617"/>
                    <a:gd name="connsiteX406" fmla="*/ 849291 w 1332405"/>
                    <a:gd name="connsiteY406" fmla="*/ 25506 h 1332617"/>
                    <a:gd name="connsiteX407" fmla="*/ 875285 w 1332405"/>
                    <a:gd name="connsiteY407" fmla="*/ 33477 h 1332617"/>
                    <a:gd name="connsiteX408" fmla="*/ 877854 w 1332405"/>
                    <a:gd name="connsiteY408" fmla="*/ 38617 h 1332617"/>
                    <a:gd name="connsiteX409" fmla="*/ 876879 w 1332405"/>
                    <a:gd name="connsiteY409" fmla="*/ 40211 h 1332617"/>
                    <a:gd name="connsiteX410" fmla="*/ 30044 w 1332405"/>
                    <a:gd name="connsiteY410" fmla="*/ 843158 h 1332617"/>
                    <a:gd name="connsiteX411" fmla="*/ 28255 w 1332405"/>
                    <a:gd name="connsiteY411" fmla="*/ 844199 h 1332617"/>
                    <a:gd name="connsiteX412" fmla="*/ 23277 w 1332405"/>
                    <a:gd name="connsiteY412" fmla="*/ 841336 h 1332617"/>
                    <a:gd name="connsiteX413" fmla="*/ 16673 w 1332405"/>
                    <a:gd name="connsiteY413" fmla="*/ 814887 h 1332617"/>
                    <a:gd name="connsiteX414" fmla="*/ 19731 w 1332405"/>
                    <a:gd name="connsiteY414" fmla="*/ 810040 h 1332617"/>
                    <a:gd name="connsiteX415" fmla="*/ 24579 w 1332405"/>
                    <a:gd name="connsiteY415" fmla="*/ 813098 h 1332617"/>
                    <a:gd name="connsiteX416" fmla="*/ 31085 w 1332405"/>
                    <a:gd name="connsiteY416" fmla="*/ 839222 h 1332617"/>
                    <a:gd name="connsiteX417" fmla="*/ 30044 w 1332405"/>
                    <a:gd name="connsiteY417" fmla="*/ 843158 h 1332617"/>
                    <a:gd name="connsiteX418" fmla="*/ 825184 w 1332405"/>
                    <a:gd name="connsiteY418" fmla="*/ 25473 h 1332617"/>
                    <a:gd name="connsiteX419" fmla="*/ 821345 w 1332405"/>
                    <a:gd name="connsiteY419" fmla="*/ 26547 h 1332617"/>
                    <a:gd name="connsiteX420" fmla="*/ 795123 w 1332405"/>
                    <a:gd name="connsiteY420" fmla="*/ 20789 h 1332617"/>
                    <a:gd name="connsiteX421" fmla="*/ 791935 w 1332405"/>
                    <a:gd name="connsiteY421" fmla="*/ 16006 h 1332617"/>
                    <a:gd name="connsiteX422" fmla="*/ 796717 w 1332405"/>
                    <a:gd name="connsiteY422" fmla="*/ 12818 h 1332617"/>
                    <a:gd name="connsiteX423" fmla="*/ 823264 w 1332405"/>
                    <a:gd name="connsiteY423" fmla="*/ 18674 h 1332617"/>
                    <a:gd name="connsiteX424" fmla="*/ 826257 w 1332405"/>
                    <a:gd name="connsiteY424" fmla="*/ 23586 h 1332617"/>
                    <a:gd name="connsiteX425" fmla="*/ 825184 w 1332405"/>
                    <a:gd name="connsiteY425" fmla="*/ 25506 h 1332617"/>
                    <a:gd name="connsiteX426" fmla="*/ 18072 w 1332405"/>
                    <a:gd name="connsiteY426" fmla="*/ 790585 h 1332617"/>
                    <a:gd name="connsiteX427" fmla="*/ 15958 w 1332405"/>
                    <a:gd name="connsiteY427" fmla="*/ 791691 h 1332617"/>
                    <a:gd name="connsiteX428" fmla="*/ 11207 w 1332405"/>
                    <a:gd name="connsiteY428" fmla="*/ 788438 h 1332617"/>
                    <a:gd name="connsiteX429" fmla="*/ 6783 w 1332405"/>
                    <a:gd name="connsiteY429" fmla="*/ 761533 h 1332617"/>
                    <a:gd name="connsiteX430" fmla="*/ 10232 w 1332405"/>
                    <a:gd name="connsiteY430" fmla="*/ 756946 h 1332617"/>
                    <a:gd name="connsiteX431" fmla="*/ 14819 w 1332405"/>
                    <a:gd name="connsiteY431" fmla="*/ 760394 h 1332617"/>
                    <a:gd name="connsiteX432" fmla="*/ 19178 w 1332405"/>
                    <a:gd name="connsiteY432" fmla="*/ 786974 h 1332617"/>
                    <a:gd name="connsiteX433" fmla="*/ 18040 w 1332405"/>
                    <a:gd name="connsiteY433" fmla="*/ 790585 h 1332617"/>
                    <a:gd name="connsiteX434" fmla="*/ 772415 w 1332405"/>
                    <a:gd name="connsiteY434" fmla="*/ 14965 h 1332617"/>
                    <a:gd name="connsiteX435" fmla="*/ 768901 w 1332405"/>
                    <a:gd name="connsiteY435" fmla="*/ 16104 h 1332617"/>
                    <a:gd name="connsiteX436" fmla="*/ 742257 w 1332405"/>
                    <a:gd name="connsiteY436" fmla="*/ 12460 h 1332617"/>
                    <a:gd name="connsiteX437" fmla="*/ 738678 w 1332405"/>
                    <a:gd name="connsiteY437" fmla="*/ 7971 h 1332617"/>
                    <a:gd name="connsiteX438" fmla="*/ 743168 w 1332405"/>
                    <a:gd name="connsiteY438" fmla="*/ 4392 h 1332617"/>
                    <a:gd name="connsiteX439" fmla="*/ 770138 w 1332405"/>
                    <a:gd name="connsiteY439" fmla="*/ 8068 h 1332617"/>
                    <a:gd name="connsiteX440" fmla="*/ 773521 w 1332405"/>
                    <a:gd name="connsiteY440" fmla="*/ 12720 h 1332617"/>
                    <a:gd name="connsiteX441" fmla="*/ 772383 w 1332405"/>
                    <a:gd name="connsiteY441" fmla="*/ 14965 h 1332617"/>
                    <a:gd name="connsiteX442" fmla="*/ 10394 w 1332405"/>
                    <a:gd name="connsiteY442" fmla="*/ 737231 h 1332617"/>
                    <a:gd name="connsiteX443" fmla="*/ 7954 w 1332405"/>
                    <a:gd name="connsiteY443" fmla="*/ 738402 h 1332617"/>
                    <a:gd name="connsiteX444" fmla="*/ 3497 w 1332405"/>
                    <a:gd name="connsiteY444" fmla="*/ 734791 h 1332617"/>
                    <a:gd name="connsiteX445" fmla="*/ 1253 w 1332405"/>
                    <a:gd name="connsiteY445" fmla="*/ 707626 h 1332617"/>
                    <a:gd name="connsiteX446" fmla="*/ 5059 w 1332405"/>
                    <a:gd name="connsiteY446" fmla="*/ 703331 h 1332617"/>
                    <a:gd name="connsiteX447" fmla="*/ 9353 w 1332405"/>
                    <a:gd name="connsiteY447" fmla="*/ 707138 h 1332617"/>
                    <a:gd name="connsiteX448" fmla="*/ 11566 w 1332405"/>
                    <a:gd name="connsiteY448" fmla="*/ 733945 h 1332617"/>
                    <a:gd name="connsiteX449" fmla="*/ 10394 w 1332405"/>
                    <a:gd name="connsiteY449" fmla="*/ 737231 h 1332617"/>
                    <a:gd name="connsiteX450" fmla="*/ 718963 w 1332405"/>
                    <a:gd name="connsiteY450" fmla="*/ 8784 h 1332617"/>
                    <a:gd name="connsiteX451" fmla="*/ 715775 w 1332405"/>
                    <a:gd name="connsiteY451" fmla="*/ 9955 h 1332617"/>
                    <a:gd name="connsiteX452" fmla="*/ 688935 w 1332405"/>
                    <a:gd name="connsiteY452" fmla="*/ 8491 h 1332617"/>
                    <a:gd name="connsiteX453" fmla="*/ 684999 w 1332405"/>
                    <a:gd name="connsiteY453" fmla="*/ 4294 h 1332617"/>
                    <a:gd name="connsiteX454" fmla="*/ 689195 w 1332405"/>
                    <a:gd name="connsiteY454" fmla="*/ 390 h 1332617"/>
                    <a:gd name="connsiteX455" fmla="*/ 716360 w 1332405"/>
                    <a:gd name="connsiteY455" fmla="*/ 1887 h 1332617"/>
                    <a:gd name="connsiteX456" fmla="*/ 720102 w 1332405"/>
                    <a:gd name="connsiteY456" fmla="*/ 6246 h 1332617"/>
                    <a:gd name="connsiteX457" fmla="*/ 718931 w 1332405"/>
                    <a:gd name="connsiteY457" fmla="*/ 8816 h 1332617"/>
                    <a:gd name="connsiteX458" fmla="*/ 7076 w 1332405"/>
                    <a:gd name="connsiteY458" fmla="*/ 683454 h 1332617"/>
                    <a:gd name="connsiteX459" fmla="*/ 4278 w 1332405"/>
                    <a:gd name="connsiteY459" fmla="*/ 684625 h 1332617"/>
                    <a:gd name="connsiteX460" fmla="*/ 147 w 1332405"/>
                    <a:gd name="connsiteY460" fmla="*/ 680656 h 1332617"/>
                    <a:gd name="connsiteX461" fmla="*/ 147 w 1332405"/>
                    <a:gd name="connsiteY461" fmla="*/ 653426 h 1332617"/>
                    <a:gd name="connsiteX462" fmla="*/ 4278 w 1332405"/>
                    <a:gd name="connsiteY462" fmla="*/ 649457 h 1332617"/>
                    <a:gd name="connsiteX463" fmla="*/ 8247 w 1332405"/>
                    <a:gd name="connsiteY463" fmla="*/ 653588 h 1332617"/>
                    <a:gd name="connsiteX464" fmla="*/ 8247 w 1332405"/>
                    <a:gd name="connsiteY464" fmla="*/ 680493 h 1332617"/>
                    <a:gd name="connsiteX465" fmla="*/ 7044 w 1332405"/>
                    <a:gd name="connsiteY465" fmla="*/ 683454 h 1332617"/>
                    <a:gd name="connsiteX466" fmla="*/ 665154 w 1332405"/>
                    <a:gd name="connsiteY466" fmla="*/ 6930 h 1332617"/>
                    <a:gd name="connsiteX467" fmla="*/ 662291 w 1332405"/>
                    <a:gd name="connsiteY467" fmla="*/ 8133 h 1332617"/>
                    <a:gd name="connsiteX468" fmla="*/ 635386 w 1332405"/>
                    <a:gd name="connsiteY468" fmla="*/ 8849 h 1332617"/>
                    <a:gd name="connsiteX469" fmla="*/ 631124 w 1332405"/>
                    <a:gd name="connsiteY469" fmla="*/ 4978 h 1332617"/>
                    <a:gd name="connsiteX470" fmla="*/ 634996 w 1332405"/>
                    <a:gd name="connsiteY470" fmla="*/ 716 h 1332617"/>
                    <a:gd name="connsiteX471" fmla="*/ 662226 w 1332405"/>
                    <a:gd name="connsiteY471" fmla="*/ 0 h 1332617"/>
                    <a:gd name="connsiteX472" fmla="*/ 666325 w 1332405"/>
                    <a:gd name="connsiteY472" fmla="*/ 4034 h 1332617"/>
                    <a:gd name="connsiteX473" fmla="*/ 665121 w 1332405"/>
                    <a:gd name="connsiteY473" fmla="*/ 6930 h 1332617"/>
                    <a:gd name="connsiteX474" fmla="*/ 8117 w 1332405"/>
                    <a:gd name="connsiteY474" fmla="*/ 629612 h 1332617"/>
                    <a:gd name="connsiteX475" fmla="*/ 4994 w 1332405"/>
                    <a:gd name="connsiteY475" fmla="*/ 630783 h 1332617"/>
                    <a:gd name="connsiteX476" fmla="*/ 1187 w 1332405"/>
                    <a:gd name="connsiteY476" fmla="*/ 626488 h 1332617"/>
                    <a:gd name="connsiteX477" fmla="*/ 3367 w 1332405"/>
                    <a:gd name="connsiteY477" fmla="*/ 599356 h 1332617"/>
                    <a:gd name="connsiteX478" fmla="*/ 7824 w 1332405"/>
                    <a:gd name="connsiteY478" fmla="*/ 595712 h 1332617"/>
                    <a:gd name="connsiteX479" fmla="*/ 11468 w 1332405"/>
                    <a:gd name="connsiteY479" fmla="*/ 600169 h 1332617"/>
                    <a:gd name="connsiteX480" fmla="*/ 9321 w 1332405"/>
                    <a:gd name="connsiteY480" fmla="*/ 626976 h 1332617"/>
                    <a:gd name="connsiteX481" fmla="*/ 8150 w 1332405"/>
                    <a:gd name="connsiteY481" fmla="*/ 629612 h 1332617"/>
                    <a:gd name="connsiteX482" fmla="*/ 611344 w 1332405"/>
                    <a:gd name="connsiteY482" fmla="*/ 9435 h 1332617"/>
                    <a:gd name="connsiteX483" fmla="*/ 608839 w 1332405"/>
                    <a:gd name="connsiteY483" fmla="*/ 10606 h 1332617"/>
                    <a:gd name="connsiteX484" fmla="*/ 582097 w 1332405"/>
                    <a:gd name="connsiteY484" fmla="*/ 13501 h 1332617"/>
                    <a:gd name="connsiteX485" fmla="*/ 577542 w 1332405"/>
                    <a:gd name="connsiteY485" fmla="*/ 9988 h 1332617"/>
                    <a:gd name="connsiteX486" fmla="*/ 581056 w 1332405"/>
                    <a:gd name="connsiteY486" fmla="*/ 5433 h 1332617"/>
                    <a:gd name="connsiteX487" fmla="*/ 608156 w 1332405"/>
                    <a:gd name="connsiteY487" fmla="*/ 2505 h 1332617"/>
                    <a:gd name="connsiteX488" fmla="*/ 612548 w 1332405"/>
                    <a:gd name="connsiteY488" fmla="*/ 6214 h 1332617"/>
                    <a:gd name="connsiteX489" fmla="*/ 611377 w 1332405"/>
                    <a:gd name="connsiteY489" fmla="*/ 9435 h 1332617"/>
                    <a:gd name="connsiteX490" fmla="*/ 13485 w 1332405"/>
                    <a:gd name="connsiteY490" fmla="*/ 576062 h 1332617"/>
                    <a:gd name="connsiteX491" fmla="*/ 10036 w 1332405"/>
                    <a:gd name="connsiteY491" fmla="*/ 577201 h 1332617"/>
                    <a:gd name="connsiteX492" fmla="*/ 6588 w 1332405"/>
                    <a:gd name="connsiteY492" fmla="*/ 572614 h 1332617"/>
                    <a:gd name="connsiteX493" fmla="*/ 10947 w 1332405"/>
                    <a:gd name="connsiteY493" fmla="*/ 545741 h 1332617"/>
                    <a:gd name="connsiteX494" fmla="*/ 15664 w 1332405"/>
                    <a:gd name="connsiteY494" fmla="*/ 542488 h 1332617"/>
                    <a:gd name="connsiteX495" fmla="*/ 18918 w 1332405"/>
                    <a:gd name="connsiteY495" fmla="*/ 547205 h 1332617"/>
                    <a:gd name="connsiteX496" fmla="*/ 14624 w 1332405"/>
                    <a:gd name="connsiteY496" fmla="*/ 573720 h 1332617"/>
                    <a:gd name="connsiteX497" fmla="*/ 13485 w 1332405"/>
                    <a:gd name="connsiteY497" fmla="*/ 576030 h 1332617"/>
                    <a:gd name="connsiteX498" fmla="*/ 557892 w 1332405"/>
                    <a:gd name="connsiteY498" fmla="*/ 16299 h 1332617"/>
                    <a:gd name="connsiteX499" fmla="*/ 555712 w 1332405"/>
                    <a:gd name="connsiteY499" fmla="*/ 17438 h 1332617"/>
                    <a:gd name="connsiteX500" fmla="*/ 529264 w 1332405"/>
                    <a:gd name="connsiteY500" fmla="*/ 22480 h 1332617"/>
                    <a:gd name="connsiteX501" fmla="*/ 524448 w 1332405"/>
                    <a:gd name="connsiteY501" fmla="*/ 19357 h 1332617"/>
                    <a:gd name="connsiteX502" fmla="*/ 527572 w 1332405"/>
                    <a:gd name="connsiteY502" fmla="*/ 14542 h 1332617"/>
                    <a:gd name="connsiteX503" fmla="*/ 554346 w 1332405"/>
                    <a:gd name="connsiteY503" fmla="*/ 9435 h 1332617"/>
                    <a:gd name="connsiteX504" fmla="*/ 559031 w 1332405"/>
                    <a:gd name="connsiteY504" fmla="*/ 12753 h 1332617"/>
                    <a:gd name="connsiteX505" fmla="*/ 557892 w 1332405"/>
                    <a:gd name="connsiteY505" fmla="*/ 16299 h 1332617"/>
                    <a:gd name="connsiteX506" fmla="*/ 23147 w 1332405"/>
                    <a:gd name="connsiteY506" fmla="*/ 523131 h 1332617"/>
                    <a:gd name="connsiteX507" fmla="*/ 19373 w 1332405"/>
                    <a:gd name="connsiteY507" fmla="*/ 524237 h 1332617"/>
                    <a:gd name="connsiteX508" fmla="*/ 16315 w 1332405"/>
                    <a:gd name="connsiteY508" fmla="*/ 519390 h 1332617"/>
                    <a:gd name="connsiteX509" fmla="*/ 22822 w 1332405"/>
                    <a:gd name="connsiteY509" fmla="*/ 492973 h 1332617"/>
                    <a:gd name="connsiteX510" fmla="*/ 27800 w 1332405"/>
                    <a:gd name="connsiteY510" fmla="*/ 490110 h 1332617"/>
                    <a:gd name="connsiteX511" fmla="*/ 30663 w 1332405"/>
                    <a:gd name="connsiteY511" fmla="*/ 495087 h 1332617"/>
                    <a:gd name="connsiteX512" fmla="*/ 24221 w 1332405"/>
                    <a:gd name="connsiteY512" fmla="*/ 521179 h 1332617"/>
                    <a:gd name="connsiteX513" fmla="*/ 23147 w 1332405"/>
                    <a:gd name="connsiteY513" fmla="*/ 523163 h 1332617"/>
                    <a:gd name="connsiteX514" fmla="*/ 505124 w 1332405"/>
                    <a:gd name="connsiteY514" fmla="*/ 27458 h 1332617"/>
                    <a:gd name="connsiteX515" fmla="*/ 503269 w 1332405"/>
                    <a:gd name="connsiteY515" fmla="*/ 28531 h 1332617"/>
                    <a:gd name="connsiteX516" fmla="*/ 477308 w 1332405"/>
                    <a:gd name="connsiteY516" fmla="*/ 35721 h 1332617"/>
                    <a:gd name="connsiteX517" fmla="*/ 472266 w 1332405"/>
                    <a:gd name="connsiteY517" fmla="*/ 32989 h 1332617"/>
                    <a:gd name="connsiteX518" fmla="*/ 474998 w 1332405"/>
                    <a:gd name="connsiteY518" fmla="*/ 27946 h 1332617"/>
                    <a:gd name="connsiteX519" fmla="*/ 501285 w 1332405"/>
                    <a:gd name="connsiteY519" fmla="*/ 20691 h 1332617"/>
                    <a:gd name="connsiteX520" fmla="*/ 506230 w 1332405"/>
                    <a:gd name="connsiteY520" fmla="*/ 23619 h 1332617"/>
                    <a:gd name="connsiteX521" fmla="*/ 505156 w 1332405"/>
                    <a:gd name="connsiteY521" fmla="*/ 27490 h 1332617"/>
                    <a:gd name="connsiteX522" fmla="*/ 37071 w 1332405"/>
                    <a:gd name="connsiteY522" fmla="*/ 471176 h 1332617"/>
                    <a:gd name="connsiteX523" fmla="*/ 32972 w 1332405"/>
                    <a:gd name="connsiteY523" fmla="*/ 472184 h 1332617"/>
                    <a:gd name="connsiteX524" fmla="*/ 30304 w 1332405"/>
                    <a:gd name="connsiteY524" fmla="*/ 467109 h 1332617"/>
                    <a:gd name="connsiteX525" fmla="*/ 38926 w 1332405"/>
                    <a:gd name="connsiteY525" fmla="*/ 441343 h 1332617"/>
                    <a:gd name="connsiteX526" fmla="*/ 44131 w 1332405"/>
                    <a:gd name="connsiteY526" fmla="*/ 438870 h 1332617"/>
                    <a:gd name="connsiteX527" fmla="*/ 46603 w 1332405"/>
                    <a:gd name="connsiteY527" fmla="*/ 444076 h 1332617"/>
                    <a:gd name="connsiteX528" fmla="*/ 38080 w 1332405"/>
                    <a:gd name="connsiteY528" fmla="*/ 469517 h 1332617"/>
                    <a:gd name="connsiteX529" fmla="*/ 37071 w 1332405"/>
                    <a:gd name="connsiteY529" fmla="*/ 471176 h 1332617"/>
                    <a:gd name="connsiteX530" fmla="*/ 453429 w 1332405"/>
                    <a:gd name="connsiteY530" fmla="*/ 42878 h 1332617"/>
                    <a:gd name="connsiteX531" fmla="*/ 451867 w 1332405"/>
                    <a:gd name="connsiteY531" fmla="*/ 43855 h 1332617"/>
                    <a:gd name="connsiteX532" fmla="*/ 426557 w 1332405"/>
                    <a:gd name="connsiteY532" fmla="*/ 53126 h 1332617"/>
                    <a:gd name="connsiteX533" fmla="*/ 421286 w 1332405"/>
                    <a:gd name="connsiteY533" fmla="*/ 50817 h 1332617"/>
                    <a:gd name="connsiteX534" fmla="*/ 423596 w 1332405"/>
                    <a:gd name="connsiteY534" fmla="*/ 45546 h 1332617"/>
                    <a:gd name="connsiteX535" fmla="*/ 449199 w 1332405"/>
                    <a:gd name="connsiteY535" fmla="*/ 36144 h 1332617"/>
                    <a:gd name="connsiteX536" fmla="*/ 454372 w 1332405"/>
                    <a:gd name="connsiteY536" fmla="*/ 38649 h 1332617"/>
                    <a:gd name="connsiteX537" fmla="*/ 453396 w 1332405"/>
                    <a:gd name="connsiteY537" fmla="*/ 42846 h 1332617"/>
                    <a:gd name="connsiteX538" fmla="*/ 55160 w 1332405"/>
                    <a:gd name="connsiteY538" fmla="*/ 420587 h 1332617"/>
                    <a:gd name="connsiteX539" fmla="*/ 50768 w 1332405"/>
                    <a:gd name="connsiteY539" fmla="*/ 421465 h 1332617"/>
                    <a:gd name="connsiteX540" fmla="*/ 48523 w 1332405"/>
                    <a:gd name="connsiteY540" fmla="*/ 416162 h 1332617"/>
                    <a:gd name="connsiteX541" fmla="*/ 59226 w 1332405"/>
                    <a:gd name="connsiteY541" fmla="*/ 391210 h 1332617"/>
                    <a:gd name="connsiteX542" fmla="*/ 64594 w 1332405"/>
                    <a:gd name="connsiteY542" fmla="*/ 389193 h 1332617"/>
                    <a:gd name="connsiteX543" fmla="*/ 66611 w 1332405"/>
                    <a:gd name="connsiteY543" fmla="*/ 394560 h 1332617"/>
                    <a:gd name="connsiteX544" fmla="*/ 56038 w 1332405"/>
                    <a:gd name="connsiteY544" fmla="*/ 419220 h 1332617"/>
                    <a:gd name="connsiteX545" fmla="*/ 55160 w 1332405"/>
                    <a:gd name="connsiteY545" fmla="*/ 420554 h 1332617"/>
                    <a:gd name="connsiteX546" fmla="*/ 403166 w 1332405"/>
                    <a:gd name="connsiteY546" fmla="*/ 62496 h 1332617"/>
                    <a:gd name="connsiteX547" fmla="*/ 401929 w 1332405"/>
                    <a:gd name="connsiteY547" fmla="*/ 63342 h 1332617"/>
                    <a:gd name="connsiteX548" fmla="*/ 377464 w 1332405"/>
                    <a:gd name="connsiteY548" fmla="*/ 74663 h 1332617"/>
                    <a:gd name="connsiteX549" fmla="*/ 372031 w 1332405"/>
                    <a:gd name="connsiteY549" fmla="*/ 72809 h 1332617"/>
                    <a:gd name="connsiteX550" fmla="*/ 373886 w 1332405"/>
                    <a:gd name="connsiteY550" fmla="*/ 67376 h 1332617"/>
                    <a:gd name="connsiteX551" fmla="*/ 398676 w 1332405"/>
                    <a:gd name="connsiteY551" fmla="*/ 55892 h 1332617"/>
                    <a:gd name="connsiteX552" fmla="*/ 404011 w 1332405"/>
                    <a:gd name="connsiteY552" fmla="*/ 57974 h 1332617"/>
                    <a:gd name="connsiteX553" fmla="*/ 403166 w 1332405"/>
                    <a:gd name="connsiteY553" fmla="*/ 62463 h 1332617"/>
                    <a:gd name="connsiteX554" fmla="*/ 77347 w 1332405"/>
                    <a:gd name="connsiteY554" fmla="*/ 371592 h 1332617"/>
                    <a:gd name="connsiteX555" fmla="*/ 72662 w 1332405"/>
                    <a:gd name="connsiteY555" fmla="*/ 372340 h 1332617"/>
                    <a:gd name="connsiteX556" fmla="*/ 70873 w 1332405"/>
                    <a:gd name="connsiteY556" fmla="*/ 366875 h 1332617"/>
                    <a:gd name="connsiteX557" fmla="*/ 83593 w 1332405"/>
                    <a:gd name="connsiteY557" fmla="*/ 342800 h 1332617"/>
                    <a:gd name="connsiteX558" fmla="*/ 89124 w 1332405"/>
                    <a:gd name="connsiteY558" fmla="*/ 341239 h 1332617"/>
                    <a:gd name="connsiteX559" fmla="*/ 90686 w 1332405"/>
                    <a:gd name="connsiteY559" fmla="*/ 346769 h 1332617"/>
                    <a:gd name="connsiteX560" fmla="*/ 78096 w 1332405"/>
                    <a:gd name="connsiteY560" fmla="*/ 370551 h 1332617"/>
                    <a:gd name="connsiteX561" fmla="*/ 77347 w 1332405"/>
                    <a:gd name="connsiteY561" fmla="*/ 371592 h 1332617"/>
                    <a:gd name="connsiteX562" fmla="*/ 354691 w 1332405"/>
                    <a:gd name="connsiteY562" fmla="*/ 86147 h 1332617"/>
                    <a:gd name="connsiteX563" fmla="*/ 353748 w 1332405"/>
                    <a:gd name="connsiteY563" fmla="*/ 86863 h 1332617"/>
                    <a:gd name="connsiteX564" fmla="*/ 330357 w 1332405"/>
                    <a:gd name="connsiteY564" fmla="*/ 100137 h 1332617"/>
                    <a:gd name="connsiteX565" fmla="*/ 324793 w 1332405"/>
                    <a:gd name="connsiteY565" fmla="*/ 98705 h 1332617"/>
                    <a:gd name="connsiteX566" fmla="*/ 326192 w 1332405"/>
                    <a:gd name="connsiteY566" fmla="*/ 93142 h 1332617"/>
                    <a:gd name="connsiteX567" fmla="*/ 349876 w 1332405"/>
                    <a:gd name="connsiteY567" fmla="*/ 79706 h 1332617"/>
                    <a:gd name="connsiteX568" fmla="*/ 355374 w 1332405"/>
                    <a:gd name="connsiteY568" fmla="*/ 81365 h 1332617"/>
                    <a:gd name="connsiteX569" fmla="*/ 354691 w 1332405"/>
                    <a:gd name="connsiteY569" fmla="*/ 86180 h 1332617"/>
                    <a:gd name="connsiteX570" fmla="*/ 103504 w 1332405"/>
                    <a:gd name="connsiteY570" fmla="*/ 324517 h 1332617"/>
                    <a:gd name="connsiteX571" fmla="*/ 98526 w 1332405"/>
                    <a:gd name="connsiteY571" fmla="*/ 325102 h 1332617"/>
                    <a:gd name="connsiteX572" fmla="*/ 97192 w 1332405"/>
                    <a:gd name="connsiteY572" fmla="*/ 319507 h 1332617"/>
                    <a:gd name="connsiteX573" fmla="*/ 111865 w 1332405"/>
                    <a:gd name="connsiteY573" fmla="*/ 296571 h 1332617"/>
                    <a:gd name="connsiteX574" fmla="*/ 117493 w 1332405"/>
                    <a:gd name="connsiteY574" fmla="*/ 295465 h 1332617"/>
                    <a:gd name="connsiteX575" fmla="*/ 118599 w 1332405"/>
                    <a:gd name="connsiteY575" fmla="*/ 301093 h 1332617"/>
                    <a:gd name="connsiteX576" fmla="*/ 104122 w 1332405"/>
                    <a:gd name="connsiteY576" fmla="*/ 323769 h 1332617"/>
                    <a:gd name="connsiteX577" fmla="*/ 103536 w 1332405"/>
                    <a:gd name="connsiteY577" fmla="*/ 324517 h 1332617"/>
                    <a:gd name="connsiteX578" fmla="*/ 308397 w 1332405"/>
                    <a:gd name="connsiteY578" fmla="*/ 113670 h 1332617"/>
                    <a:gd name="connsiteX579" fmla="*/ 307746 w 1332405"/>
                    <a:gd name="connsiteY579" fmla="*/ 114191 h 1332617"/>
                    <a:gd name="connsiteX580" fmla="*/ 285526 w 1332405"/>
                    <a:gd name="connsiteY580" fmla="*/ 129319 h 1332617"/>
                    <a:gd name="connsiteX581" fmla="*/ 279865 w 1332405"/>
                    <a:gd name="connsiteY581" fmla="*/ 128375 h 1332617"/>
                    <a:gd name="connsiteX582" fmla="*/ 280809 w 1332405"/>
                    <a:gd name="connsiteY582" fmla="*/ 122715 h 1332617"/>
                    <a:gd name="connsiteX583" fmla="*/ 303321 w 1332405"/>
                    <a:gd name="connsiteY583" fmla="*/ 107392 h 1332617"/>
                    <a:gd name="connsiteX584" fmla="*/ 308950 w 1332405"/>
                    <a:gd name="connsiteY584" fmla="*/ 108595 h 1332617"/>
                    <a:gd name="connsiteX585" fmla="*/ 308429 w 1332405"/>
                    <a:gd name="connsiteY585" fmla="*/ 113670 h 1332617"/>
                    <a:gd name="connsiteX586" fmla="*/ 133434 w 1332405"/>
                    <a:gd name="connsiteY586" fmla="*/ 279751 h 1332617"/>
                    <a:gd name="connsiteX587" fmla="*/ 128164 w 1332405"/>
                    <a:gd name="connsiteY587" fmla="*/ 280142 h 1332617"/>
                    <a:gd name="connsiteX588" fmla="*/ 127285 w 1332405"/>
                    <a:gd name="connsiteY588" fmla="*/ 274481 h 1332617"/>
                    <a:gd name="connsiteX589" fmla="*/ 143779 w 1332405"/>
                    <a:gd name="connsiteY589" fmla="*/ 252814 h 1332617"/>
                    <a:gd name="connsiteX590" fmla="*/ 149473 w 1332405"/>
                    <a:gd name="connsiteY590" fmla="*/ 252163 h 1332617"/>
                    <a:gd name="connsiteX591" fmla="*/ 150124 w 1332405"/>
                    <a:gd name="connsiteY591" fmla="*/ 257857 h 1332617"/>
                    <a:gd name="connsiteX592" fmla="*/ 133825 w 1332405"/>
                    <a:gd name="connsiteY592" fmla="*/ 279263 h 1332617"/>
                    <a:gd name="connsiteX593" fmla="*/ 133402 w 1332405"/>
                    <a:gd name="connsiteY593" fmla="*/ 279751 h 1332617"/>
                    <a:gd name="connsiteX594" fmla="*/ 264510 w 1332405"/>
                    <a:gd name="connsiteY594" fmla="*/ 144870 h 1332617"/>
                    <a:gd name="connsiteX595" fmla="*/ 264119 w 1332405"/>
                    <a:gd name="connsiteY595" fmla="*/ 145227 h 1332617"/>
                    <a:gd name="connsiteX596" fmla="*/ 243201 w 1332405"/>
                    <a:gd name="connsiteY596" fmla="*/ 162112 h 1332617"/>
                    <a:gd name="connsiteX597" fmla="*/ 237475 w 1332405"/>
                    <a:gd name="connsiteY597" fmla="*/ 161624 h 1332617"/>
                    <a:gd name="connsiteX598" fmla="*/ 237963 w 1332405"/>
                    <a:gd name="connsiteY598" fmla="*/ 155898 h 1332617"/>
                    <a:gd name="connsiteX599" fmla="*/ 259142 w 1332405"/>
                    <a:gd name="connsiteY599" fmla="*/ 138786 h 1332617"/>
                    <a:gd name="connsiteX600" fmla="*/ 264835 w 1332405"/>
                    <a:gd name="connsiteY600" fmla="*/ 139502 h 1332617"/>
                    <a:gd name="connsiteX601" fmla="*/ 264510 w 1332405"/>
                    <a:gd name="connsiteY601" fmla="*/ 144870 h 1332617"/>
                    <a:gd name="connsiteX602" fmla="*/ 166911 w 1332405"/>
                    <a:gd name="connsiteY602" fmla="*/ 237556 h 1332617"/>
                    <a:gd name="connsiteX603" fmla="*/ 161380 w 1332405"/>
                    <a:gd name="connsiteY603" fmla="*/ 237751 h 1332617"/>
                    <a:gd name="connsiteX604" fmla="*/ 160957 w 1332405"/>
                    <a:gd name="connsiteY604" fmla="*/ 232026 h 1332617"/>
                    <a:gd name="connsiteX605" fmla="*/ 179143 w 1332405"/>
                    <a:gd name="connsiteY605" fmla="*/ 211757 h 1332617"/>
                    <a:gd name="connsiteX606" fmla="*/ 184869 w 1332405"/>
                    <a:gd name="connsiteY606" fmla="*/ 211562 h 1332617"/>
                    <a:gd name="connsiteX607" fmla="*/ 185064 w 1332405"/>
                    <a:gd name="connsiteY607" fmla="*/ 217288 h 1332617"/>
                    <a:gd name="connsiteX608" fmla="*/ 167106 w 1332405"/>
                    <a:gd name="connsiteY608" fmla="*/ 237296 h 1332617"/>
                    <a:gd name="connsiteX609" fmla="*/ 166911 w 1332405"/>
                    <a:gd name="connsiteY609" fmla="*/ 237524 h 1332617"/>
                    <a:gd name="connsiteX610" fmla="*/ 223290 w 1332405"/>
                    <a:gd name="connsiteY610" fmla="*/ 179550 h 1332617"/>
                    <a:gd name="connsiteX611" fmla="*/ 223160 w 1332405"/>
                    <a:gd name="connsiteY611" fmla="*/ 179680 h 1332617"/>
                    <a:gd name="connsiteX612" fmla="*/ 203640 w 1332405"/>
                    <a:gd name="connsiteY612" fmla="*/ 198191 h 1332617"/>
                    <a:gd name="connsiteX613" fmla="*/ 197882 w 1332405"/>
                    <a:gd name="connsiteY613" fmla="*/ 198159 h 1332617"/>
                    <a:gd name="connsiteX614" fmla="*/ 197914 w 1332405"/>
                    <a:gd name="connsiteY614" fmla="*/ 192400 h 1332617"/>
                    <a:gd name="connsiteX615" fmla="*/ 217662 w 1332405"/>
                    <a:gd name="connsiteY615" fmla="*/ 173661 h 1332617"/>
                    <a:gd name="connsiteX616" fmla="*/ 223388 w 1332405"/>
                    <a:gd name="connsiteY616" fmla="*/ 173921 h 1332617"/>
                    <a:gd name="connsiteX617" fmla="*/ 223258 w 1332405"/>
                    <a:gd name="connsiteY617" fmla="*/ 179517 h 13326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Lst>
                  <a:rect l="l" t="t" r="r" b="b"/>
                  <a:pathLst>
                    <a:path w="1332405" h="1332617">
                      <a:moveTo>
                        <a:pt x="1137338" y="1137484"/>
                      </a:moveTo>
                      <a:cubicBezTo>
                        <a:pt x="1134865" y="1139957"/>
                        <a:pt x="1132393" y="1142397"/>
                        <a:pt x="1129888" y="1144837"/>
                      </a:cubicBezTo>
                      <a:cubicBezTo>
                        <a:pt x="1128293" y="1146399"/>
                        <a:pt x="1125691" y="1146366"/>
                        <a:pt x="1124162" y="1144739"/>
                      </a:cubicBezTo>
                      <a:cubicBezTo>
                        <a:pt x="1122600" y="1143145"/>
                        <a:pt x="1122763" y="1140510"/>
                        <a:pt x="1124259" y="1138981"/>
                      </a:cubicBezTo>
                      <a:cubicBezTo>
                        <a:pt x="1130669" y="1132767"/>
                        <a:pt x="1137045" y="1126326"/>
                        <a:pt x="1143194" y="1119851"/>
                      </a:cubicBezTo>
                      <a:cubicBezTo>
                        <a:pt x="1144853" y="1118192"/>
                        <a:pt x="1147326" y="1118160"/>
                        <a:pt x="1148952" y="1119721"/>
                      </a:cubicBezTo>
                      <a:cubicBezTo>
                        <a:pt x="1150579" y="1121283"/>
                        <a:pt x="1150644" y="1123853"/>
                        <a:pt x="1149082" y="1125447"/>
                      </a:cubicBezTo>
                      <a:cubicBezTo>
                        <a:pt x="1145276" y="1129481"/>
                        <a:pt x="1141307" y="1133515"/>
                        <a:pt x="1137370" y="1137452"/>
                      </a:cubicBezTo>
                      <a:close/>
                      <a:moveTo>
                        <a:pt x="1110303" y="1163055"/>
                      </a:moveTo>
                      <a:cubicBezTo>
                        <a:pt x="1110303" y="1163055"/>
                        <a:pt x="1110205" y="1163153"/>
                        <a:pt x="1110140" y="1163218"/>
                      </a:cubicBezTo>
                      <a:cubicBezTo>
                        <a:pt x="1103406" y="1169269"/>
                        <a:pt x="1096444" y="1175223"/>
                        <a:pt x="1089482" y="1180949"/>
                      </a:cubicBezTo>
                      <a:cubicBezTo>
                        <a:pt x="1087757" y="1182380"/>
                        <a:pt x="1085187" y="1182120"/>
                        <a:pt x="1083756" y="1180396"/>
                      </a:cubicBezTo>
                      <a:cubicBezTo>
                        <a:pt x="1082325" y="1178671"/>
                        <a:pt x="1082585" y="1176101"/>
                        <a:pt x="1084309" y="1174670"/>
                      </a:cubicBezTo>
                      <a:cubicBezTo>
                        <a:pt x="1091174" y="1169009"/>
                        <a:pt x="1098038" y="1163121"/>
                        <a:pt x="1104707" y="1157134"/>
                      </a:cubicBezTo>
                      <a:cubicBezTo>
                        <a:pt x="1106366" y="1155638"/>
                        <a:pt x="1108936" y="1155768"/>
                        <a:pt x="1110433" y="1157460"/>
                      </a:cubicBezTo>
                      <a:cubicBezTo>
                        <a:pt x="1111865" y="1159086"/>
                        <a:pt x="1111799" y="1161526"/>
                        <a:pt x="1110270" y="1163023"/>
                      </a:cubicBezTo>
                      <a:close/>
                      <a:moveTo>
                        <a:pt x="1167040" y="1105765"/>
                      </a:moveTo>
                      <a:cubicBezTo>
                        <a:pt x="1165544" y="1107261"/>
                        <a:pt x="1163104" y="1107359"/>
                        <a:pt x="1161477" y="1105927"/>
                      </a:cubicBezTo>
                      <a:cubicBezTo>
                        <a:pt x="1159786" y="1104431"/>
                        <a:pt x="1159623" y="1101893"/>
                        <a:pt x="1161120" y="1100202"/>
                      </a:cubicBezTo>
                      <a:cubicBezTo>
                        <a:pt x="1167008" y="1093467"/>
                        <a:pt x="1172864" y="1086570"/>
                        <a:pt x="1178460" y="1079641"/>
                      </a:cubicBezTo>
                      <a:cubicBezTo>
                        <a:pt x="1179891" y="1077917"/>
                        <a:pt x="1182428" y="1077624"/>
                        <a:pt x="1184185" y="1079023"/>
                      </a:cubicBezTo>
                      <a:cubicBezTo>
                        <a:pt x="1185942" y="1080421"/>
                        <a:pt x="1186202" y="1082992"/>
                        <a:pt x="1184771" y="1084716"/>
                      </a:cubicBezTo>
                      <a:cubicBezTo>
                        <a:pt x="1179110" y="1091743"/>
                        <a:pt x="1173189" y="1098738"/>
                        <a:pt x="1167236" y="1105537"/>
                      </a:cubicBezTo>
                      <a:cubicBezTo>
                        <a:pt x="1167171" y="1105602"/>
                        <a:pt x="1167106" y="1105667"/>
                        <a:pt x="1167040" y="1105732"/>
                      </a:cubicBezTo>
                      <a:close/>
                      <a:moveTo>
                        <a:pt x="1068758" y="1197313"/>
                      </a:moveTo>
                      <a:cubicBezTo>
                        <a:pt x="1068758" y="1197313"/>
                        <a:pt x="1068498" y="1197573"/>
                        <a:pt x="1068335" y="1197671"/>
                      </a:cubicBezTo>
                      <a:cubicBezTo>
                        <a:pt x="1061113" y="1203169"/>
                        <a:pt x="1053696" y="1208536"/>
                        <a:pt x="1046310" y="1213677"/>
                      </a:cubicBezTo>
                      <a:cubicBezTo>
                        <a:pt x="1044456" y="1214946"/>
                        <a:pt x="1041951" y="1214490"/>
                        <a:pt x="1040650" y="1212668"/>
                      </a:cubicBezTo>
                      <a:cubicBezTo>
                        <a:pt x="1039381" y="1210814"/>
                        <a:pt x="1039836" y="1208309"/>
                        <a:pt x="1041658" y="1207008"/>
                      </a:cubicBezTo>
                      <a:cubicBezTo>
                        <a:pt x="1048946" y="1201932"/>
                        <a:pt x="1056266" y="1196597"/>
                        <a:pt x="1063423" y="1191197"/>
                      </a:cubicBezTo>
                      <a:cubicBezTo>
                        <a:pt x="1065212" y="1189830"/>
                        <a:pt x="1067750" y="1190188"/>
                        <a:pt x="1069116" y="1191977"/>
                      </a:cubicBezTo>
                      <a:cubicBezTo>
                        <a:pt x="1070352" y="1193604"/>
                        <a:pt x="1070157" y="1195881"/>
                        <a:pt x="1068758" y="1197313"/>
                      </a:cubicBezTo>
                      <a:close/>
                      <a:moveTo>
                        <a:pt x="1200940" y="1063895"/>
                      </a:moveTo>
                      <a:cubicBezTo>
                        <a:pt x="1199541" y="1065294"/>
                        <a:pt x="1197296" y="1065489"/>
                        <a:pt x="1195637" y="1064285"/>
                      </a:cubicBezTo>
                      <a:cubicBezTo>
                        <a:pt x="1193848" y="1062951"/>
                        <a:pt x="1193457" y="1060414"/>
                        <a:pt x="1194791" y="1058592"/>
                      </a:cubicBezTo>
                      <a:cubicBezTo>
                        <a:pt x="1200127" y="1051402"/>
                        <a:pt x="1205364" y="1044050"/>
                        <a:pt x="1210407" y="1036697"/>
                      </a:cubicBezTo>
                      <a:cubicBezTo>
                        <a:pt x="1211676" y="1034843"/>
                        <a:pt x="1214181" y="1034355"/>
                        <a:pt x="1216035" y="1035624"/>
                      </a:cubicBezTo>
                      <a:cubicBezTo>
                        <a:pt x="1217890" y="1036892"/>
                        <a:pt x="1218378" y="1039430"/>
                        <a:pt x="1217109" y="1041252"/>
                      </a:cubicBezTo>
                      <a:cubicBezTo>
                        <a:pt x="1212034" y="1048702"/>
                        <a:pt x="1206698" y="1056152"/>
                        <a:pt x="1201298" y="1063439"/>
                      </a:cubicBezTo>
                      <a:cubicBezTo>
                        <a:pt x="1201167" y="1063602"/>
                        <a:pt x="1201038" y="1063765"/>
                        <a:pt x="1200907" y="1063895"/>
                      </a:cubicBezTo>
                      <a:close/>
                      <a:moveTo>
                        <a:pt x="1024579" y="1228089"/>
                      </a:moveTo>
                      <a:cubicBezTo>
                        <a:pt x="1024383" y="1228284"/>
                        <a:pt x="1024156" y="1228479"/>
                        <a:pt x="1023895" y="1228642"/>
                      </a:cubicBezTo>
                      <a:cubicBezTo>
                        <a:pt x="1016283" y="1233489"/>
                        <a:pt x="1008442" y="1238272"/>
                        <a:pt x="1000634" y="1242794"/>
                      </a:cubicBezTo>
                      <a:cubicBezTo>
                        <a:pt x="998682" y="1243932"/>
                        <a:pt x="996210" y="1243249"/>
                        <a:pt x="995071" y="1241330"/>
                      </a:cubicBezTo>
                      <a:cubicBezTo>
                        <a:pt x="993932" y="1239378"/>
                        <a:pt x="994615" y="1236905"/>
                        <a:pt x="996535" y="1235767"/>
                      </a:cubicBezTo>
                      <a:cubicBezTo>
                        <a:pt x="1004245" y="1231277"/>
                        <a:pt x="1011988" y="1226560"/>
                        <a:pt x="1019503" y="1221777"/>
                      </a:cubicBezTo>
                      <a:cubicBezTo>
                        <a:pt x="1021390" y="1220574"/>
                        <a:pt x="1023895" y="1221127"/>
                        <a:pt x="1025099" y="1223014"/>
                      </a:cubicBezTo>
                      <a:cubicBezTo>
                        <a:pt x="1026140" y="1224640"/>
                        <a:pt x="1025880" y="1226755"/>
                        <a:pt x="1024546" y="1228056"/>
                      </a:cubicBezTo>
                      <a:close/>
                      <a:moveTo>
                        <a:pt x="1231293" y="1019422"/>
                      </a:moveTo>
                      <a:cubicBezTo>
                        <a:pt x="1229992" y="1020723"/>
                        <a:pt x="1227910" y="1021016"/>
                        <a:pt x="1226283" y="1020008"/>
                      </a:cubicBezTo>
                      <a:cubicBezTo>
                        <a:pt x="1224396" y="1018836"/>
                        <a:pt x="1223811" y="1016332"/>
                        <a:pt x="1224982" y="1014412"/>
                      </a:cubicBezTo>
                      <a:cubicBezTo>
                        <a:pt x="1229732" y="1006799"/>
                        <a:pt x="1234351" y="999024"/>
                        <a:pt x="1238743" y="991314"/>
                      </a:cubicBezTo>
                      <a:cubicBezTo>
                        <a:pt x="1239849" y="989362"/>
                        <a:pt x="1242322" y="988678"/>
                        <a:pt x="1244274" y="989784"/>
                      </a:cubicBezTo>
                      <a:cubicBezTo>
                        <a:pt x="1246226" y="990891"/>
                        <a:pt x="1246909" y="993363"/>
                        <a:pt x="1245803" y="995315"/>
                      </a:cubicBezTo>
                      <a:cubicBezTo>
                        <a:pt x="1241346" y="1003156"/>
                        <a:pt x="1236661" y="1011029"/>
                        <a:pt x="1231879" y="1018706"/>
                      </a:cubicBezTo>
                      <a:cubicBezTo>
                        <a:pt x="1231716" y="1018967"/>
                        <a:pt x="1231521" y="1019227"/>
                        <a:pt x="1231293" y="1019422"/>
                      </a:cubicBezTo>
                      <a:close/>
                      <a:moveTo>
                        <a:pt x="977991" y="1255156"/>
                      </a:moveTo>
                      <a:cubicBezTo>
                        <a:pt x="977698" y="1255449"/>
                        <a:pt x="977373" y="1255677"/>
                        <a:pt x="977015" y="1255872"/>
                      </a:cubicBezTo>
                      <a:cubicBezTo>
                        <a:pt x="969045" y="1260101"/>
                        <a:pt x="960814" y="1264201"/>
                        <a:pt x="952615" y="1268104"/>
                      </a:cubicBezTo>
                      <a:cubicBezTo>
                        <a:pt x="950598" y="1269081"/>
                        <a:pt x="948158" y="1268202"/>
                        <a:pt x="947215" y="1266185"/>
                      </a:cubicBezTo>
                      <a:cubicBezTo>
                        <a:pt x="946239" y="1264168"/>
                        <a:pt x="947117" y="1261728"/>
                        <a:pt x="949134" y="1260785"/>
                      </a:cubicBezTo>
                      <a:cubicBezTo>
                        <a:pt x="957235" y="1256913"/>
                        <a:pt x="965368" y="1252846"/>
                        <a:pt x="973241" y="1248682"/>
                      </a:cubicBezTo>
                      <a:cubicBezTo>
                        <a:pt x="975226" y="1247641"/>
                        <a:pt x="977666" y="1248389"/>
                        <a:pt x="978739" y="1250374"/>
                      </a:cubicBezTo>
                      <a:cubicBezTo>
                        <a:pt x="979585" y="1252001"/>
                        <a:pt x="979260" y="1253920"/>
                        <a:pt x="978024" y="1255124"/>
                      </a:cubicBezTo>
                      <a:close/>
                      <a:moveTo>
                        <a:pt x="1257905" y="972575"/>
                      </a:moveTo>
                      <a:cubicBezTo>
                        <a:pt x="1256702" y="973778"/>
                        <a:pt x="1254782" y="974136"/>
                        <a:pt x="1253188" y="973323"/>
                      </a:cubicBezTo>
                      <a:cubicBezTo>
                        <a:pt x="1251203" y="972282"/>
                        <a:pt x="1250423" y="969842"/>
                        <a:pt x="1251431" y="967857"/>
                      </a:cubicBezTo>
                      <a:cubicBezTo>
                        <a:pt x="1255530" y="959919"/>
                        <a:pt x="1259499" y="951786"/>
                        <a:pt x="1263273" y="943718"/>
                      </a:cubicBezTo>
                      <a:cubicBezTo>
                        <a:pt x="1264216" y="941668"/>
                        <a:pt x="1266624" y="940790"/>
                        <a:pt x="1268673" y="941733"/>
                      </a:cubicBezTo>
                      <a:cubicBezTo>
                        <a:pt x="1270723" y="942677"/>
                        <a:pt x="1271602" y="945084"/>
                        <a:pt x="1270658" y="947134"/>
                      </a:cubicBezTo>
                      <a:cubicBezTo>
                        <a:pt x="1266852" y="955332"/>
                        <a:pt x="1262818" y="963563"/>
                        <a:pt x="1258686" y="971599"/>
                      </a:cubicBezTo>
                      <a:cubicBezTo>
                        <a:pt x="1258491" y="971989"/>
                        <a:pt x="1258231" y="972314"/>
                        <a:pt x="1257938" y="972607"/>
                      </a:cubicBezTo>
                      <a:close/>
                      <a:moveTo>
                        <a:pt x="929224" y="1278352"/>
                      </a:moveTo>
                      <a:cubicBezTo>
                        <a:pt x="928866" y="1278710"/>
                        <a:pt x="928443" y="1279003"/>
                        <a:pt x="927955" y="1279198"/>
                      </a:cubicBezTo>
                      <a:cubicBezTo>
                        <a:pt x="919660" y="1282744"/>
                        <a:pt x="911136" y="1286160"/>
                        <a:pt x="902645" y="1289381"/>
                      </a:cubicBezTo>
                      <a:cubicBezTo>
                        <a:pt x="900530" y="1290162"/>
                        <a:pt x="898188" y="1289121"/>
                        <a:pt x="897407" y="1287006"/>
                      </a:cubicBezTo>
                      <a:cubicBezTo>
                        <a:pt x="896626" y="1284924"/>
                        <a:pt x="897667" y="1282582"/>
                        <a:pt x="899782" y="1281768"/>
                      </a:cubicBezTo>
                      <a:cubicBezTo>
                        <a:pt x="908175" y="1278580"/>
                        <a:pt x="916601" y="1275197"/>
                        <a:pt x="924800" y="1271716"/>
                      </a:cubicBezTo>
                      <a:cubicBezTo>
                        <a:pt x="926849" y="1270837"/>
                        <a:pt x="929257" y="1271781"/>
                        <a:pt x="930135" y="1273863"/>
                      </a:cubicBezTo>
                      <a:cubicBezTo>
                        <a:pt x="930818" y="1275424"/>
                        <a:pt x="930395" y="1277181"/>
                        <a:pt x="929257" y="1278320"/>
                      </a:cubicBezTo>
                      <a:close/>
                      <a:moveTo>
                        <a:pt x="1280581" y="923710"/>
                      </a:moveTo>
                      <a:cubicBezTo>
                        <a:pt x="1279442" y="924849"/>
                        <a:pt x="1277718" y="925239"/>
                        <a:pt x="1276156" y="924588"/>
                      </a:cubicBezTo>
                      <a:cubicBezTo>
                        <a:pt x="1274074" y="923710"/>
                        <a:pt x="1273098" y="921335"/>
                        <a:pt x="1273976" y="919285"/>
                      </a:cubicBezTo>
                      <a:cubicBezTo>
                        <a:pt x="1277393" y="911087"/>
                        <a:pt x="1280678" y="902661"/>
                        <a:pt x="1283769" y="894300"/>
                      </a:cubicBezTo>
                      <a:cubicBezTo>
                        <a:pt x="1284550" y="892185"/>
                        <a:pt x="1286892" y="891112"/>
                        <a:pt x="1288974" y="891893"/>
                      </a:cubicBezTo>
                      <a:cubicBezTo>
                        <a:pt x="1291089" y="892674"/>
                        <a:pt x="1292163" y="895016"/>
                        <a:pt x="1291381" y="897098"/>
                      </a:cubicBezTo>
                      <a:cubicBezTo>
                        <a:pt x="1288258" y="905556"/>
                        <a:pt x="1284940" y="914080"/>
                        <a:pt x="1281459" y="922376"/>
                      </a:cubicBezTo>
                      <a:cubicBezTo>
                        <a:pt x="1281264" y="922897"/>
                        <a:pt x="1280939" y="923320"/>
                        <a:pt x="1280581" y="923677"/>
                      </a:cubicBezTo>
                      <a:close/>
                      <a:moveTo>
                        <a:pt x="878733" y="1297482"/>
                      </a:moveTo>
                      <a:cubicBezTo>
                        <a:pt x="878310" y="1297905"/>
                        <a:pt x="877757" y="1298263"/>
                        <a:pt x="877139" y="1298458"/>
                      </a:cubicBezTo>
                      <a:cubicBezTo>
                        <a:pt x="868583" y="1301321"/>
                        <a:pt x="859799" y="1304021"/>
                        <a:pt x="851080" y="1306526"/>
                      </a:cubicBezTo>
                      <a:cubicBezTo>
                        <a:pt x="848932" y="1307144"/>
                        <a:pt x="846688" y="1305908"/>
                        <a:pt x="846037" y="1303761"/>
                      </a:cubicBezTo>
                      <a:cubicBezTo>
                        <a:pt x="845419" y="1301614"/>
                        <a:pt x="846655" y="1299336"/>
                        <a:pt x="848803" y="1298751"/>
                      </a:cubicBezTo>
                      <a:cubicBezTo>
                        <a:pt x="857424" y="1296278"/>
                        <a:pt x="866077" y="1293578"/>
                        <a:pt x="874536" y="1290780"/>
                      </a:cubicBezTo>
                      <a:cubicBezTo>
                        <a:pt x="876651" y="1290064"/>
                        <a:pt x="878961" y="1291236"/>
                        <a:pt x="879676" y="1293350"/>
                      </a:cubicBezTo>
                      <a:cubicBezTo>
                        <a:pt x="880165" y="1294847"/>
                        <a:pt x="879742" y="1296441"/>
                        <a:pt x="878700" y="1297514"/>
                      </a:cubicBezTo>
                      <a:close/>
                      <a:moveTo>
                        <a:pt x="1299157" y="873284"/>
                      </a:moveTo>
                      <a:cubicBezTo>
                        <a:pt x="1298116" y="874325"/>
                        <a:pt x="1296522" y="874748"/>
                        <a:pt x="1295025" y="874292"/>
                      </a:cubicBezTo>
                      <a:cubicBezTo>
                        <a:pt x="1292878" y="873609"/>
                        <a:pt x="1291707" y="871299"/>
                        <a:pt x="1292423" y="869185"/>
                      </a:cubicBezTo>
                      <a:cubicBezTo>
                        <a:pt x="1295155" y="860726"/>
                        <a:pt x="1297758" y="852072"/>
                        <a:pt x="1300166" y="843484"/>
                      </a:cubicBezTo>
                      <a:cubicBezTo>
                        <a:pt x="1300784" y="841336"/>
                        <a:pt x="1302996" y="840067"/>
                        <a:pt x="1305176" y="840653"/>
                      </a:cubicBezTo>
                      <a:cubicBezTo>
                        <a:pt x="1307323" y="841271"/>
                        <a:pt x="1308592" y="843484"/>
                        <a:pt x="1308006" y="845663"/>
                      </a:cubicBezTo>
                      <a:cubicBezTo>
                        <a:pt x="1305566" y="854382"/>
                        <a:pt x="1302931" y="863133"/>
                        <a:pt x="1300166" y="871690"/>
                      </a:cubicBezTo>
                      <a:cubicBezTo>
                        <a:pt x="1299970" y="872308"/>
                        <a:pt x="1299612" y="872861"/>
                        <a:pt x="1299189" y="873316"/>
                      </a:cubicBezTo>
                      <a:close/>
                      <a:moveTo>
                        <a:pt x="826908" y="1312414"/>
                      </a:moveTo>
                      <a:cubicBezTo>
                        <a:pt x="826387" y="1312935"/>
                        <a:pt x="825736" y="1313293"/>
                        <a:pt x="824988" y="1313488"/>
                      </a:cubicBezTo>
                      <a:cubicBezTo>
                        <a:pt x="816237" y="1315635"/>
                        <a:pt x="807290" y="1317620"/>
                        <a:pt x="798376" y="1319409"/>
                      </a:cubicBezTo>
                      <a:cubicBezTo>
                        <a:pt x="796164" y="1319865"/>
                        <a:pt x="794049" y="1318433"/>
                        <a:pt x="793594" y="1316221"/>
                      </a:cubicBezTo>
                      <a:cubicBezTo>
                        <a:pt x="793139" y="1314041"/>
                        <a:pt x="794570" y="1311894"/>
                        <a:pt x="796782" y="1311438"/>
                      </a:cubicBezTo>
                      <a:cubicBezTo>
                        <a:pt x="805566" y="1309649"/>
                        <a:pt x="814415" y="1307697"/>
                        <a:pt x="823069" y="1305583"/>
                      </a:cubicBezTo>
                      <a:cubicBezTo>
                        <a:pt x="825249" y="1305062"/>
                        <a:pt x="827428" y="1306396"/>
                        <a:pt x="827981" y="1308576"/>
                      </a:cubicBezTo>
                      <a:cubicBezTo>
                        <a:pt x="828339" y="1310007"/>
                        <a:pt x="827884" y="1311438"/>
                        <a:pt x="826908" y="1312414"/>
                      </a:cubicBezTo>
                      <a:close/>
                      <a:moveTo>
                        <a:pt x="1313602" y="821491"/>
                      </a:moveTo>
                      <a:cubicBezTo>
                        <a:pt x="1312626" y="822467"/>
                        <a:pt x="1311227" y="822923"/>
                        <a:pt x="1309795" y="822565"/>
                      </a:cubicBezTo>
                      <a:cubicBezTo>
                        <a:pt x="1307616" y="822044"/>
                        <a:pt x="1306249" y="819865"/>
                        <a:pt x="1306770" y="817685"/>
                      </a:cubicBezTo>
                      <a:cubicBezTo>
                        <a:pt x="1308820" y="809031"/>
                        <a:pt x="1310706" y="800182"/>
                        <a:pt x="1312398" y="791398"/>
                      </a:cubicBezTo>
                      <a:cubicBezTo>
                        <a:pt x="1312821" y="789186"/>
                        <a:pt x="1314936" y="787755"/>
                        <a:pt x="1317148" y="788177"/>
                      </a:cubicBezTo>
                      <a:cubicBezTo>
                        <a:pt x="1319360" y="788600"/>
                        <a:pt x="1320791" y="790715"/>
                        <a:pt x="1320368" y="792927"/>
                      </a:cubicBezTo>
                      <a:cubicBezTo>
                        <a:pt x="1318644" y="801809"/>
                        <a:pt x="1316757" y="810755"/>
                        <a:pt x="1314675" y="819539"/>
                      </a:cubicBezTo>
                      <a:cubicBezTo>
                        <a:pt x="1314513" y="820288"/>
                        <a:pt x="1314122" y="820971"/>
                        <a:pt x="1313602" y="821491"/>
                      </a:cubicBezTo>
                      <a:close/>
                      <a:moveTo>
                        <a:pt x="774042" y="1323085"/>
                      </a:moveTo>
                      <a:cubicBezTo>
                        <a:pt x="773456" y="1323671"/>
                        <a:pt x="772675" y="1324094"/>
                        <a:pt x="771797" y="1324224"/>
                      </a:cubicBezTo>
                      <a:cubicBezTo>
                        <a:pt x="762850" y="1325655"/>
                        <a:pt x="753773" y="1326924"/>
                        <a:pt x="744795" y="1327965"/>
                      </a:cubicBezTo>
                      <a:cubicBezTo>
                        <a:pt x="742582" y="1328226"/>
                        <a:pt x="740533" y="1326631"/>
                        <a:pt x="740273" y="1324419"/>
                      </a:cubicBezTo>
                      <a:cubicBezTo>
                        <a:pt x="740012" y="1322207"/>
                        <a:pt x="741606" y="1320157"/>
                        <a:pt x="743819" y="1319897"/>
                      </a:cubicBezTo>
                      <a:cubicBezTo>
                        <a:pt x="752700" y="1318856"/>
                        <a:pt x="761647" y="1317587"/>
                        <a:pt x="770495" y="1316188"/>
                      </a:cubicBezTo>
                      <a:cubicBezTo>
                        <a:pt x="772708" y="1315831"/>
                        <a:pt x="774790" y="1317327"/>
                        <a:pt x="775148" y="1319572"/>
                      </a:cubicBezTo>
                      <a:cubicBezTo>
                        <a:pt x="775375" y="1320906"/>
                        <a:pt x="774888" y="1322207"/>
                        <a:pt x="774009" y="1323085"/>
                      </a:cubicBezTo>
                      <a:close/>
                      <a:moveTo>
                        <a:pt x="1323785" y="768690"/>
                      </a:moveTo>
                      <a:cubicBezTo>
                        <a:pt x="1322906" y="769568"/>
                        <a:pt x="1321637" y="770024"/>
                        <a:pt x="1320303" y="769829"/>
                      </a:cubicBezTo>
                      <a:cubicBezTo>
                        <a:pt x="1318091" y="769504"/>
                        <a:pt x="1316562" y="767421"/>
                        <a:pt x="1316888" y="765209"/>
                      </a:cubicBezTo>
                      <a:cubicBezTo>
                        <a:pt x="1318221" y="756425"/>
                        <a:pt x="1319393" y="747446"/>
                        <a:pt x="1320368" y="738565"/>
                      </a:cubicBezTo>
                      <a:cubicBezTo>
                        <a:pt x="1320629" y="736320"/>
                        <a:pt x="1322613" y="734726"/>
                        <a:pt x="1324858" y="734986"/>
                      </a:cubicBezTo>
                      <a:cubicBezTo>
                        <a:pt x="1327070" y="735214"/>
                        <a:pt x="1328697" y="737231"/>
                        <a:pt x="1328437" y="739475"/>
                      </a:cubicBezTo>
                      <a:cubicBezTo>
                        <a:pt x="1327461" y="748487"/>
                        <a:pt x="1326257" y="757564"/>
                        <a:pt x="1324923" y="766445"/>
                      </a:cubicBezTo>
                      <a:cubicBezTo>
                        <a:pt x="1324793" y="767324"/>
                        <a:pt x="1324370" y="768104"/>
                        <a:pt x="1323785" y="768723"/>
                      </a:cubicBezTo>
                      <a:close/>
                      <a:moveTo>
                        <a:pt x="720525" y="1329429"/>
                      </a:moveTo>
                      <a:cubicBezTo>
                        <a:pt x="719874" y="1330080"/>
                        <a:pt x="718963" y="1330535"/>
                        <a:pt x="717955" y="1330600"/>
                      </a:cubicBezTo>
                      <a:cubicBezTo>
                        <a:pt x="709008" y="1331284"/>
                        <a:pt x="699866" y="1331804"/>
                        <a:pt x="690757" y="1332162"/>
                      </a:cubicBezTo>
                      <a:cubicBezTo>
                        <a:pt x="688512" y="1332260"/>
                        <a:pt x="686626" y="1330503"/>
                        <a:pt x="686561" y="1328258"/>
                      </a:cubicBezTo>
                      <a:cubicBezTo>
                        <a:pt x="686463" y="1326013"/>
                        <a:pt x="688220" y="1324126"/>
                        <a:pt x="690464" y="1324061"/>
                      </a:cubicBezTo>
                      <a:cubicBezTo>
                        <a:pt x="699443" y="1323736"/>
                        <a:pt x="708488" y="1323215"/>
                        <a:pt x="717337" y="1322532"/>
                      </a:cubicBezTo>
                      <a:cubicBezTo>
                        <a:pt x="719582" y="1322369"/>
                        <a:pt x="721534" y="1324029"/>
                        <a:pt x="721696" y="1326273"/>
                      </a:cubicBezTo>
                      <a:cubicBezTo>
                        <a:pt x="721794" y="1327510"/>
                        <a:pt x="721338" y="1328649"/>
                        <a:pt x="720525" y="1329462"/>
                      </a:cubicBezTo>
                      <a:close/>
                      <a:moveTo>
                        <a:pt x="1329673" y="715173"/>
                      </a:moveTo>
                      <a:cubicBezTo>
                        <a:pt x="1328860" y="715987"/>
                        <a:pt x="1327754" y="716442"/>
                        <a:pt x="1326517" y="716345"/>
                      </a:cubicBezTo>
                      <a:cubicBezTo>
                        <a:pt x="1324273" y="716182"/>
                        <a:pt x="1322581" y="714262"/>
                        <a:pt x="1322743" y="712018"/>
                      </a:cubicBezTo>
                      <a:cubicBezTo>
                        <a:pt x="1323362" y="703104"/>
                        <a:pt x="1323785" y="694059"/>
                        <a:pt x="1324045" y="685145"/>
                      </a:cubicBezTo>
                      <a:cubicBezTo>
                        <a:pt x="1324110" y="682900"/>
                        <a:pt x="1325964" y="681144"/>
                        <a:pt x="1328209" y="681209"/>
                      </a:cubicBezTo>
                      <a:cubicBezTo>
                        <a:pt x="1330454" y="681274"/>
                        <a:pt x="1332211" y="683128"/>
                        <a:pt x="1332145" y="685373"/>
                      </a:cubicBezTo>
                      <a:cubicBezTo>
                        <a:pt x="1331885" y="694385"/>
                        <a:pt x="1331430" y="703527"/>
                        <a:pt x="1330811" y="712571"/>
                      </a:cubicBezTo>
                      <a:cubicBezTo>
                        <a:pt x="1330747" y="713579"/>
                        <a:pt x="1330291" y="714490"/>
                        <a:pt x="1329640" y="715173"/>
                      </a:cubicBezTo>
                      <a:close/>
                      <a:moveTo>
                        <a:pt x="666715" y="1331414"/>
                      </a:moveTo>
                      <a:cubicBezTo>
                        <a:pt x="665967" y="1332162"/>
                        <a:pt x="664959" y="1332617"/>
                        <a:pt x="663820" y="1332617"/>
                      </a:cubicBezTo>
                      <a:cubicBezTo>
                        <a:pt x="654776" y="1332617"/>
                        <a:pt x="645634" y="1332357"/>
                        <a:pt x="636590" y="1331967"/>
                      </a:cubicBezTo>
                      <a:cubicBezTo>
                        <a:pt x="634345" y="1331869"/>
                        <a:pt x="632621" y="1329982"/>
                        <a:pt x="632718" y="1327738"/>
                      </a:cubicBezTo>
                      <a:cubicBezTo>
                        <a:pt x="632816" y="1325493"/>
                        <a:pt x="634703" y="1323769"/>
                        <a:pt x="636948" y="1323866"/>
                      </a:cubicBezTo>
                      <a:cubicBezTo>
                        <a:pt x="645862" y="1324256"/>
                        <a:pt x="654906" y="1324484"/>
                        <a:pt x="663853" y="1324517"/>
                      </a:cubicBezTo>
                      <a:cubicBezTo>
                        <a:pt x="666097" y="1324517"/>
                        <a:pt x="667919" y="1326339"/>
                        <a:pt x="667887" y="1328583"/>
                      </a:cubicBezTo>
                      <a:cubicBezTo>
                        <a:pt x="667887" y="1329689"/>
                        <a:pt x="667431" y="1330698"/>
                        <a:pt x="666683" y="1331446"/>
                      </a:cubicBezTo>
                      <a:close/>
                      <a:moveTo>
                        <a:pt x="1331234" y="661331"/>
                      </a:moveTo>
                      <a:cubicBezTo>
                        <a:pt x="1330519" y="662047"/>
                        <a:pt x="1329510" y="662502"/>
                        <a:pt x="1328404" y="662535"/>
                      </a:cubicBezTo>
                      <a:cubicBezTo>
                        <a:pt x="1326159" y="662535"/>
                        <a:pt x="1324337" y="660778"/>
                        <a:pt x="1324305" y="658533"/>
                      </a:cubicBezTo>
                      <a:cubicBezTo>
                        <a:pt x="1324208" y="649619"/>
                        <a:pt x="1323914" y="640575"/>
                        <a:pt x="1323427" y="631629"/>
                      </a:cubicBezTo>
                      <a:cubicBezTo>
                        <a:pt x="1323297" y="629384"/>
                        <a:pt x="1325021" y="627464"/>
                        <a:pt x="1327265" y="627367"/>
                      </a:cubicBezTo>
                      <a:cubicBezTo>
                        <a:pt x="1329510" y="627237"/>
                        <a:pt x="1331430" y="628961"/>
                        <a:pt x="1331527" y="631206"/>
                      </a:cubicBezTo>
                      <a:cubicBezTo>
                        <a:pt x="1332016" y="640250"/>
                        <a:pt x="1332308" y="649392"/>
                        <a:pt x="1332406" y="658436"/>
                      </a:cubicBezTo>
                      <a:cubicBezTo>
                        <a:pt x="1332406" y="659574"/>
                        <a:pt x="1331950" y="660615"/>
                        <a:pt x="1331202" y="661364"/>
                      </a:cubicBezTo>
                      <a:close/>
                      <a:moveTo>
                        <a:pt x="612938" y="1329039"/>
                      </a:moveTo>
                      <a:cubicBezTo>
                        <a:pt x="612125" y="1329852"/>
                        <a:pt x="610954" y="1330308"/>
                        <a:pt x="609718" y="1330210"/>
                      </a:cubicBezTo>
                      <a:cubicBezTo>
                        <a:pt x="600738" y="1329462"/>
                        <a:pt x="591629" y="1328486"/>
                        <a:pt x="582650" y="1327380"/>
                      </a:cubicBezTo>
                      <a:cubicBezTo>
                        <a:pt x="580438" y="1327087"/>
                        <a:pt x="578844" y="1325070"/>
                        <a:pt x="579136" y="1322858"/>
                      </a:cubicBezTo>
                      <a:cubicBezTo>
                        <a:pt x="579397" y="1320613"/>
                        <a:pt x="581446" y="1319051"/>
                        <a:pt x="583659" y="1319344"/>
                      </a:cubicBezTo>
                      <a:cubicBezTo>
                        <a:pt x="592507" y="1320450"/>
                        <a:pt x="601519" y="1321394"/>
                        <a:pt x="610401" y="1322142"/>
                      </a:cubicBezTo>
                      <a:cubicBezTo>
                        <a:pt x="612645" y="1322337"/>
                        <a:pt x="614304" y="1324289"/>
                        <a:pt x="614109" y="1326534"/>
                      </a:cubicBezTo>
                      <a:cubicBezTo>
                        <a:pt x="614012" y="1327542"/>
                        <a:pt x="613589" y="1328421"/>
                        <a:pt x="612938" y="1329071"/>
                      </a:cubicBezTo>
                      <a:close/>
                      <a:moveTo>
                        <a:pt x="1328437" y="607554"/>
                      </a:moveTo>
                      <a:cubicBezTo>
                        <a:pt x="1327786" y="608205"/>
                        <a:pt x="1326908" y="608628"/>
                        <a:pt x="1325932" y="608725"/>
                      </a:cubicBezTo>
                      <a:cubicBezTo>
                        <a:pt x="1323687" y="608920"/>
                        <a:pt x="1321735" y="607294"/>
                        <a:pt x="1321507" y="605049"/>
                      </a:cubicBezTo>
                      <a:cubicBezTo>
                        <a:pt x="1320694" y="596168"/>
                        <a:pt x="1319653" y="587188"/>
                        <a:pt x="1318482" y="578307"/>
                      </a:cubicBezTo>
                      <a:cubicBezTo>
                        <a:pt x="1318189" y="576095"/>
                        <a:pt x="1319751" y="574045"/>
                        <a:pt x="1321963" y="573752"/>
                      </a:cubicBezTo>
                      <a:cubicBezTo>
                        <a:pt x="1324175" y="573459"/>
                        <a:pt x="1326225" y="575021"/>
                        <a:pt x="1326517" y="577233"/>
                      </a:cubicBezTo>
                      <a:cubicBezTo>
                        <a:pt x="1327721" y="586212"/>
                        <a:pt x="1328762" y="595322"/>
                        <a:pt x="1329576" y="604301"/>
                      </a:cubicBezTo>
                      <a:cubicBezTo>
                        <a:pt x="1329705" y="605570"/>
                        <a:pt x="1329217" y="606741"/>
                        <a:pt x="1328404" y="607554"/>
                      </a:cubicBezTo>
                      <a:close/>
                      <a:moveTo>
                        <a:pt x="559552" y="1322337"/>
                      </a:moveTo>
                      <a:cubicBezTo>
                        <a:pt x="558641" y="1323248"/>
                        <a:pt x="557339" y="1323703"/>
                        <a:pt x="556006" y="1323476"/>
                      </a:cubicBezTo>
                      <a:cubicBezTo>
                        <a:pt x="547092" y="1321979"/>
                        <a:pt x="538080" y="1320288"/>
                        <a:pt x="529264" y="1318466"/>
                      </a:cubicBezTo>
                      <a:cubicBezTo>
                        <a:pt x="527084" y="1318010"/>
                        <a:pt x="525652" y="1315863"/>
                        <a:pt x="526107" y="1313651"/>
                      </a:cubicBezTo>
                      <a:cubicBezTo>
                        <a:pt x="526563" y="1311438"/>
                        <a:pt x="528710" y="1310040"/>
                        <a:pt x="530922" y="1310495"/>
                      </a:cubicBezTo>
                      <a:cubicBezTo>
                        <a:pt x="539641" y="1312317"/>
                        <a:pt x="548523" y="1313976"/>
                        <a:pt x="557339" y="1315440"/>
                      </a:cubicBezTo>
                      <a:cubicBezTo>
                        <a:pt x="559552" y="1315798"/>
                        <a:pt x="561048" y="1317912"/>
                        <a:pt x="560690" y="1320125"/>
                      </a:cubicBezTo>
                      <a:cubicBezTo>
                        <a:pt x="560560" y="1321003"/>
                        <a:pt x="560137" y="1321752"/>
                        <a:pt x="559552" y="1322337"/>
                      </a:cubicBezTo>
                      <a:close/>
                      <a:moveTo>
                        <a:pt x="1321280" y="554135"/>
                      </a:moveTo>
                      <a:cubicBezTo>
                        <a:pt x="1320694" y="554688"/>
                        <a:pt x="1319978" y="555111"/>
                        <a:pt x="1319100" y="555274"/>
                      </a:cubicBezTo>
                      <a:cubicBezTo>
                        <a:pt x="1316888" y="555664"/>
                        <a:pt x="1314773" y="554200"/>
                        <a:pt x="1314383" y="551988"/>
                      </a:cubicBezTo>
                      <a:cubicBezTo>
                        <a:pt x="1312821" y="543171"/>
                        <a:pt x="1311097" y="534290"/>
                        <a:pt x="1309177" y="525571"/>
                      </a:cubicBezTo>
                      <a:cubicBezTo>
                        <a:pt x="1308689" y="523391"/>
                        <a:pt x="1310088" y="521211"/>
                        <a:pt x="1312268" y="520723"/>
                      </a:cubicBezTo>
                      <a:cubicBezTo>
                        <a:pt x="1314448" y="520235"/>
                        <a:pt x="1316627" y="521634"/>
                        <a:pt x="1317115" y="523814"/>
                      </a:cubicBezTo>
                      <a:cubicBezTo>
                        <a:pt x="1319035" y="532631"/>
                        <a:pt x="1320791" y="541642"/>
                        <a:pt x="1322386" y="550556"/>
                      </a:cubicBezTo>
                      <a:cubicBezTo>
                        <a:pt x="1322613" y="551923"/>
                        <a:pt x="1322158" y="553224"/>
                        <a:pt x="1321247" y="554135"/>
                      </a:cubicBezTo>
                      <a:close/>
                      <a:moveTo>
                        <a:pt x="506881" y="1311341"/>
                      </a:moveTo>
                      <a:cubicBezTo>
                        <a:pt x="505905" y="1312317"/>
                        <a:pt x="504441" y="1312772"/>
                        <a:pt x="503009" y="1312414"/>
                      </a:cubicBezTo>
                      <a:cubicBezTo>
                        <a:pt x="494225" y="1310202"/>
                        <a:pt x="485409" y="1307795"/>
                        <a:pt x="476788" y="1305257"/>
                      </a:cubicBezTo>
                      <a:cubicBezTo>
                        <a:pt x="474640" y="1304607"/>
                        <a:pt x="473404" y="1302362"/>
                        <a:pt x="474055" y="1300215"/>
                      </a:cubicBezTo>
                      <a:cubicBezTo>
                        <a:pt x="474673" y="1298067"/>
                        <a:pt x="476950" y="1296831"/>
                        <a:pt x="479097" y="1297482"/>
                      </a:cubicBezTo>
                      <a:cubicBezTo>
                        <a:pt x="487621" y="1299987"/>
                        <a:pt x="496340" y="1302394"/>
                        <a:pt x="504994" y="1304574"/>
                      </a:cubicBezTo>
                      <a:cubicBezTo>
                        <a:pt x="507173" y="1305127"/>
                        <a:pt x="508475" y="1307339"/>
                        <a:pt x="507954" y="1309519"/>
                      </a:cubicBezTo>
                      <a:cubicBezTo>
                        <a:pt x="507759" y="1310267"/>
                        <a:pt x="507401" y="1310885"/>
                        <a:pt x="506881" y="1311406"/>
                      </a:cubicBezTo>
                      <a:close/>
                      <a:moveTo>
                        <a:pt x="1309795" y="501431"/>
                      </a:moveTo>
                      <a:cubicBezTo>
                        <a:pt x="1309307" y="501919"/>
                        <a:pt x="1308689" y="502310"/>
                        <a:pt x="1307941" y="502472"/>
                      </a:cubicBezTo>
                      <a:cubicBezTo>
                        <a:pt x="1305761" y="503025"/>
                        <a:pt x="1303549" y="501724"/>
                        <a:pt x="1302996" y="499577"/>
                      </a:cubicBezTo>
                      <a:cubicBezTo>
                        <a:pt x="1300751" y="490923"/>
                        <a:pt x="1298278" y="482204"/>
                        <a:pt x="1295676" y="473648"/>
                      </a:cubicBezTo>
                      <a:cubicBezTo>
                        <a:pt x="1295025" y="471501"/>
                        <a:pt x="1296229" y="469224"/>
                        <a:pt x="1298376" y="468573"/>
                      </a:cubicBezTo>
                      <a:cubicBezTo>
                        <a:pt x="1300523" y="467922"/>
                        <a:pt x="1302801" y="469126"/>
                        <a:pt x="1303451" y="471273"/>
                      </a:cubicBezTo>
                      <a:cubicBezTo>
                        <a:pt x="1306086" y="479927"/>
                        <a:pt x="1308592" y="488744"/>
                        <a:pt x="1310869" y="497527"/>
                      </a:cubicBezTo>
                      <a:cubicBezTo>
                        <a:pt x="1311259" y="498959"/>
                        <a:pt x="1310804" y="500455"/>
                        <a:pt x="1309795" y="501431"/>
                      </a:cubicBezTo>
                      <a:close/>
                      <a:moveTo>
                        <a:pt x="455316" y="1296116"/>
                      </a:moveTo>
                      <a:cubicBezTo>
                        <a:pt x="454242" y="1297189"/>
                        <a:pt x="452648" y="1297612"/>
                        <a:pt x="451119" y="1297091"/>
                      </a:cubicBezTo>
                      <a:cubicBezTo>
                        <a:pt x="442596" y="1294196"/>
                        <a:pt x="434007" y="1291073"/>
                        <a:pt x="425580" y="1287819"/>
                      </a:cubicBezTo>
                      <a:cubicBezTo>
                        <a:pt x="423499" y="1287006"/>
                        <a:pt x="422457" y="1284664"/>
                        <a:pt x="423238" y="1282582"/>
                      </a:cubicBezTo>
                      <a:cubicBezTo>
                        <a:pt x="424051" y="1280500"/>
                        <a:pt x="426394" y="1279459"/>
                        <a:pt x="428476" y="1280272"/>
                      </a:cubicBezTo>
                      <a:cubicBezTo>
                        <a:pt x="436772" y="1283493"/>
                        <a:pt x="445263" y="1286551"/>
                        <a:pt x="453689" y="1289446"/>
                      </a:cubicBezTo>
                      <a:cubicBezTo>
                        <a:pt x="455804" y="1290162"/>
                        <a:pt x="456942" y="1292472"/>
                        <a:pt x="456227" y="1294586"/>
                      </a:cubicBezTo>
                      <a:cubicBezTo>
                        <a:pt x="456032" y="1295204"/>
                        <a:pt x="455673" y="1295725"/>
                        <a:pt x="455251" y="1296148"/>
                      </a:cubicBezTo>
                      <a:close/>
                      <a:moveTo>
                        <a:pt x="1294049" y="449834"/>
                      </a:moveTo>
                      <a:cubicBezTo>
                        <a:pt x="1293626" y="450257"/>
                        <a:pt x="1293106" y="450582"/>
                        <a:pt x="1292520" y="450777"/>
                      </a:cubicBezTo>
                      <a:cubicBezTo>
                        <a:pt x="1290406" y="451526"/>
                        <a:pt x="1288096" y="450420"/>
                        <a:pt x="1287347" y="448272"/>
                      </a:cubicBezTo>
                      <a:cubicBezTo>
                        <a:pt x="1284387" y="439814"/>
                        <a:pt x="1281231" y="431323"/>
                        <a:pt x="1277913" y="423027"/>
                      </a:cubicBezTo>
                      <a:cubicBezTo>
                        <a:pt x="1277100" y="420945"/>
                        <a:pt x="1278108" y="418570"/>
                        <a:pt x="1280190" y="417756"/>
                      </a:cubicBezTo>
                      <a:cubicBezTo>
                        <a:pt x="1282272" y="416943"/>
                        <a:pt x="1284647" y="417952"/>
                        <a:pt x="1285461" y="420034"/>
                      </a:cubicBezTo>
                      <a:cubicBezTo>
                        <a:pt x="1288812" y="428460"/>
                        <a:pt x="1292000" y="437049"/>
                        <a:pt x="1294993" y="445605"/>
                      </a:cubicBezTo>
                      <a:cubicBezTo>
                        <a:pt x="1295513" y="447134"/>
                        <a:pt x="1295090" y="448760"/>
                        <a:pt x="1294017" y="449834"/>
                      </a:cubicBezTo>
                      <a:close/>
                      <a:moveTo>
                        <a:pt x="405183" y="1276758"/>
                      </a:moveTo>
                      <a:cubicBezTo>
                        <a:pt x="404044" y="1277897"/>
                        <a:pt x="402254" y="1278287"/>
                        <a:pt x="400693" y="1277604"/>
                      </a:cubicBezTo>
                      <a:cubicBezTo>
                        <a:pt x="392429" y="1274025"/>
                        <a:pt x="384101" y="1270187"/>
                        <a:pt x="375935" y="1266250"/>
                      </a:cubicBezTo>
                      <a:cubicBezTo>
                        <a:pt x="373918" y="1265274"/>
                        <a:pt x="373072" y="1262834"/>
                        <a:pt x="374048" y="1260817"/>
                      </a:cubicBezTo>
                      <a:cubicBezTo>
                        <a:pt x="375024" y="1258800"/>
                        <a:pt x="377464" y="1257954"/>
                        <a:pt x="379481" y="1258930"/>
                      </a:cubicBezTo>
                      <a:cubicBezTo>
                        <a:pt x="387550" y="1262834"/>
                        <a:pt x="395748" y="1266608"/>
                        <a:pt x="403946" y="1270154"/>
                      </a:cubicBezTo>
                      <a:cubicBezTo>
                        <a:pt x="405996" y="1271032"/>
                        <a:pt x="406939" y="1273440"/>
                        <a:pt x="406061" y="1275489"/>
                      </a:cubicBezTo>
                      <a:cubicBezTo>
                        <a:pt x="405866" y="1275978"/>
                        <a:pt x="405573" y="1276401"/>
                        <a:pt x="405215" y="1276758"/>
                      </a:cubicBezTo>
                      <a:close/>
                      <a:moveTo>
                        <a:pt x="1274139" y="399668"/>
                      </a:moveTo>
                      <a:cubicBezTo>
                        <a:pt x="1273781" y="400026"/>
                        <a:pt x="1273391" y="400286"/>
                        <a:pt x="1272936" y="400514"/>
                      </a:cubicBezTo>
                      <a:cubicBezTo>
                        <a:pt x="1270886" y="401425"/>
                        <a:pt x="1268479" y="400514"/>
                        <a:pt x="1267567" y="398464"/>
                      </a:cubicBezTo>
                      <a:cubicBezTo>
                        <a:pt x="1263924" y="390299"/>
                        <a:pt x="1260052" y="382068"/>
                        <a:pt x="1256083" y="374065"/>
                      </a:cubicBezTo>
                      <a:cubicBezTo>
                        <a:pt x="1255075" y="372048"/>
                        <a:pt x="1255888" y="369608"/>
                        <a:pt x="1257905" y="368632"/>
                      </a:cubicBezTo>
                      <a:cubicBezTo>
                        <a:pt x="1259922" y="367623"/>
                        <a:pt x="1262362" y="368469"/>
                        <a:pt x="1263338" y="370453"/>
                      </a:cubicBezTo>
                      <a:cubicBezTo>
                        <a:pt x="1267372" y="378554"/>
                        <a:pt x="1271276" y="386883"/>
                        <a:pt x="1274953" y="395179"/>
                      </a:cubicBezTo>
                      <a:cubicBezTo>
                        <a:pt x="1275668" y="396773"/>
                        <a:pt x="1275278" y="398562"/>
                        <a:pt x="1274107" y="399701"/>
                      </a:cubicBezTo>
                      <a:close/>
                      <a:moveTo>
                        <a:pt x="356708" y="1253302"/>
                      </a:moveTo>
                      <a:cubicBezTo>
                        <a:pt x="355472" y="1254538"/>
                        <a:pt x="353553" y="1254863"/>
                        <a:pt x="351926" y="1254018"/>
                      </a:cubicBezTo>
                      <a:cubicBezTo>
                        <a:pt x="343955" y="1249756"/>
                        <a:pt x="335985" y="1245266"/>
                        <a:pt x="328177" y="1240679"/>
                      </a:cubicBezTo>
                      <a:cubicBezTo>
                        <a:pt x="326257" y="1239541"/>
                        <a:pt x="325607" y="1237035"/>
                        <a:pt x="326745" y="1235116"/>
                      </a:cubicBezTo>
                      <a:cubicBezTo>
                        <a:pt x="327884" y="1233197"/>
                        <a:pt x="330389" y="1232546"/>
                        <a:pt x="332309" y="1233685"/>
                      </a:cubicBezTo>
                      <a:cubicBezTo>
                        <a:pt x="339986" y="1238207"/>
                        <a:pt x="347892" y="1242664"/>
                        <a:pt x="355765" y="1246860"/>
                      </a:cubicBezTo>
                      <a:cubicBezTo>
                        <a:pt x="357749" y="1247934"/>
                        <a:pt x="358497" y="1250374"/>
                        <a:pt x="357424" y="1252359"/>
                      </a:cubicBezTo>
                      <a:cubicBezTo>
                        <a:pt x="357229" y="1252716"/>
                        <a:pt x="357001" y="1253042"/>
                        <a:pt x="356708" y="1253302"/>
                      </a:cubicBezTo>
                      <a:close/>
                      <a:moveTo>
                        <a:pt x="1250228" y="351324"/>
                      </a:moveTo>
                      <a:cubicBezTo>
                        <a:pt x="1249967" y="351584"/>
                        <a:pt x="1249642" y="351812"/>
                        <a:pt x="1249317" y="352007"/>
                      </a:cubicBezTo>
                      <a:cubicBezTo>
                        <a:pt x="1247365" y="353081"/>
                        <a:pt x="1244892" y="352365"/>
                        <a:pt x="1243818" y="350381"/>
                      </a:cubicBezTo>
                      <a:cubicBezTo>
                        <a:pt x="1239524" y="342540"/>
                        <a:pt x="1235034" y="334700"/>
                        <a:pt x="1230415" y="327054"/>
                      </a:cubicBezTo>
                      <a:cubicBezTo>
                        <a:pt x="1229244" y="325135"/>
                        <a:pt x="1229862" y="322630"/>
                        <a:pt x="1231814" y="321491"/>
                      </a:cubicBezTo>
                      <a:cubicBezTo>
                        <a:pt x="1233733" y="320320"/>
                        <a:pt x="1236238" y="320971"/>
                        <a:pt x="1237377" y="322890"/>
                      </a:cubicBezTo>
                      <a:cubicBezTo>
                        <a:pt x="1242029" y="330633"/>
                        <a:pt x="1246616" y="338571"/>
                        <a:pt x="1250943" y="346509"/>
                      </a:cubicBezTo>
                      <a:cubicBezTo>
                        <a:pt x="1251822" y="348136"/>
                        <a:pt x="1251496" y="350088"/>
                        <a:pt x="1250260" y="351324"/>
                      </a:cubicBezTo>
                      <a:close/>
                      <a:moveTo>
                        <a:pt x="310316" y="1225942"/>
                      </a:moveTo>
                      <a:cubicBezTo>
                        <a:pt x="308982" y="1227276"/>
                        <a:pt x="306867" y="1227536"/>
                        <a:pt x="305241" y="1226462"/>
                      </a:cubicBezTo>
                      <a:cubicBezTo>
                        <a:pt x="297661" y="1221582"/>
                        <a:pt x="290081" y="1216442"/>
                        <a:pt x="282663" y="1211237"/>
                      </a:cubicBezTo>
                      <a:cubicBezTo>
                        <a:pt x="280841" y="1209935"/>
                        <a:pt x="280386" y="1207398"/>
                        <a:pt x="281687" y="1205576"/>
                      </a:cubicBezTo>
                      <a:cubicBezTo>
                        <a:pt x="282988" y="1203754"/>
                        <a:pt x="285526" y="1203299"/>
                        <a:pt x="287348" y="1204600"/>
                      </a:cubicBezTo>
                      <a:cubicBezTo>
                        <a:pt x="294668" y="1209740"/>
                        <a:pt x="302150" y="1214815"/>
                        <a:pt x="309633" y="1219663"/>
                      </a:cubicBezTo>
                      <a:cubicBezTo>
                        <a:pt x="311520" y="1220867"/>
                        <a:pt x="312073" y="1223404"/>
                        <a:pt x="310837" y="1225291"/>
                      </a:cubicBezTo>
                      <a:cubicBezTo>
                        <a:pt x="310674" y="1225551"/>
                        <a:pt x="310479" y="1225747"/>
                        <a:pt x="310284" y="1225974"/>
                      </a:cubicBezTo>
                      <a:close/>
                      <a:moveTo>
                        <a:pt x="1222444" y="305160"/>
                      </a:moveTo>
                      <a:cubicBezTo>
                        <a:pt x="1222249" y="305355"/>
                        <a:pt x="1222054" y="305518"/>
                        <a:pt x="1221794" y="305680"/>
                      </a:cubicBezTo>
                      <a:cubicBezTo>
                        <a:pt x="1219907" y="306916"/>
                        <a:pt x="1217401" y="306396"/>
                        <a:pt x="1216165" y="304509"/>
                      </a:cubicBezTo>
                      <a:cubicBezTo>
                        <a:pt x="1211253" y="297059"/>
                        <a:pt x="1206113" y="289609"/>
                        <a:pt x="1200907" y="282354"/>
                      </a:cubicBezTo>
                      <a:cubicBezTo>
                        <a:pt x="1199606" y="280532"/>
                        <a:pt x="1199996" y="277995"/>
                        <a:pt x="1201818" y="276693"/>
                      </a:cubicBezTo>
                      <a:cubicBezTo>
                        <a:pt x="1203640" y="275392"/>
                        <a:pt x="1206178" y="275782"/>
                        <a:pt x="1207479" y="277604"/>
                      </a:cubicBezTo>
                      <a:cubicBezTo>
                        <a:pt x="1212749" y="284924"/>
                        <a:pt x="1217955" y="292472"/>
                        <a:pt x="1222932" y="300019"/>
                      </a:cubicBezTo>
                      <a:cubicBezTo>
                        <a:pt x="1224006" y="301646"/>
                        <a:pt x="1223746" y="303793"/>
                        <a:pt x="1222412" y="305127"/>
                      </a:cubicBezTo>
                      <a:close/>
                      <a:moveTo>
                        <a:pt x="266299" y="1194905"/>
                      </a:moveTo>
                      <a:cubicBezTo>
                        <a:pt x="264868" y="1196337"/>
                        <a:pt x="262590" y="1196499"/>
                        <a:pt x="260963" y="1195263"/>
                      </a:cubicBezTo>
                      <a:cubicBezTo>
                        <a:pt x="253806" y="1189765"/>
                        <a:pt x="246649" y="1184039"/>
                        <a:pt x="239720" y="1178248"/>
                      </a:cubicBezTo>
                      <a:cubicBezTo>
                        <a:pt x="237995" y="1176817"/>
                        <a:pt x="237767" y="1174247"/>
                        <a:pt x="239199" y="1172522"/>
                      </a:cubicBezTo>
                      <a:cubicBezTo>
                        <a:pt x="240630" y="1170798"/>
                        <a:pt x="243201" y="1170571"/>
                        <a:pt x="244925" y="1172002"/>
                      </a:cubicBezTo>
                      <a:cubicBezTo>
                        <a:pt x="251789" y="1177728"/>
                        <a:pt x="258849" y="1183389"/>
                        <a:pt x="265909" y="1188821"/>
                      </a:cubicBezTo>
                      <a:cubicBezTo>
                        <a:pt x="267698" y="1190188"/>
                        <a:pt x="268023" y="1192725"/>
                        <a:pt x="266657" y="1194515"/>
                      </a:cubicBezTo>
                      <a:cubicBezTo>
                        <a:pt x="266559" y="1194645"/>
                        <a:pt x="266429" y="1194808"/>
                        <a:pt x="266299" y="1194905"/>
                      </a:cubicBezTo>
                      <a:close/>
                      <a:moveTo>
                        <a:pt x="1190985" y="261435"/>
                      </a:moveTo>
                      <a:cubicBezTo>
                        <a:pt x="1190985" y="261435"/>
                        <a:pt x="1190757" y="261663"/>
                        <a:pt x="1190627" y="261761"/>
                      </a:cubicBezTo>
                      <a:cubicBezTo>
                        <a:pt x="1188870" y="263127"/>
                        <a:pt x="1186300" y="262834"/>
                        <a:pt x="1184934" y="261077"/>
                      </a:cubicBezTo>
                      <a:cubicBezTo>
                        <a:pt x="1179436" y="254050"/>
                        <a:pt x="1173710" y="247056"/>
                        <a:pt x="1167919" y="240256"/>
                      </a:cubicBezTo>
                      <a:cubicBezTo>
                        <a:pt x="1166455" y="238565"/>
                        <a:pt x="1166650" y="236027"/>
                        <a:pt x="1168374" y="234531"/>
                      </a:cubicBezTo>
                      <a:cubicBezTo>
                        <a:pt x="1170066" y="233067"/>
                        <a:pt x="1172636" y="233294"/>
                        <a:pt x="1174100" y="234986"/>
                      </a:cubicBezTo>
                      <a:cubicBezTo>
                        <a:pt x="1179956" y="241883"/>
                        <a:pt x="1185747" y="248975"/>
                        <a:pt x="1191310" y="256067"/>
                      </a:cubicBezTo>
                      <a:cubicBezTo>
                        <a:pt x="1192579" y="257694"/>
                        <a:pt x="1192416" y="260004"/>
                        <a:pt x="1190985" y="261435"/>
                      </a:cubicBezTo>
                      <a:close/>
                      <a:moveTo>
                        <a:pt x="224950" y="1160388"/>
                      </a:moveTo>
                      <a:cubicBezTo>
                        <a:pt x="223421" y="1161917"/>
                        <a:pt x="220981" y="1161982"/>
                        <a:pt x="219354" y="1160518"/>
                      </a:cubicBezTo>
                      <a:cubicBezTo>
                        <a:pt x="212652" y="1154467"/>
                        <a:pt x="205983" y="1148155"/>
                        <a:pt x="199541" y="1141844"/>
                      </a:cubicBezTo>
                      <a:cubicBezTo>
                        <a:pt x="197947" y="1140282"/>
                        <a:pt x="197914" y="1137712"/>
                        <a:pt x="199476" y="1136086"/>
                      </a:cubicBezTo>
                      <a:cubicBezTo>
                        <a:pt x="201005" y="1134556"/>
                        <a:pt x="203608" y="1134459"/>
                        <a:pt x="205234" y="1136020"/>
                      </a:cubicBezTo>
                      <a:cubicBezTo>
                        <a:pt x="211611" y="1142267"/>
                        <a:pt x="218182" y="1148481"/>
                        <a:pt x="224819" y="1154467"/>
                      </a:cubicBezTo>
                      <a:cubicBezTo>
                        <a:pt x="226479" y="1155963"/>
                        <a:pt x="226609" y="1158533"/>
                        <a:pt x="225112" y="1160192"/>
                      </a:cubicBezTo>
                      <a:cubicBezTo>
                        <a:pt x="225080" y="1160258"/>
                        <a:pt x="225015" y="1160290"/>
                        <a:pt x="224982" y="1160355"/>
                      </a:cubicBezTo>
                      <a:close/>
                      <a:moveTo>
                        <a:pt x="1156077" y="220411"/>
                      </a:moveTo>
                      <a:cubicBezTo>
                        <a:pt x="1156077" y="220411"/>
                        <a:pt x="1156012" y="220476"/>
                        <a:pt x="1155947" y="220541"/>
                      </a:cubicBezTo>
                      <a:cubicBezTo>
                        <a:pt x="1154288" y="222070"/>
                        <a:pt x="1151717" y="221973"/>
                        <a:pt x="1150221" y="220314"/>
                      </a:cubicBezTo>
                      <a:cubicBezTo>
                        <a:pt x="1144170" y="213742"/>
                        <a:pt x="1137891" y="207235"/>
                        <a:pt x="1131579" y="200924"/>
                      </a:cubicBezTo>
                      <a:cubicBezTo>
                        <a:pt x="1128587" y="197898"/>
                        <a:pt x="1125528" y="194938"/>
                        <a:pt x="1122503" y="192010"/>
                      </a:cubicBezTo>
                      <a:cubicBezTo>
                        <a:pt x="1120876" y="190448"/>
                        <a:pt x="1120844" y="187878"/>
                        <a:pt x="1122405" y="186252"/>
                      </a:cubicBezTo>
                      <a:cubicBezTo>
                        <a:pt x="1123967" y="184625"/>
                        <a:pt x="1126537" y="184592"/>
                        <a:pt x="1128164" y="186154"/>
                      </a:cubicBezTo>
                      <a:cubicBezTo>
                        <a:pt x="1131254" y="189114"/>
                        <a:pt x="1134312" y="192140"/>
                        <a:pt x="1137370" y="195166"/>
                      </a:cubicBezTo>
                      <a:cubicBezTo>
                        <a:pt x="1143747" y="201542"/>
                        <a:pt x="1150091" y="208146"/>
                        <a:pt x="1156240" y="214783"/>
                      </a:cubicBezTo>
                      <a:cubicBezTo>
                        <a:pt x="1157736" y="216377"/>
                        <a:pt x="1157671" y="218882"/>
                        <a:pt x="1156142" y="220411"/>
                      </a:cubicBezTo>
                      <a:close/>
                      <a:moveTo>
                        <a:pt x="186495" y="1122649"/>
                      </a:moveTo>
                      <a:cubicBezTo>
                        <a:pt x="186495" y="1122649"/>
                        <a:pt x="186431" y="1122714"/>
                        <a:pt x="186398" y="1122747"/>
                      </a:cubicBezTo>
                      <a:cubicBezTo>
                        <a:pt x="184771" y="1124276"/>
                        <a:pt x="182201" y="1124211"/>
                        <a:pt x="180672" y="1122584"/>
                      </a:cubicBezTo>
                      <a:cubicBezTo>
                        <a:pt x="174491" y="1116013"/>
                        <a:pt x="168342" y="1109213"/>
                        <a:pt x="162421" y="1102381"/>
                      </a:cubicBezTo>
                      <a:cubicBezTo>
                        <a:pt x="160957" y="1100690"/>
                        <a:pt x="161120" y="1098119"/>
                        <a:pt x="162812" y="1096656"/>
                      </a:cubicBezTo>
                      <a:cubicBezTo>
                        <a:pt x="164503" y="1095192"/>
                        <a:pt x="167073" y="1095354"/>
                        <a:pt x="168537" y="1097046"/>
                      </a:cubicBezTo>
                      <a:cubicBezTo>
                        <a:pt x="174393" y="1103780"/>
                        <a:pt x="180444" y="1110514"/>
                        <a:pt x="186560" y="1117021"/>
                      </a:cubicBezTo>
                      <a:cubicBezTo>
                        <a:pt x="188057" y="1118615"/>
                        <a:pt x="188025" y="1121120"/>
                        <a:pt x="186463" y="1122682"/>
                      </a:cubicBezTo>
                      <a:close/>
                      <a:moveTo>
                        <a:pt x="1108514" y="173726"/>
                      </a:moveTo>
                      <a:cubicBezTo>
                        <a:pt x="1107017" y="175223"/>
                        <a:pt x="1104577" y="175320"/>
                        <a:pt x="1102951" y="173889"/>
                      </a:cubicBezTo>
                      <a:cubicBezTo>
                        <a:pt x="1096281" y="167968"/>
                        <a:pt x="1089384" y="162080"/>
                        <a:pt x="1082487" y="156451"/>
                      </a:cubicBezTo>
                      <a:cubicBezTo>
                        <a:pt x="1080763" y="155020"/>
                        <a:pt x="1080503" y="152482"/>
                        <a:pt x="1081902" y="150725"/>
                      </a:cubicBezTo>
                      <a:cubicBezTo>
                        <a:pt x="1083333" y="148969"/>
                        <a:pt x="1085871" y="148741"/>
                        <a:pt x="1087627" y="150140"/>
                      </a:cubicBezTo>
                      <a:cubicBezTo>
                        <a:pt x="1094622" y="155866"/>
                        <a:pt x="1101584" y="161819"/>
                        <a:pt x="1108351" y="167805"/>
                      </a:cubicBezTo>
                      <a:cubicBezTo>
                        <a:pt x="1110043" y="169302"/>
                        <a:pt x="1110173" y="171872"/>
                        <a:pt x="1108676" y="173531"/>
                      </a:cubicBezTo>
                      <a:cubicBezTo>
                        <a:pt x="1108611" y="173596"/>
                        <a:pt x="1108579" y="173661"/>
                        <a:pt x="1108514" y="173694"/>
                      </a:cubicBezTo>
                      <a:close/>
                      <a:moveTo>
                        <a:pt x="151230" y="1081951"/>
                      </a:moveTo>
                      <a:cubicBezTo>
                        <a:pt x="151230" y="1081951"/>
                        <a:pt x="151002" y="1082146"/>
                        <a:pt x="150904" y="1082243"/>
                      </a:cubicBezTo>
                      <a:cubicBezTo>
                        <a:pt x="149147" y="1083642"/>
                        <a:pt x="146610" y="1083350"/>
                        <a:pt x="145211" y="1081593"/>
                      </a:cubicBezTo>
                      <a:cubicBezTo>
                        <a:pt x="139550" y="1074533"/>
                        <a:pt x="133987" y="1067246"/>
                        <a:pt x="128652" y="1059991"/>
                      </a:cubicBezTo>
                      <a:cubicBezTo>
                        <a:pt x="127318" y="1058169"/>
                        <a:pt x="127708" y="1055631"/>
                        <a:pt x="129530" y="1054330"/>
                      </a:cubicBezTo>
                      <a:cubicBezTo>
                        <a:pt x="131352" y="1052996"/>
                        <a:pt x="133890" y="1053387"/>
                        <a:pt x="135223" y="1055208"/>
                      </a:cubicBezTo>
                      <a:cubicBezTo>
                        <a:pt x="140494" y="1062398"/>
                        <a:pt x="145992" y="1069588"/>
                        <a:pt x="151587" y="1076550"/>
                      </a:cubicBezTo>
                      <a:cubicBezTo>
                        <a:pt x="152889" y="1078177"/>
                        <a:pt x="152726" y="1080519"/>
                        <a:pt x="151295" y="1081951"/>
                      </a:cubicBezTo>
                      <a:close/>
                      <a:moveTo>
                        <a:pt x="1066872" y="139599"/>
                      </a:moveTo>
                      <a:cubicBezTo>
                        <a:pt x="1065472" y="140998"/>
                        <a:pt x="1063195" y="141193"/>
                        <a:pt x="1061569" y="139957"/>
                      </a:cubicBezTo>
                      <a:cubicBezTo>
                        <a:pt x="1054444" y="134589"/>
                        <a:pt x="1047091" y="129286"/>
                        <a:pt x="1039771" y="124211"/>
                      </a:cubicBezTo>
                      <a:cubicBezTo>
                        <a:pt x="1037917" y="122942"/>
                        <a:pt x="1037462" y="120405"/>
                        <a:pt x="1038730" y="118550"/>
                      </a:cubicBezTo>
                      <a:cubicBezTo>
                        <a:pt x="1039999" y="116696"/>
                        <a:pt x="1042536" y="116241"/>
                        <a:pt x="1044391" y="117509"/>
                      </a:cubicBezTo>
                      <a:cubicBezTo>
                        <a:pt x="1051841" y="122650"/>
                        <a:pt x="1059259" y="128017"/>
                        <a:pt x="1066481" y="133450"/>
                      </a:cubicBezTo>
                      <a:cubicBezTo>
                        <a:pt x="1068270" y="134817"/>
                        <a:pt x="1068628" y="137354"/>
                        <a:pt x="1067294" y="139144"/>
                      </a:cubicBezTo>
                      <a:cubicBezTo>
                        <a:pt x="1067164" y="139306"/>
                        <a:pt x="1067067" y="139436"/>
                        <a:pt x="1066904" y="139567"/>
                      </a:cubicBezTo>
                      <a:close/>
                      <a:moveTo>
                        <a:pt x="119348" y="1038551"/>
                      </a:moveTo>
                      <a:cubicBezTo>
                        <a:pt x="119152" y="1038747"/>
                        <a:pt x="118957" y="1038909"/>
                        <a:pt x="118729" y="1039040"/>
                      </a:cubicBezTo>
                      <a:cubicBezTo>
                        <a:pt x="116875" y="1040308"/>
                        <a:pt x="114337" y="1039788"/>
                        <a:pt x="113101" y="1037933"/>
                      </a:cubicBezTo>
                      <a:cubicBezTo>
                        <a:pt x="108058" y="1030451"/>
                        <a:pt x="103081" y="1022740"/>
                        <a:pt x="98364" y="1015030"/>
                      </a:cubicBezTo>
                      <a:cubicBezTo>
                        <a:pt x="97192" y="1013111"/>
                        <a:pt x="97778" y="1010606"/>
                        <a:pt x="99697" y="1009435"/>
                      </a:cubicBezTo>
                      <a:cubicBezTo>
                        <a:pt x="101617" y="1008263"/>
                        <a:pt x="104122" y="1008849"/>
                        <a:pt x="105293" y="1010768"/>
                      </a:cubicBezTo>
                      <a:cubicBezTo>
                        <a:pt x="109978" y="1018381"/>
                        <a:pt x="114890" y="1025994"/>
                        <a:pt x="119868" y="1033379"/>
                      </a:cubicBezTo>
                      <a:cubicBezTo>
                        <a:pt x="120974" y="1035005"/>
                        <a:pt x="120714" y="1037185"/>
                        <a:pt x="119380" y="1038519"/>
                      </a:cubicBezTo>
                      <a:close/>
                      <a:moveTo>
                        <a:pt x="1022561" y="108986"/>
                      </a:moveTo>
                      <a:cubicBezTo>
                        <a:pt x="1021260" y="110287"/>
                        <a:pt x="1019145" y="110580"/>
                        <a:pt x="1017519" y="109539"/>
                      </a:cubicBezTo>
                      <a:cubicBezTo>
                        <a:pt x="1009971" y="104756"/>
                        <a:pt x="1002196" y="100072"/>
                        <a:pt x="994486" y="95647"/>
                      </a:cubicBezTo>
                      <a:cubicBezTo>
                        <a:pt x="992533" y="94541"/>
                        <a:pt x="991883" y="92036"/>
                        <a:pt x="992989" y="90116"/>
                      </a:cubicBezTo>
                      <a:cubicBezTo>
                        <a:pt x="994127" y="88164"/>
                        <a:pt x="996600" y="87514"/>
                        <a:pt x="998520" y="88620"/>
                      </a:cubicBezTo>
                      <a:cubicBezTo>
                        <a:pt x="1006327" y="93109"/>
                        <a:pt x="1014168" y="97859"/>
                        <a:pt x="1021846" y="102707"/>
                      </a:cubicBezTo>
                      <a:cubicBezTo>
                        <a:pt x="1023733" y="103910"/>
                        <a:pt x="1024318" y="106415"/>
                        <a:pt x="1023114" y="108302"/>
                      </a:cubicBezTo>
                      <a:cubicBezTo>
                        <a:pt x="1022952" y="108563"/>
                        <a:pt x="1022757" y="108790"/>
                        <a:pt x="1022561" y="109018"/>
                      </a:cubicBezTo>
                      <a:close/>
                      <a:moveTo>
                        <a:pt x="91109" y="992680"/>
                      </a:moveTo>
                      <a:cubicBezTo>
                        <a:pt x="90849" y="992940"/>
                        <a:pt x="90556" y="993168"/>
                        <a:pt x="90230" y="993363"/>
                      </a:cubicBezTo>
                      <a:cubicBezTo>
                        <a:pt x="88278" y="994469"/>
                        <a:pt x="85806" y="993754"/>
                        <a:pt x="84700" y="991802"/>
                      </a:cubicBezTo>
                      <a:cubicBezTo>
                        <a:pt x="80275" y="983896"/>
                        <a:pt x="75948" y="975828"/>
                        <a:pt x="71882" y="967792"/>
                      </a:cubicBezTo>
                      <a:cubicBezTo>
                        <a:pt x="70873" y="965775"/>
                        <a:pt x="71654" y="963335"/>
                        <a:pt x="73671" y="962327"/>
                      </a:cubicBezTo>
                      <a:cubicBezTo>
                        <a:pt x="75656" y="961318"/>
                        <a:pt x="78128" y="962099"/>
                        <a:pt x="79136" y="964116"/>
                      </a:cubicBezTo>
                      <a:cubicBezTo>
                        <a:pt x="83170" y="972054"/>
                        <a:pt x="87432" y="980057"/>
                        <a:pt x="91792" y="987833"/>
                      </a:cubicBezTo>
                      <a:cubicBezTo>
                        <a:pt x="92703" y="989459"/>
                        <a:pt x="92378" y="991444"/>
                        <a:pt x="91109" y="992680"/>
                      </a:cubicBezTo>
                      <a:close/>
                      <a:moveTo>
                        <a:pt x="975876" y="82081"/>
                      </a:moveTo>
                      <a:cubicBezTo>
                        <a:pt x="974640" y="83317"/>
                        <a:pt x="972721" y="83642"/>
                        <a:pt x="971127" y="82797"/>
                      </a:cubicBezTo>
                      <a:cubicBezTo>
                        <a:pt x="963221" y="78665"/>
                        <a:pt x="955120" y="74631"/>
                        <a:pt x="947052" y="70824"/>
                      </a:cubicBezTo>
                      <a:cubicBezTo>
                        <a:pt x="945035" y="69881"/>
                        <a:pt x="944157" y="67441"/>
                        <a:pt x="945100" y="65424"/>
                      </a:cubicBezTo>
                      <a:cubicBezTo>
                        <a:pt x="946044" y="63407"/>
                        <a:pt x="948484" y="62528"/>
                        <a:pt x="950501" y="63472"/>
                      </a:cubicBezTo>
                      <a:cubicBezTo>
                        <a:pt x="958667" y="67343"/>
                        <a:pt x="966897" y="71410"/>
                        <a:pt x="974901" y="75607"/>
                      </a:cubicBezTo>
                      <a:cubicBezTo>
                        <a:pt x="976885" y="76648"/>
                        <a:pt x="977666" y="79088"/>
                        <a:pt x="976625" y="81072"/>
                      </a:cubicBezTo>
                      <a:cubicBezTo>
                        <a:pt x="976430" y="81463"/>
                        <a:pt x="976169" y="81788"/>
                        <a:pt x="975909" y="82048"/>
                      </a:cubicBezTo>
                      <a:close/>
                      <a:moveTo>
                        <a:pt x="66676" y="944596"/>
                      </a:moveTo>
                      <a:cubicBezTo>
                        <a:pt x="66351" y="944922"/>
                        <a:pt x="65961" y="945214"/>
                        <a:pt x="65505" y="945409"/>
                      </a:cubicBezTo>
                      <a:cubicBezTo>
                        <a:pt x="63456" y="946353"/>
                        <a:pt x="61048" y="945442"/>
                        <a:pt x="60137" y="943392"/>
                      </a:cubicBezTo>
                      <a:cubicBezTo>
                        <a:pt x="56363" y="935129"/>
                        <a:pt x="52720" y="926703"/>
                        <a:pt x="49304" y="918342"/>
                      </a:cubicBezTo>
                      <a:cubicBezTo>
                        <a:pt x="48458" y="916260"/>
                        <a:pt x="49434" y="913885"/>
                        <a:pt x="51516" y="913039"/>
                      </a:cubicBezTo>
                      <a:cubicBezTo>
                        <a:pt x="53598" y="912193"/>
                        <a:pt x="55973" y="913202"/>
                        <a:pt x="56819" y="915251"/>
                      </a:cubicBezTo>
                      <a:cubicBezTo>
                        <a:pt x="60202" y="923515"/>
                        <a:pt x="63781" y="931843"/>
                        <a:pt x="67522" y="940009"/>
                      </a:cubicBezTo>
                      <a:cubicBezTo>
                        <a:pt x="68238" y="941603"/>
                        <a:pt x="67880" y="943392"/>
                        <a:pt x="66709" y="944564"/>
                      </a:cubicBezTo>
                      <a:close/>
                      <a:moveTo>
                        <a:pt x="927175" y="59113"/>
                      </a:moveTo>
                      <a:cubicBezTo>
                        <a:pt x="926036" y="60251"/>
                        <a:pt x="924279" y="60642"/>
                        <a:pt x="922718" y="59991"/>
                      </a:cubicBezTo>
                      <a:cubicBezTo>
                        <a:pt x="914519" y="56542"/>
                        <a:pt x="906158" y="53192"/>
                        <a:pt x="897797" y="50068"/>
                      </a:cubicBezTo>
                      <a:cubicBezTo>
                        <a:pt x="895682" y="49288"/>
                        <a:pt x="894642" y="46945"/>
                        <a:pt x="895422" y="44830"/>
                      </a:cubicBezTo>
                      <a:cubicBezTo>
                        <a:pt x="896203" y="42716"/>
                        <a:pt x="898545" y="41675"/>
                        <a:pt x="900660" y="42456"/>
                      </a:cubicBezTo>
                      <a:cubicBezTo>
                        <a:pt x="909119" y="45611"/>
                        <a:pt x="917610" y="48995"/>
                        <a:pt x="925906" y="52508"/>
                      </a:cubicBezTo>
                      <a:cubicBezTo>
                        <a:pt x="927955" y="53387"/>
                        <a:pt x="928931" y="55762"/>
                        <a:pt x="928053" y="57844"/>
                      </a:cubicBezTo>
                      <a:cubicBezTo>
                        <a:pt x="927858" y="58332"/>
                        <a:pt x="927532" y="58787"/>
                        <a:pt x="927175" y="59145"/>
                      </a:cubicBezTo>
                      <a:close/>
                      <a:moveTo>
                        <a:pt x="46278" y="894625"/>
                      </a:moveTo>
                      <a:cubicBezTo>
                        <a:pt x="45855" y="895048"/>
                        <a:pt x="45367" y="895374"/>
                        <a:pt x="44782" y="895569"/>
                      </a:cubicBezTo>
                      <a:cubicBezTo>
                        <a:pt x="42667" y="896317"/>
                        <a:pt x="40357" y="895244"/>
                        <a:pt x="39577" y="893129"/>
                      </a:cubicBezTo>
                      <a:cubicBezTo>
                        <a:pt x="36486" y="884605"/>
                        <a:pt x="33558" y="875919"/>
                        <a:pt x="30825" y="867298"/>
                      </a:cubicBezTo>
                      <a:cubicBezTo>
                        <a:pt x="30142" y="865151"/>
                        <a:pt x="31346" y="862873"/>
                        <a:pt x="33493" y="862190"/>
                      </a:cubicBezTo>
                      <a:cubicBezTo>
                        <a:pt x="35640" y="861507"/>
                        <a:pt x="37917" y="862711"/>
                        <a:pt x="38600" y="864825"/>
                      </a:cubicBezTo>
                      <a:cubicBezTo>
                        <a:pt x="41300" y="873349"/>
                        <a:pt x="44196" y="881938"/>
                        <a:pt x="47222" y="890364"/>
                      </a:cubicBezTo>
                      <a:cubicBezTo>
                        <a:pt x="47775" y="891893"/>
                        <a:pt x="47352" y="893552"/>
                        <a:pt x="46278" y="894625"/>
                      </a:cubicBezTo>
                      <a:close/>
                      <a:moveTo>
                        <a:pt x="876879" y="40211"/>
                      </a:moveTo>
                      <a:cubicBezTo>
                        <a:pt x="875837" y="41252"/>
                        <a:pt x="874243" y="41707"/>
                        <a:pt x="872747" y="41187"/>
                      </a:cubicBezTo>
                      <a:cubicBezTo>
                        <a:pt x="864256" y="38389"/>
                        <a:pt x="855634" y="35754"/>
                        <a:pt x="847078" y="33314"/>
                      </a:cubicBezTo>
                      <a:cubicBezTo>
                        <a:pt x="844931" y="32696"/>
                        <a:pt x="843662" y="30451"/>
                        <a:pt x="844281" y="28304"/>
                      </a:cubicBezTo>
                      <a:cubicBezTo>
                        <a:pt x="844898" y="26157"/>
                        <a:pt x="847143" y="24888"/>
                        <a:pt x="849291" y="25506"/>
                      </a:cubicBezTo>
                      <a:cubicBezTo>
                        <a:pt x="857944" y="27978"/>
                        <a:pt x="866696" y="30646"/>
                        <a:pt x="875285" y="33477"/>
                      </a:cubicBezTo>
                      <a:cubicBezTo>
                        <a:pt x="877431" y="34192"/>
                        <a:pt x="878570" y="36469"/>
                        <a:pt x="877854" y="38617"/>
                      </a:cubicBezTo>
                      <a:cubicBezTo>
                        <a:pt x="877659" y="39235"/>
                        <a:pt x="877302" y="39788"/>
                        <a:pt x="876879" y="40211"/>
                      </a:cubicBezTo>
                      <a:close/>
                      <a:moveTo>
                        <a:pt x="30044" y="843158"/>
                      </a:moveTo>
                      <a:cubicBezTo>
                        <a:pt x="29556" y="843646"/>
                        <a:pt x="28938" y="844004"/>
                        <a:pt x="28255" y="844199"/>
                      </a:cubicBezTo>
                      <a:cubicBezTo>
                        <a:pt x="26075" y="844785"/>
                        <a:pt x="23863" y="843516"/>
                        <a:pt x="23277" y="841336"/>
                      </a:cubicBezTo>
                      <a:cubicBezTo>
                        <a:pt x="20903" y="832617"/>
                        <a:pt x="18690" y="823736"/>
                        <a:pt x="16673" y="814887"/>
                      </a:cubicBezTo>
                      <a:cubicBezTo>
                        <a:pt x="16185" y="812707"/>
                        <a:pt x="17552" y="810528"/>
                        <a:pt x="19731" y="810040"/>
                      </a:cubicBezTo>
                      <a:cubicBezTo>
                        <a:pt x="21911" y="809552"/>
                        <a:pt x="24091" y="810918"/>
                        <a:pt x="24579" y="813098"/>
                      </a:cubicBezTo>
                      <a:cubicBezTo>
                        <a:pt x="26563" y="821817"/>
                        <a:pt x="28775" y="830633"/>
                        <a:pt x="31085" y="839222"/>
                      </a:cubicBezTo>
                      <a:cubicBezTo>
                        <a:pt x="31476" y="840686"/>
                        <a:pt x="31020" y="842150"/>
                        <a:pt x="30044" y="843158"/>
                      </a:cubicBezTo>
                      <a:close/>
                      <a:moveTo>
                        <a:pt x="825184" y="25473"/>
                      </a:moveTo>
                      <a:cubicBezTo>
                        <a:pt x="824207" y="26449"/>
                        <a:pt x="822776" y="26905"/>
                        <a:pt x="821345" y="26547"/>
                      </a:cubicBezTo>
                      <a:cubicBezTo>
                        <a:pt x="812659" y="24465"/>
                        <a:pt x="803842" y="22513"/>
                        <a:pt x="795123" y="20789"/>
                      </a:cubicBezTo>
                      <a:cubicBezTo>
                        <a:pt x="792911" y="20366"/>
                        <a:pt x="791479" y="18219"/>
                        <a:pt x="791935" y="16006"/>
                      </a:cubicBezTo>
                      <a:cubicBezTo>
                        <a:pt x="792390" y="13794"/>
                        <a:pt x="794505" y="12363"/>
                        <a:pt x="796717" y="12818"/>
                      </a:cubicBezTo>
                      <a:cubicBezTo>
                        <a:pt x="805566" y="14575"/>
                        <a:pt x="814513" y="16527"/>
                        <a:pt x="823264" y="18674"/>
                      </a:cubicBezTo>
                      <a:cubicBezTo>
                        <a:pt x="825444" y="19194"/>
                        <a:pt x="826778" y="21407"/>
                        <a:pt x="826257" y="23586"/>
                      </a:cubicBezTo>
                      <a:cubicBezTo>
                        <a:pt x="826062" y="24335"/>
                        <a:pt x="825704" y="24985"/>
                        <a:pt x="825184" y="25506"/>
                      </a:cubicBezTo>
                      <a:close/>
                      <a:moveTo>
                        <a:pt x="18072" y="790585"/>
                      </a:moveTo>
                      <a:cubicBezTo>
                        <a:pt x="17519" y="791138"/>
                        <a:pt x="16771" y="791561"/>
                        <a:pt x="15958" y="791691"/>
                      </a:cubicBezTo>
                      <a:cubicBezTo>
                        <a:pt x="13745" y="792114"/>
                        <a:pt x="11630" y="790650"/>
                        <a:pt x="11207" y="788438"/>
                      </a:cubicBezTo>
                      <a:cubicBezTo>
                        <a:pt x="9549" y="779556"/>
                        <a:pt x="8084" y="770512"/>
                        <a:pt x="6783" y="761533"/>
                      </a:cubicBezTo>
                      <a:cubicBezTo>
                        <a:pt x="6458" y="759321"/>
                        <a:pt x="8019" y="757239"/>
                        <a:pt x="10232" y="756946"/>
                      </a:cubicBezTo>
                      <a:cubicBezTo>
                        <a:pt x="12444" y="756620"/>
                        <a:pt x="14526" y="758182"/>
                        <a:pt x="14819" y="760394"/>
                      </a:cubicBezTo>
                      <a:cubicBezTo>
                        <a:pt x="16087" y="769243"/>
                        <a:pt x="17552" y="778157"/>
                        <a:pt x="19178" y="786974"/>
                      </a:cubicBezTo>
                      <a:cubicBezTo>
                        <a:pt x="19438" y="788340"/>
                        <a:pt x="18983" y="789674"/>
                        <a:pt x="18040" y="790585"/>
                      </a:cubicBezTo>
                      <a:close/>
                      <a:moveTo>
                        <a:pt x="772415" y="14965"/>
                      </a:moveTo>
                      <a:cubicBezTo>
                        <a:pt x="771537" y="15844"/>
                        <a:pt x="770235" y="16332"/>
                        <a:pt x="768901" y="16104"/>
                      </a:cubicBezTo>
                      <a:cubicBezTo>
                        <a:pt x="760085" y="14705"/>
                        <a:pt x="751138" y="13501"/>
                        <a:pt x="742257" y="12460"/>
                      </a:cubicBezTo>
                      <a:cubicBezTo>
                        <a:pt x="740012" y="12200"/>
                        <a:pt x="738418" y="10183"/>
                        <a:pt x="738678" y="7971"/>
                      </a:cubicBezTo>
                      <a:cubicBezTo>
                        <a:pt x="738939" y="5758"/>
                        <a:pt x="740956" y="4132"/>
                        <a:pt x="743168" y="4392"/>
                      </a:cubicBezTo>
                      <a:cubicBezTo>
                        <a:pt x="752147" y="5433"/>
                        <a:pt x="761224" y="6669"/>
                        <a:pt x="770138" y="8068"/>
                      </a:cubicBezTo>
                      <a:cubicBezTo>
                        <a:pt x="772350" y="8426"/>
                        <a:pt x="773879" y="10508"/>
                        <a:pt x="773521" y="12720"/>
                      </a:cubicBezTo>
                      <a:cubicBezTo>
                        <a:pt x="773391" y="13599"/>
                        <a:pt x="772968" y="14380"/>
                        <a:pt x="772383" y="14965"/>
                      </a:cubicBezTo>
                      <a:close/>
                      <a:moveTo>
                        <a:pt x="10394" y="737231"/>
                      </a:moveTo>
                      <a:cubicBezTo>
                        <a:pt x="9744" y="737881"/>
                        <a:pt x="8898" y="738304"/>
                        <a:pt x="7954" y="738402"/>
                      </a:cubicBezTo>
                      <a:cubicBezTo>
                        <a:pt x="5710" y="738630"/>
                        <a:pt x="3725" y="737003"/>
                        <a:pt x="3497" y="734791"/>
                      </a:cubicBezTo>
                      <a:cubicBezTo>
                        <a:pt x="2587" y="725812"/>
                        <a:pt x="1838" y="716670"/>
                        <a:pt x="1253" y="707626"/>
                      </a:cubicBezTo>
                      <a:cubicBezTo>
                        <a:pt x="1122" y="705381"/>
                        <a:pt x="2814" y="703461"/>
                        <a:pt x="5059" y="703331"/>
                      </a:cubicBezTo>
                      <a:cubicBezTo>
                        <a:pt x="7304" y="703201"/>
                        <a:pt x="9223" y="704893"/>
                        <a:pt x="9353" y="707138"/>
                      </a:cubicBezTo>
                      <a:cubicBezTo>
                        <a:pt x="9906" y="716052"/>
                        <a:pt x="10655" y="725096"/>
                        <a:pt x="11566" y="733945"/>
                      </a:cubicBezTo>
                      <a:cubicBezTo>
                        <a:pt x="11696" y="735214"/>
                        <a:pt x="11240" y="736385"/>
                        <a:pt x="10394" y="737231"/>
                      </a:cubicBezTo>
                      <a:close/>
                      <a:moveTo>
                        <a:pt x="718963" y="8784"/>
                      </a:moveTo>
                      <a:cubicBezTo>
                        <a:pt x="718150" y="9597"/>
                        <a:pt x="717011" y="10053"/>
                        <a:pt x="715775" y="9955"/>
                      </a:cubicBezTo>
                      <a:cubicBezTo>
                        <a:pt x="706861" y="9272"/>
                        <a:pt x="697817" y="8784"/>
                        <a:pt x="688935" y="8491"/>
                      </a:cubicBezTo>
                      <a:cubicBezTo>
                        <a:pt x="686690" y="8426"/>
                        <a:pt x="684934" y="6539"/>
                        <a:pt x="684999" y="4294"/>
                      </a:cubicBezTo>
                      <a:cubicBezTo>
                        <a:pt x="685064" y="2050"/>
                        <a:pt x="686951" y="293"/>
                        <a:pt x="689195" y="390"/>
                      </a:cubicBezTo>
                      <a:cubicBezTo>
                        <a:pt x="698207" y="683"/>
                        <a:pt x="707349" y="1204"/>
                        <a:pt x="716360" y="1887"/>
                      </a:cubicBezTo>
                      <a:cubicBezTo>
                        <a:pt x="718605" y="2050"/>
                        <a:pt x="720265" y="4002"/>
                        <a:pt x="720102" y="6246"/>
                      </a:cubicBezTo>
                      <a:cubicBezTo>
                        <a:pt x="720037" y="7255"/>
                        <a:pt x="719582" y="8166"/>
                        <a:pt x="718931" y="8816"/>
                      </a:cubicBezTo>
                      <a:close/>
                      <a:moveTo>
                        <a:pt x="7076" y="683454"/>
                      </a:moveTo>
                      <a:cubicBezTo>
                        <a:pt x="6360" y="684169"/>
                        <a:pt x="5384" y="684625"/>
                        <a:pt x="4278" y="684625"/>
                      </a:cubicBezTo>
                      <a:cubicBezTo>
                        <a:pt x="2033" y="684657"/>
                        <a:pt x="179" y="682900"/>
                        <a:pt x="147" y="680656"/>
                      </a:cubicBezTo>
                      <a:cubicBezTo>
                        <a:pt x="-49" y="671644"/>
                        <a:pt x="-49" y="662470"/>
                        <a:pt x="147" y="653426"/>
                      </a:cubicBezTo>
                      <a:cubicBezTo>
                        <a:pt x="179" y="651181"/>
                        <a:pt x="2033" y="649392"/>
                        <a:pt x="4278" y="649457"/>
                      </a:cubicBezTo>
                      <a:cubicBezTo>
                        <a:pt x="6523" y="649489"/>
                        <a:pt x="8312" y="651344"/>
                        <a:pt x="8247" y="653588"/>
                      </a:cubicBezTo>
                      <a:cubicBezTo>
                        <a:pt x="8084" y="662535"/>
                        <a:pt x="8084" y="671579"/>
                        <a:pt x="8247" y="680493"/>
                      </a:cubicBezTo>
                      <a:cubicBezTo>
                        <a:pt x="8247" y="681632"/>
                        <a:pt x="7824" y="682705"/>
                        <a:pt x="7044" y="683454"/>
                      </a:cubicBezTo>
                      <a:close/>
                      <a:moveTo>
                        <a:pt x="665154" y="6930"/>
                      </a:moveTo>
                      <a:cubicBezTo>
                        <a:pt x="664438" y="7645"/>
                        <a:pt x="663430" y="8101"/>
                        <a:pt x="662291" y="8133"/>
                      </a:cubicBezTo>
                      <a:cubicBezTo>
                        <a:pt x="653377" y="8198"/>
                        <a:pt x="644333" y="8426"/>
                        <a:pt x="635386" y="8849"/>
                      </a:cubicBezTo>
                      <a:cubicBezTo>
                        <a:pt x="633141" y="8947"/>
                        <a:pt x="631254" y="7222"/>
                        <a:pt x="631124" y="4978"/>
                      </a:cubicBezTo>
                      <a:cubicBezTo>
                        <a:pt x="631026" y="2733"/>
                        <a:pt x="632751" y="846"/>
                        <a:pt x="634996" y="716"/>
                      </a:cubicBezTo>
                      <a:cubicBezTo>
                        <a:pt x="644040" y="293"/>
                        <a:pt x="653214" y="65"/>
                        <a:pt x="662226" y="0"/>
                      </a:cubicBezTo>
                      <a:cubicBezTo>
                        <a:pt x="664470" y="0"/>
                        <a:pt x="666293" y="1789"/>
                        <a:pt x="666325" y="4034"/>
                      </a:cubicBezTo>
                      <a:cubicBezTo>
                        <a:pt x="666325" y="5173"/>
                        <a:pt x="665870" y="6181"/>
                        <a:pt x="665121" y="6930"/>
                      </a:cubicBezTo>
                      <a:close/>
                      <a:moveTo>
                        <a:pt x="8117" y="629612"/>
                      </a:moveTo>
                      <a:cubicBezTo>
                        <a:pt x="7336" y="630392"/>
                        <a:pt x="6198" y="630880"/>
                        <a:pt x="4994" y="630783"/>
                      </a:cubicBezTo>
                      <a:cubicBezTo>
                        <a:pt x="2749" y="630652"/>
                        <a:pt x="1057" y="628733"/>
                        <a:pt x="1187" y="626488"/>
                      </a:cubicBezTo>
                      <a:cubicBezTo>
                        <a:pt x="1741" y="617444"/>
                        <a:pt x="2456" y="608302"/>
                        <a:pt x="3367" y="599356"/>
                      </a:cubicBezTo>
                      <a:cubicBezTo>
                        <a:pt x="3595" y="597111"/>
                        <a:pt x="5579" y="595484"/>
                        <a:pt x="7824" y="595712"/>
                      </a:cubicBezTo>
                      <a:cubicBezTo>
                        <a:pt x="10069" y="595940"/>
                        <a:pt x="11696" y="597924"/>
                        <a:pt x="11468" y="600169"/>
                      </a:cubicBezTo>
                      <a:cubicBezTo>
                        <a:pt x="10590" y="609018"/>
                        <a:pt x="9874" y="618030"/>
                        <a:pt x="9321" y="626976"/>
                      </a:cubicBezTo>
                      <a:cubicBezTo>
                        <a:pt x="9256" y="628017"/>
                        <a:pt x="8800" y="628928"/>
                        <a:pt x="8150" y="629612"/>
                      </a:cubicBezTo>
                      <a:close/>
                      <a:moveTo>
                        <a:pt x="611344" y="9435"/>
                      </a:moveTo>
                      <a:cubicBezTo>
                        <a:pt x="610693" y="10085"/>
                        <a:pt x="609815" y="10508"/>
                        <a:pt x="608839" y="10606"/>
                      </a:cubicBezTo>
                      <a:cubicBezTo>
                        <a:pt x="599958" y="11387"/>
                        <a:pt x="590946" y="12363"/>
                        <a:pt x="582097" y="13501"/>
                      </a:cubicBezTo>
                      <a:cubicBezTo>
                        <a:pt x="579885" y="13794"/>
                        <a:pt x="577835" y="12200"/>
                        <a:pt x="577542" y="9988"/>
                      </a:cubicBezTo>
                      <a:cubicBezTo>
                        <a:pt x="577250" y="7775"/>
                        <a:pt x="578844" y="5726"/>
                        <a:pt x="581056" y="5433"/>
                      </a:cubicBezTo>
                      <a:cubicBezTo>
                        <a:pt x="590035" y="4294"/>
                        <a:pt x="599144" y="3286"/>
                        <a:pt x="608156" y="2505"/>
                      </a:cubicBezTo>
                      <a:cubicBezTo>
                        <a:pt x="610401" y="2310"/>
                        <a:pt x="612353" y="3969"/>
                        <a:pt x="612548" y="6214"/>
                      </a:cubicBezTo>
                      <a:cubicBezTo>
                        <a:pt x="612645" y="7450"/>
                        <a:pt x="612190" y="8621"/>
                        <a:pt x="611377" y="9435"/>
                      </a:cubicBezTo>
                      <a:close/>
                      <a:moveTo>
                        <a:pt x="13485" y="576062"/>
                      </a:moveTo>
                      <a:cubicBezTo>
                        <a:pt x="12607" y="576941"/>
                        <a:pt x="11370" y="577396"/>
                        <a:pt x="10036" y="577201"/>
                      </a:cubicBezTo>
                      <a:cubicBezTo>
                        <a:pt x="7824" y="576876"/>
                        <a:pt x="6263" y="574826"/>
                        <a:pt x="6588" y="572614"/>
                      </a:cubicBezTo>
                      <a:cubicBezTo>
                        <a:pt x="7857" y="563635"/>
                        <a:pt x="9321" y="554590"/>
                        <a:pt x="10947" y="545741"/>
                      </a:cubicBezTo>
                      <a:cubicBezTo>
                        <a:pt x="11338" y="543529"/>
                        <a:pt x="13485" y="542065"/>
                        <a:pt x="15664" y="542488"/>
                      </a:cubicBezTo>
                      <a:cubicBezTo>
                        <a:pt x="17877" y="542878"/>
                        <a:pt x="19341" y="544993"/>
                        <a:pt x="18918" y="547205"/>
                      </a:cubicBezTo>
                      <a:cubicBezTo>
                        <a:pt x="17324" y="555957"/>
                        <a:pt x="15860" y="564871"/>
                        <a:pt x="14624" y="573720"/>
                      </a:cubicBezTo>
                      <a:cubicBezTo>
                        <a:pt x="14493" y="574631"/>
                        <a:pt x="14070" y="575411"/>
                        <a:pt x="13485" y="576030"/>
                      </a:cubicBezTo>
                      <a:close/>
                      <a:moveTo>
                        <a:pt x="557892" y="16299"/>
                      </a:moveTo>
                      <a:cubicBezTo>
                        <a:pt x="557307" y="16885"/>
                        <a:pt x="556558" y="17275"/>
                        <a:pt x="555712" y="17438"/>
                      </a:cubicBezTo>
                      <a:cubicBezTo>
                        <a:pt x="546864" y="18934"/>
                        <a:pt x="537982" y="20626"/>
                        <a:pt x="529264" y="22480"/>
                      </a:cubicBezTo>
                      <a:cubicBezTo>
                        <a:pt x="527084" y="22936"/>
                        <a:pt x="524904" y="21537"/>
                        <a:pt x="524448" y="19357"/>
                      </a:cubicBezTo>
                      <a:cubicBezTo>
                        <a:pt x="523993" y="17177"/>
                        <a:pt x="525392" y="14998"/>
                        <a:pt x="527572" y="14542"/>
                      </a:cubicBezTo>
                      <a:cubicBezTo>
                        <a:pt x="536388" y="12688"/>
                        <a:pt x="545400" y="10964"/>
                        <a:pt x="554346" y="9435"/>
                      </a:cubicBezTo>
                      <a:cubicBezTo>
                        <a:pt x="556558" y="9044"/>
                        <a:pt x="558641" y="10541"/>
                        <a:pt x="559031" y="12753"/>
                      </a:cubicBezTo>
                      <a:cubicBezTo>
                        <a:pt x="559259" y="14087"/>
                        <a:pt x="558803" y="15421"/>
                        <a:pt x="557892" y="16299"/>
                      </a:cubicBezTo>
                      <a:close/>
                      <a:moveTo>
                        <a:pt x="23147" y="523131"/>
                      </a:moveTo>
                      <a:cubicBezTo>
                        <a:pt x="22204" y="524074"/>
                        <a:pt x="20805" y="524530"/>
                        <a:pt x="19373" y="524237"/>
                      </a:cubicBezTo>
                      <a:cubicBezTo>
                        <a:pt x="17194" y="523749"/>
                        <a:pt x="15795" y="521569"/>
                        <a:pt x="16315" y="519390"/>
                      </a:cubicBezTo>
                      <a:cubicBezTo>
                        <a:pt x="18300" y="510573"/>
                        <a:pt x="20480" y="501692"/>
                        <a:pt x="22822" y="492973"/>
                      </a:cubicBezTo>
                      <a:cubicBezTo>
                        <a:pt x="23407" y="490793"/>
                        <a:pt x="25620" y="489524"/>
                        <a:pt x="27800" y="490110"/>
                      </a:cubicBezTo>
                      <a:cubicBezTo>
                        <a:pt x="29979" y="490695"/>
                        <a:pt x="31248" y="492908"/>
                        <a:pt x="30663" y="495087"/>
                      </a:cubicBezTo>
                      <a:cubicBezTo>
                        <a:pt x="28352" y="503676"/>
                        <a:pt x="26206" y="512460"/>
                        <a:pt x="24221" y="521179"/>
                      </a:cubicBezTo>
                      <a:cubicBezTo>
                        <a:pt x="24058" y="521960"/>
                        <a:pt x="23668" y="522643"/>
                        <a:pt x="23147" y="523163"/>
                      </a:cubicBezTo>
                      <a:close/>
                      <a:moveTo>
                        <a:pt x="505124" y="27458"/>
                      </a:moveTo>
                      <a:cubicBezTo>
                        <a:pt x="504636" y="27946"/>
                        <a:pt x="503985" y="28336"/>
                        <a:pt x="503269" y="28531"/>
                      </a:cubicBezTo>
                      <a:cubicBezTo>
                        <a:pt x="494583" y="30744"/>
                        <a:pt x="485864" y="33151"/>
                        <a:pt x="477308" y="35721"/>
                      </a:cubicBezTo>
                      <a:cubicBezTo>
                        <a:pt x="475161" y="36372"/>
                        <a:pt x="472884" y="35136"/>
                        <a:pt x="472266" y="32989"/>
                      </a:cubicBezTo>
                      <a:cubicBezTo>
                        <a:pt x="471615" y="30841"/>
                        <a:pt x="472851" y="28564"/>
                        <a:pt x="474998" y="27946"/>
                      </a:cubicBezTo>
                      <a:cubicBezTo>
                        <a:pt x="483652" y="25343"/>
                        <a:pt x="492501" y="22903"/>
                        <a:pt x="501285" y="20691"/>
                      </a:cubicBezTo>
                      <a:cubicBezTo>
                        <a:pt x="503465" y="20138"/>
                        <a:pt x="505677" y="21439"/>
                        <a:pt x="506230" y="23619"/>
                      </a:cubicBezTo>
                      <a:cubicBezTo>
                        <a:pt x="506588" y="25050"/>
                        <a:pt x="506132" y="26514"/>
                        <a:pt x="505156" y="27490"/>
                      </a:cubicBezTo>
                      <a:close/>
                      <a:moveTo>
                        <a:pt x="37071" y="471176"/>
                      </a:moveTo>
                      <a:cubicBezTo>
                        <a:pt x="36030" y="472217"/>
                        <a:pt x="34469" y="472640"/>
                        <a:pt x="32972" y="472184"/>
                      </a:cubicBezTo>
                      <a:cubicBezTo>
                        <a:pt x="30825" y="471501"/>
                        <a:pt x="29654" y="469224"/>
                        <a:pt x="30304" y="467109"/>
                      </a:cubicBezTo>
                      <a:cubicBezTo>
                        <a:pt x="32972" y="458520"/>
                        <a:pt x="35900" y="449834"/>
                        <a:pt x="38926" y="441343"/>
                      </a:cubicBezTo>
                      <a:cubicBezTo>
                        <a:pt x="39674" y="439228"/>
                        <a:pt x="42017" y="438122"/>
                        <a:pt x="44131" y="438870"/>
                      </a:cubicBezTo>
                      <a:cubicBezTo>
                        <a:pt x="46246" y="439619"/>
                        <a:pt x="47352" y="441961"/>
                        <a:pt x="46603" y="444076"/>
                      </a:cubicBezTo>
                      <a:cubicBezTo>
                        <a:pt x="43611" y="452469"/>
                        <a:pt x="40715" y="461025"/>
                        <a:pt x="38080" y="469517"/>
                      </a:cubicBezTo>
                      <a:cubicBezTo>
                        <a:pt x="37885" y="470167"/>
                        <a:pt x="37527" y="470720"/>
                        <a:pt x="37071" y="471176"/>
                      </a:cubicBezTo>
                      <a:close/>
                      <a:moveTo>
                        <a:pt x="453429" y="42878"/>
                      </a:moveTo>
                      <a:cubicBezTo>
                        <a:pt x="453006" y="43301"/>
                        <a:pt x="452485" y="43627"/>
                        <a:pt x="451867" y="43855"/>
                      </a:cubicBezTo>
                      <a:cubicBezTo>
                        <a:pt x="443376" y="46782"/>
                        <a:pt x="434885" y="49906"/>
                        <a:pt x="426557" y="53126"/>
                      </a:cubicBezTo>
                      <a:cubicBezTo>
                        <a:pt x="424474" y="53940"/>
                        <a:pt x="422100" y="52899"/>
                        <a:pt x="421286" y="50817"/>
                      </a:cubicBezTo>
                      <a:cubicBezTo>
                        <a:pt x="420473" y="48734"/>
                        <a:pt x="421514" y="46360"/>
                        <a:pt x="423596" y="45546"/>
                      </a:cubicBezTo>
                      <a:cubicBezTo>
                        <a:pt x="432022" y="42260"/>
                        <a:pt x="440611" y="39105"/>
                        <a:pt x="449199" y="36144"/>
                      </a:cubicBezTo>
                      <a:cubicBezTo>
                        <a:pt x="451314" y="35429"/>
                        <a:pt x="453624" y="36535"/>
                        <a:pt x="454372" y="38649"/>
                      </a:cubicBezTo>
                      <a:cubicBezTo>
                        <a:pt x="454893" y="40178"/>
                        <a:pt x="454470" y="41772"/>
                        <a:pt x="453396" y="42846"/>
                      </a:cubicBezTo>
                      <a:close/>
                      <a:moveTo>
                        <a:pt x="55160" y="420587"/>
                      </a:moveTo>
                      <a:cubicBezTo>
                        <a:pt x="54054" y="421693"/>
                        <a:pt x="52329" y="422116"/>
                        <a:pt x="50768" y="421465"/>
                      </a:cubicBezTo>
                      <a:cubicBezTo>
                        <a:pt x="48686" y="420619"/>
                        <a:pt x="47677" y="418244"/>
                        <a:pt x="48523" y="416162"/>
                      </a:cubicBezTo>
                      <a:cubicBezTo>
                        <a:pt x="51906" y="407801"/>
                        <a:pt x="55517" y="399408"/>
                        <a:pt x="59226" y="391210"/>
                      </a:cubicBezTo>
                      <a:cubicBezTo>
                        <a:pt x="60170" y="389160"/>
                        <a:pt x="62545" y="388249"/>
                        <a:pt x="64594" y="389193"/>
                      </a:cubicBezTo>
                      <a:cubicBezTo>
                        <a:pt x="66644" y="390103"/>
                        <a:pt x="67555" y="392511"/>
                        <a:pt x="66611" y="394560"/>
                      </a:cubicBezTo>
                      <a:cubicBezTo>
                        <a:pt x="62935" y="402661"/>
                        <a:pt x="59389" y="410957"/>
                        <a:pt x="56038" y="419220"/>
                      </a:cubicBezTo>
                      <a:cubicBezTo>
                        <a:pt x="55843" y="419741"/>
                        <a:pt x="55517" y="420196"/>
                        <a:pt x="55160" y="420554"/>
                      </a:cubicBezTo>
                      <a:close/>
                      <a:moveTo>
                        <a:pt x="403166" y="62496"/>
                      </a:moveTo>
                      <a:cubicBezTo>
                        <a:pt x="402807" y="62854"/>
                        <a:pt x="402417" y="63147"/>
                        <a:pt x="401929" y="63342"/>
                      </a:cubicBezTo>
                      <a:cubicBezTo>
                        <a:pt x="393731" y="66953"/>
                        <a:pt x="385500" y="70759"/>
                        <a:pt x="377464" y="74663"/>
                      </a:cubicBezTo>
                      <a:cubicBezTo>
                        <a:pt x="375447" y="75639"/>
                        <a:pt x="373007" y="74826"/>
                        <a:pt x="372031" y="72809"/>
                      </a:cubicBezTo>
                      <a:cubicBezTo>
                        <a:pt x="371055" y="70792"/>
                        <a:pt x="371869" y="68352"/>
                        <a:pt x="373886" y="67376"/>
                      </a:cubicBezTo>
                      <a:cubicBezTo>
                        <a:pt x="382019" y="63407"/>
                        <a:pt x="390347" y="59535"/>
                        <a:pt x="398676" y="55892"/>
                      </a:cubicBezTo>
                      <a:cubicBezTo>
                        <a:pt x="400726" y="54981"/>
                        <a:pt x="403133" y="55924"/>
                        <a:pt x="404011" y="57974"/>
                      </a:cubicBezTo>
                      <a:cubicBezTo>
                        <a:pt x="404694" y="59535"/>
                        <a:pt x="404304" y="61325"/>
                        <a:pt x="403166" y="62463"/>
                      </a:cubicBezTo>
                      <a:close/>
                      <a:moveTo>
                        <a:pt x="77347" y="371592"/>
                      </a:moveTo>
                      <a:cubicBezTo>
                        <a:pt x="76144" y="372796"/>
                        <a:pt x="74256" y="373154"/>
                        <a:pt x="72662" y="372340"/>
                      </a:cubicBezTo>
                      <a:cubicBezTo>
                        <a:pt x="70645" y="371332"/>
                        <a:pt x="69865" y="368892"/>
                        <a:pt x="70873" y="366875"/>
                      </a:cubicBezTo>
                      <a:cubicBezTo>
                        <a:pt x="74940" y="358807"/>
                        <a:pt x="79234" y="350706"/>
                        <a:pt x="83593" y="342800"/>
                      </a:cubicBezTo>
                      <a:cubicBezTo>
                        <a:pt x="84700" y="340848"/>
                        <a:pt x="87172" y="340133"/>
                        <a:pt x="89124" y="341239"/>
                      </a:cubicBezTo>
                      <a:cubicBezTo>
                        <a:pt x="91076" y="342312"/>
                        <a:pt x="91792" y="344785"/>
                        <a:pt x="90686" y="346769"/>
                      </a:cubicBezTo>
                      <a:cubicBezTo>
                        <a:pt x="86359" y="354545"/>
                        <a:pt x="82130" y="362548"/>
                        <a:pt x="78096" y="370551"/>
                      </a:cubicBezTo>
                      <a:cubicBezTo>
                        <a:pt x="77900" y="370941"/>
                        <a:pt x="77640" y="371299"/>
                        <a:pt x="77347" y="371592"/>
                      </a:cubicBezTo>
                      <a:close/>
                      <a:moveTo>
                        <a:pt x="354691" y="86147"/>
                      </a:moveTo>
                      <a:cubicBezTo>
                        <a:pt x="354431" y="86408"/>
                        <a:pt x="354105" y="86668"/>
                        <a:pt x="353748" y="86863"/>
                      </a:cubicBezTo>
                      <a:cubicBezTo>
                        <a:pt x="345875" y="91092"/>
                        <a:pt x="338002" y="95582"/>
                        <a:pt x="330357" y="100137"/>
                      </a:cubicBezTo>
                      <a:cubicBezTo>
                        <a:pt x="328437" y="101275"/>
                        <a:pt x="325932" y="100657"/>
                        <a:pt x="324793" y="98705"/>
                      </a:cubicBezTo>
                      <a:cubicBezTo>
                        <a:pt x="323655" y="96786"/>
                        <a:pt x="324273" y="94281"/>
                        <a:pt x="326192" y="93142"/>
                      </a:cubicBezTo>
                      <a:cubicBezTo>
                        <a:pt x="333968" y="88522"/>
                        <a:pt x="341938" y="84000"/>
                        <a:pt x="349876" y="79706"/>
                      </a:cubicBezTo>
                      <a:cubicBezTo>
                        <a:pt x="351861" y="78632"/>
                        <a:pt x="354301" y="79381"/>
                        <a:pt x="355374" y="81365"/>
                      </a:cubicBezTo>
                      <a:cubicBezTo>
                        <a:pt x="356253" y="82992"/>
                        <a:pt x="355928" y="84944"/>
                        <a:pt x="354691" y="86180"/>
                      </a:cubicBezTo>
                      <a:close/>
                      <a:moveTo>
                        <a:pt x="103504" y="324517"/>
                      </a:moveTo>
                      <a:cubicBezTo>
                        <a:pt x="102203" y="325818"/>
                        <a:pt x="100153" y="326111"/>
                        <a:pt x="98526" y="325102"/>
                      </a:cubicBezTo>
                      <a:cubicBezTo>
                        <a:pt x="96607" y="323931"/>
                        <a:pt x="96021" y="321426"/>
                        <a:pt x="97192" y="319507"/>
                      </a:cubicBezTo>
                      <a:cubicBezTo>
                        <a:pt x="101910" y="311796"/>
                        <a:pt x="106822" y="304086"/>
                        <a:pt x="111865" y="296571"/>
                      </a:cubicBezTo>
                      <a:cubicBezTo>
                        <a:pt x="113134" y="294717"/>
                        <a:pt x="115639" y="294196"/>
                        <a:pt x="117493" y="295465"/>
                      </a:cubicBezTo>
                      <a:cubicBezTo>
                        <a:pt x="119348" y="296701"/>
                        <a:pt x="119868" y="299239"/>
                        <a:pt x="118599" y="301093"/>
                      </a:cubicBezTo>
                      <a:cubicBezTo>
                        <a:pt x="113654" y="308511"/>
                        <a:pt x="108774" y="316123"/>
                        <a:pt x="104122" y="323769"/>
                      </a:cubicBezTo>
                      <a:cubicBezTo>
                        <a:pt x="103959" y="324061"/>
                        <a:pt x="103764" y="324289"/>
                        <a:pt x="103536" y="324517"/>
                      </a:cubicBezTo>
                      <a:close/>
                      <a:moveTo>
                        <a:pt x="308397" y="113670"/>
                      </a:moveTo>
                      <a:cubicBezTo>
                        <a:pt x="308201" y="113866"/>
                        <a:pt x="307974" y="114061"/>
                        <a:pt x="307746" y="114191"/>
                      </a:cubicBezTo>
                      <a:cubicBezTo>
                        <a:pt x="300264" y="119038"/>
                        <a:pt x="292781" y="124146"/>
                        <a:pt x="285526" y="129319"/>
                      </a:cubicBezTo>
                      <a:cubicBezTo>
                        <a:pt x="283704" y="130620"/>
                        <a:pt x="281167" y="130197"/>
                        <a:pt x="279865" y="128375"/>
                      </a:cubicBezTo>
                      <a:cubicBezTo>
                        <a:pt x="278564" y="126553"/>
                        <a:pt x="278987" y="124016"/>
                        <a:pt x="280809" y="122715"/>
                      </a:cubicBezTo>
                      <a:cubicBezTo>
                        <a:pt x="288194" y="117477"/>
                        <a:pt x="295741" y="112304"/>
                        <a:pt x="303321" y="107392"/>
                      </a:cubicBezTo>
                      <a:cubicBezTo>
                        <a:pt x="305208" y="106155"/>
                        <a:pt x="307713" y="106708"/>
                        <a:pt x="308950" y="108595"/>
                      </a:cubicBezTo>
                      <a:cubicBezTo>
                        <a:pt x="310023" y="110222"/>
                        <a:pt x="309763" y="112337"/>
                        <a:pt x="308429" y="113670"/>
                      </a:cubicBezTo>
                      <a:close/>
                      <a:moveTo>
                        <a:pt x="133434" y="279751"/>
                      </a:moveTo>
                      <a:cubicBezTo>
                        <a:pt x="132035" y="281150"/>
                        <a:pt x="129823" y="281346"/>
                        <a:pt x="128164" y="280142"/>
                      </a:cubicBezTo>
                      <a:cubicBezTo>
                        <a:pt x="126342" y="278808"/>
                        <a:pt x="125951" y="276270"/>
                        <a:pt x="127285" y="274481"/>
                      </a:cubicBezTo>
                      <a:cubicBezTo>
                        <a:pt x="132588" y="267194"/>
                        <a:pt x="138151" y="259906"/>
                        <a:pt x="143779" y="252814"/>
                      </a:cubicBezTo>
                      <a:cubicBezTo>
                        <a:pt x="145146" y="251057"/>
                        <a:pt x="147716" y="250764"/>
                        <a:pt x="149473" y="252163"/>
                      </a:cubicBezTo>
                      <a:cubicBezTo>
                        <a:pt x="151230" y="253562"/>
                        <a:pt x="151522" y="256100"/>
                        <a:pt x="150124" y="257857"/>
                      </a:cubicBezTo>
                      <a:cubicBezTo>
                        <a:pt x="144561" y="264851"/>
                        <a:pt x="139095" y="272074"/>
                        <a:pt x="133825" y="279263"/>
                      </a:cubicBezTo>
                      <a:cubicBezTo>
                        <a:pt x="133694" y="279426"/>
                        <a:pt x="133564" y="279589"/>
                        <a:pt x="133402" y="279751"/>
                      </a:cubicBezTo>
                      <a:close/>
                      <a:moveTo>
                        <a:pt x="264510" y="144870"/>
                      </a:moveTo>
                      <a:cubicBezTo>
                        <a:pt x="264510" y="144870"/>
                        <a:pt x="264249" y="145097"/>
                        <a:pt x="264119" y="145227"/>
                      </a:cubicBezTo>
                      <a:cubicBezTo>
                        <a:pt x="257060" y="150693"/>
                        <a:pt x="250032" y="156386"/>
                        <a:pt x="243201" y="162112"/>
                      </a:cubicBezTo>
                      <a:cubicBezTo>
                        <a:pt x="241476" y="163543"/>
                        <a:pt x="238906" y="163348"/>
                        <a:pt x="237475" y="161624"/>
                      </a:cubicBezTo>
                      <a:cubicBezTo>
                        <a:pt x="236043" y="159900"/>
                        <a:pt x="236238" y="157362"/>
                        <a:pt x="237963" y="155898"/>
                      </a:cubicBezTo>
                      <a:cubicBezTo>
                        <a:pt x="244892" y="150075"/>
                        <a:pt x="252017" y="144316"/>
                        <a:pt x="259142" y="138786"/>
                      </a:cubicBezTo>
                      <a:cubicBezTo>
                        <a:pt x="260931" y="137419"/>
                        <a:pt x="263469" y="137745"/>
                        <a:pt x="264835" y="139502"/>
                      </a:cubicBezTo>
                      <a:cubicBezTo>
                        <a:pt x="266104" y="141128"/>
                        <a:pt x="265909" y="143438"/>
                        <a:pt x="264510" y="144870"/>
                      </a:cubicBezTo>
                      <a:close/>
                      <a:moveTo>
                        <a:pt x="166911" y="237556"/>
                      </a:moveTo>
                      <a:cubicBezTo>
                        <a:pt x="165414" y="239053"/>
                        <a:pt x="163007" y="239150"/>
                        <a:pt x="161380" y="237751"/>
                      </a:cubicBezTo>
                      <a:cubicBezTo>
                        <a:pt x="159688" y="236287"/>
                        <a:pt x="159493" y="233717"/>
                        <a:pt x="160957" y="232026"/>
                      </a:cubicBezTo>
                      <a:cubicBezTo>
                        <a:pt x="166846" y="225161"/>
                        <a:pt x="172962" y="218362"/>
                        <a:pt x="179143" y="211757"/>
                      </a:cubicBezTo>
                      <a:cubicBezTo>
                        <a:pt x="180640" y="210131"/>
                        <a:pt x="183242" y="210033"/>
                        <a:pt x="184869" y="211562"/>
                      </a:cubicBezTo>
                      <a:cubicBezTo>
                        <a:pt x="186495" y="213091"/>
                        <a:pt x="186593" y="215661"/>
                        <a:pt x="185064" y="217288"/>
                      </a:cubicBezTo>
                      <a:cubicBezTo>
                        <a:pt x="178980" y="223795"/>
                        <a:pt x="172929" y="230529"/>
                        <a:pt x="167106" y="237296"/>
                      </a:cubicBezTo>
                      <a:cubicBezTo>
                        <a:pt x="167041" y="237361"/>
                        <a:pt x="166976" y="237458"/>
                        <a:pt x="166911" y="237524"/>
                      </a:cubicBezTo>
                      <a:close/>
                      <a:moveTo>
                        <a:pt x="223290" y="179550"/>
                      </a:moveTo>
                      <a:cubicBezTo>
                        <a:pt x="223290" y="179550"/>
                        <a:pt x="223193" y="179647"/>
                        <a:pt x="223160" y="179680"/>
                      </a:cubicBezTo>
                      <a:cubicBezTo>
                        <a:pt x="216556" y="185698"/>
                        <a:pt x="210017" y="191912"/>
                        <a:pt x="203640" y="198191"/>
                      </a:cubicBezTo>
                      <a:cubicBezTo>
                        <a:pt x="202046" y="199753"/>
                        <a:pt x="199476" y="199753"/>
                        <a:pt x="197882" y="198159"/>
                      </a:cubicBezTo>
                      <a:cubicBezTo>
                        <a:pt x="196320" y="196565"/>
                        <a:pt x="196255" y="193994"/>
                        <a:pt x="197914" y="192400"/>
                      </a:cubicBezTo>
                      <a:cubicBezTo>
                        <a:pt x="204356" y="186056"/>
                        <a:pt x="210993" y="179745"/>
                        <a:pt x="217662" y="173661"/>
                      </a:cubicBezTo>
                      <a:cubicBezTo>
                        <a:pt x="219321" y="172165"/>
                        <a:pt x="221891" y="172262"/>
                        <a:pt x="223388" y="173921"/>
                      </a:cubicBezTo>
                      <a:cubicBezTo>
                        <a:pt x="224852" y="175548"/>
                        <a:pt x="224787" y="177988"/>
                        <a:pt x="223258" y="179517"/>
                      </a:cubicBezTo>
                      <a:close/>
                    </a:path>
                  </a:pathLst>
                </a:custGeom>
                <a:solidFill>
                  <a:schemeClr val="accent5"/>
                </a:solidFill>
                <a:ln w="0" cap="flat">
                  <a:noFill/>
                  <a:prstDash val="solid"/>
                  <a:miter/>
                </a:ln>
              </p:spPr>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sp>
              <p:nvSpPr>
                <p:cNvPr id="78" name="Free-form: Shape 89">
                  <a:extLst>
                    <a:ext uri="{FF2B5EF4-FFF2-40B4-BE49-F238E27FC236}">
                      <a16:creationId xmlns:a16="http://schemas.microsoft.com/office/drawing/2014/main" id="{1C2BDCB0-0431-F9A0-5958-A854D73186E9}"/>
                    </a:ext>
                  </a:extLst>
                </p:cNvPr>
                <p:cNvSpPr/>
                <p:nvPr/>
              </p:nvSpPr>
              <p:spPr>
                <a:xfrm>
                  <a:off x="5187802" y="3275392"/>
                  <a:ext cx="900708" cy="900709"/>
                </a:xfrm>
                <a:custGeom>
                  <a:avLst/>
                  <a:gdLst>
                    <a:gd name="connsiteX0" fmla="*/ 214100 w 900708"/>
                    <a:gd name="connsiteY0" fmla="*/ 0 h 900709"/>
                    <a:gd name="connsiteX1" fmla="*/ 0 w 900708"/>
                    <a:gd name="connsiteY1" fmla="*/ 33899 h 900709"/>
                    <a:gd name="connsiteX2" fmla="*/ 39397 w 900708"/>
                    <a:gd name="connsiteY2" fmla="*/ 73297 h 900709"/>
                    <a:gd name="connsiteX3" fmla="*/ 665138 w 900708"/>
                    <a:gd name="connsiteY3" fmla="*/ 235572 h 900709"/>
                    <a:gd name="connsiteX4" fmla="*/ 827412 w 900708"/>
                    <a:gd name="connsiteY4" fmla="*/ 861312 h 900709"/>
                    <a:gd name="connsiteX5" fmla="*/ 866810 w 900708"/>
                    <a:gd name="connsiteY5" fmla="*/ 900709 h 900709"/>
                    <a:gd name="connsiteX6" fmla="*/ 900709 w 900708"/>
                    <a:gd name="connsiteY6" fmla="*/ 686609 h 900709"/>
                    <a:gd name="connsiteX7" fmla="*/ 699623 w 900708"/>
                    <a:gd name="connsiteY7" fmla="*/ 201119 h 900709"/>
                    <a:gd name="connsiteX8" fmla="*/ 214133 w 900708"/>
                    <a:gd name="connsiteY8" fmla="*/ 32 h 9007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00708" h="900709">
                      <a:moveTo>
                        <a:pt x="214100" y="0"/>
                      </a:moveTo>
                      <a:cubicBezTo>
                        <a:pt x="140250" y="0"/>
                        <a:pt x="68189" y="11582"/>
                        <a:pt x="0" y="33899"/>
                      </a:cubicBezTo>
                      <a:lnTo>
                        <a:pt x="39397" y="73297"/>
                      </a:lnTo>
                      <a:cubicBezTo>
                        <a:pt x="254701" y="12363"/>
                        <a:pt x="495999" y="66400"/>
                        <a:pt x="665138" y="235572"/>
                      </a:cubicBezTo>
                      <a:cubicBezTo>
                        <a:pt x="834277" y="404711"/>
                        <a:pt x="888347" y="646008"/>
                        <a:pt x="827412" y="861312"/>
                      </a:cubicBezTo>
                      <a:lnTo>
                        <a:pt x="866810" y="900709"/>
                      </a:lnTo>
                      <a:cubicBezTo>
                        <a:pt x="889095" y="832487"/>
                        <a:pt x="900709" y="760459"/>
                        <a:pt x="900709" y="686609"/>
                      </a:cubicBezTo>
                      <a:cubicBezTo>
                        <a:pt x="900709" y="503221"/>
                        <a:pt x="829299" y="330796"/>
                        <a:pt x="699623" y="201119"/>
                      </a:cubicBezTo>
                      <a:cubicBezTo>
                        <a:pt x="569946" y="71442"/>
                        <a:pt x="397521" y="32"/>
                        <a:pt x="214133" y="32"/>
                      </a:cubicBezTo>
                      <a:close/>
                    </a:path>
                  </a:pathLst>
                </a:custGeom>
                <a:solidFill>
                  <a:srgbClr val="64778A"/>
                </a:solidFill>
                <a:ln w="0" cap="flat">
                  <a:noFill/>
                  <a:prstDash val="solid"/>
                  <a:miter/>
                </a:ln>
              </p:spPr>
              <p:txBody>
                <a:bodyPr rtlCol="0" anchor="ct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endParaRPr lang="da-DK" noProof="0"/>
                </a:p>
              </p:txBody>
            </p:sp>
          </p:grpSp>
        </p:grpSp>
        <p:sp>
          <p:nvSpPr>
            <p:cNvPr id="96" name="Freeform 22">
              <a:extLst>
                <a:ext uri="{FF2B5EF4-FFF2-40B4-BE49-F238E27FC236}">
                  <a16:creationId xmlns:a16="http://schemas.microsoft.com/office/drawing/2014/main" id="{6B80912F-E642-BDB2-EDCB-6A0AC3D4C1FB}"/>
                </a:ext>
              </a:extLst>
            </p:cNvPr>
            <p:cNvSpPr>
              <a:spLocks noEditPoints="1"/>
            </p:cNvSpPr>
            <p:nvPr/>
          </p:nvSpPr>
          <p:spPr bwMode="auto">
            <a:xfrm>
              <a:off x="9744202" y="2661135"/>
              <a:ext cx="298901" cy="235146"/>
            </a:xfrm>
            <a:custGeom>
              <a:avLst/>
              <a:gdLst>
                <a:gd name="T0" fmla="*/ 156 w 224"/>
                <a:gd name="T1" fmla="*/ 152 h 176"/>
                <a:gd name="T2" fmla="*/ 156 w 224"/>
                <a:gd name="T3" fmla="*/ 160 h 176"/>
                <a:gd name="T4" fmla="*/ 168 w 224"/>
                <a:gd name="T5" fmla="*/ 156 h 176"/>
                <a:gd name="T6" fmla="*/ 132 w 224"/>
                <a:gd name="T7" fmla="*/ 152 h 176"/>
                <a:gd name="T8" fmla="*/ 120 w 224"/>
                <a:gd name="T9" fmla="*/ 156 h 176"/>
                <a:gd name="T10" fmla="*/ 132 w 224"/>
                <a:gd name="T11" fmla="*/ 160 h 176"/>
                <a:gd name="T12" fmla="*/ 132 w 224"/>
                <a:gd name="T13" fmla="*/ 152 h 176"/>
                <a:gd name="T14" fmla="*/ 156 w 224"/>
                <a:gd name="T15" fmla="*/ 120 h 176"/>
                <a:gd name="T16" fmla="*/ 156 w 224"/>
                <a:gd name="T17" fmla="*/ 128 h 176"/>
                <a:gd name="T18" fmla="*/ 168 w 224"/>
                <a:gd name="T19" fmla="*/ 124 h 176"/>
                <a:gd name="T20" fmla="*/ 132 w 224"/>
                <a:gd name="T21" fmla="*/ 120 h 176"/>
                <a:gd name="T22" fmla="*/ 120 w 224"/>
                <a:gd name="T23" fmla="*/ 124 h 176"/>
                <a:gd name="T24" fmla="*/ 132 w 224"/>
                <a:gd name="T25" fmla="*/ 128 h 176"/>
                <a:gd name="T26" fmla="*/ 132 w 224"/>
                <a:gd name="T27" fmla="*/ 120 h 176"/>
                <a:gd name="T28" fmla="*/ 168 w 224"/>
                <a:gd name="T29" fmla="*/ 0 h 176"/>
                <a:gd name="T30" fmla="*/ 40 w 224"/>
                <a:gd name="T31" fmla="*/ 24 h 176"/>
                <a:gd name="T32" fmla="*/ 29 w 224"/>
                <a:gd name="T33" fmla="*/ 30 h 176"/>
                <a:gd name="T34" fmla="*/ 2 w 224"/>
                <a:gd name="T35" fmla="*/ 81 h 176"/>
                <a:gd name="T36" fmla="*/ 1 w 224"/>
                <a:gd name="T37" fmla="*/ 82 h 176"/>
                <a:gd name="T38" fmla="*/ 0 w 224"/>
                <a:gd name="T39" fmla="*/ 85 h 176"/>
                <a:gd name="T40" fmla="*/ 0 w 224"/>
                <a:gd name="T41" fmla="*/ 96 h 176"/>
                <a:gd name="T42" fmla="*/ 0 w 224"/>
                <a:gd name="T43" fmla="*/ 120 h 176"/>
                <a:gd name="T44" fmla="*/ 6 w 224"/>
                <a:gd name="T45" fmla="*/ 140 h 176"/>
                <a:gd name="T46" fmla="*/ 0 w 224"/>
                <a:gd name="T47" fmla="*/ 160 h 176"/>
                <a:gd name="T48" fmla="*/ 176 w 224"/>
                <a:gd name="T49" fmla="*/ 176 h 176"/>
                <a:gd name="T50" fmla="*/ 192 w 224"/>
                <a:gd name="T51" fmla="*/ 152 h 176"/>
                <a:gd name="T52" fmla="*/ 192 w 224"/>
                <a:gd name="T53" fmla="*/ 128 h 176"/>
                <a:gd name="T54" fmla="*/ 187 w 224"/>
                <a:gd name="T55" fmla="*/ 109 h 176"/>
                <a:gd name="T56" fmla="*/ 36 w 224"/>
                <a:gd name="T57" fmla="*/ 35 h 176"/>
                <a:gd name="T58" fmla="*/ 40 w 224"/>
                <a:gd name="T59" fmla="*/ 32 h 176"/>
                <a:gd name="T60" fmla="*/ 112 w 224"/>
                <a:gd name="T61" fmla="*/ 56 h 176"/>
                <a:gd name="T62" fmla="*/ 16 w 224"/>
                <a:gd name="T63" fmla="*/ 72 h 176"/>
                <a:gd name="T64" fmla="*/ 36 w 224"/>
                <a:gd name="T65" fmla="*/ 35 h 176"/>
                <a:gd name="T66" fmla="*/ 8 w 224"/>
                <a:gd name="T67" fmla="*/ 86 h 176"/>
                <a:gd name="T68" fmla="*/ 9 w 224"/>
                <a:gd name="T69" fmla="*/ 84 h 176"/>
                <a:gd name="T70" fmla="*/ 16 w 224"/>
                <a:gd name="T71" fmla="*/ 80 h 176"/>
                <a:gd name="T72" fmla="*/ 122 w 224"/>
                <a:gd name="T73" fmla="*/ 88 h 176"/>
                <a:gd name="T74" fmla="*/ 124 w 224"/>
                <a:gd name="T75" fmla="*/ 96 h 176"/>
                <a:gd name="T76" fmla="*/ 139 w 224"/>
                <a:gd name="T77" fmla="*/ 104 h 176"/>
                <a:gd name="T78" fmla="*/ 8 w 224"/>
                <a:gd name="T79" fmla="*/ 96 h 176"/>
                <a:gd name="T80" fmla="*/ 184 w 224"/>
                <a:gd name="T81" fmla="*/ 160 h 176"/>
                <a:gd name="T82" fmla="*/ 16 w 224"/>
                <a:gd name="T83" fmla="*/ 168 h 176"/>
                <a:gd name="T84" fmla="*/ 8 w 224"/>
                <a:gd name="T85" fmla="*/ 152 h 176"/>
                <a:gd name="T86" fmla="*/ 16 w 224"/>
                <a:gd name="T87" fmla="*/ 144 h 176"/>
                <a:gd name="T88" fmla="*/ 176 w 224"/>
                <a:gd name="T89" fmla="*/ 144 h 176"/>
                <a:gd name="T90" fmla="*/ 184 w 224"/>
                <a:gd name="T91" fmla="*/ 152 h 176"/>
                <a:gd name="T92" fmla="*/ 184 w 224"/>
                <a:gd name="T93" fmla="*/ 128 h 176"/>
                <a:gd name="T94" fmla="*/ 16 w 224"/>
                <a:gd name="T95" fmla="*/ 136 h 176"/>
                <a:gd name="T96" fmla="*/ 8 w 224"/>
                <a:gd name="T97" fmla="*/ 120 h 176"/>
                <a:gd name="T98" fmla="*/ 176 w 224"/>
                <a:gd name="T99" fmla="*/ 112 h 176"/>
                <a:gd name="T100" fmla="*/ 184 w 224"/>
                <a:gd name="T101" fmla="*/ 128 h 176"/>
                <a:gd name="T102" fmla="*/ 168 w 224"/>
                <a:gd name="T103" fmla="*/ 104 h 176"/>
                <a:gd name="T104" fmla="*/ 168 w 224"/>
                <a:gd name="T105" fmla="*/ 8 h 176"/>
                <a:gd name="T106" fmla="*/ 168 w 224"/>
                <a:gd name="T107" fmla="*/ 104 h 176"/>
                <a:gd name="T108" fmla="*/ 173 w 224"/>
                <a:gd name="T109" fmla="*/ 53 h 176"/>
                <a:gd name="T110" fmla="*/ 147 w 224"/>
                <a:gd name="T111" fmla="*/ 53 h 176"/>
                <a:gd name="T112" fmla="*/ 141 w 224"/>
                <a:gd name="T113" fmla="*/ 59 h 176"/>
                <a:gd name="T114" fmla="*/ 160 w 224"/>
                <a:gd name="T115" fmla="*/ 76 h 176"/>
                <a:gd name="T116" fmla="*/ 179 w 224"/>
                <a:gd name="T117" fmla="*/ 59 h 176"/>
                <a:gd name="T118" fmla="*/ 195 w 224"/>
                <a:gd name="T119" fmla="*/ 37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96"/>
                    <a:pt x="0" y="96"/>
                    <a:pt x="0" y="96"/>
                  </a:cubicBezTo>
                  <a:cubicBezTo>
                    <a:pt x="0" y="101"/>
                    <a:pt x="2" y="105"/>
                    <a:pt x="5" y="108"/>
                  </a:cubicBezTo>
                  <a:cubicBezTo>
                    <a:pt x="2" y="111"/>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7"/>
                    <a:pt x="8" y="87"/>
                    <a:pt x="8" y="86"/>
                  </a:cubicBezTo>
                  <a:cubicBezTo>
                    <a:pt x="8" y="86"/>
                    <a:pt x="8" y="86"/>
                    <a:pt x="8" y="86"/>
                  </a:cubicBezTo>
                  <a:cubicBezTo>
                    <a:pt x="8" y="85"/>
                    <a:pt x="9" y="85"/>
                    <a:pt x="9" y="84"/>
                  </a:cubicBezTo>
                  <a:cubicBezTo>
                    <a:pt x="9" y="84"/>
                    <a:pt x="9" y="84"/>
                    <a:pt x="9" y="84"/>
                  </a:cubicBezTo>
                  <a:cubicBezTo>
                    <a:pt x="10"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2" y="104"/>
                    <a:pt x="8" y="100"/>
                    <a:pt x="8" y="96"/>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6" y="144"/>
                    <a:pt x="16" y="144"/>
                    <a:pt x="16" y="144"/>
                  </a:cubicBezTo>
                  <a:cubicBezTo>
                    <a:pt x="16" y="144"/>
                    <a:pt x="16"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1" y="112"/>
                    <a:pt x="16" y="112"/>
                  </a:cubicBezTo>
                  <a:cubicBezTo>
                    <a:pt x="16" y="112"/>
                    <a:pt x="176" y="112"/>
                    <a:pt x="176" y="112"/>
                  </a:cubicBezTo>
                  <a:cubicBezTo>
                    <a:pt x="180" y="112"/>
                    <a:pt x="184" y="116"/>
                    <a:pt x="184" y="120"/>
                  </a:cubicBezTo>
                  <a:lnTo>
                    <a:pt x="184" y="128"/>
                  </a:lnTo>
                  <a:close/>
                  <a:moveTo>
                    <a:pt x="168" y="104"/>
                  </a:moveTo>
                  <a:cubicBezTo>
                    <a:pt x="168" y="104"/>
                    <a:pt x="168" y="104"/>
                    <a:pt x="168" y="104"/>
                  </a:cubicBezTo>
                  <a:cubicBezTo>
                    <a:pt x="141" y="104"/>
                    <a:pt x="120" y="82"/>
                    <a:pt x="120" y="56"/>
                  </a:cubicBezTo>
                  <a:cubicBezTo>
                    <a:pt x="120" y="29"/>
                    <a:pt x="141" y="8"/>
                    <a:pt x="168" y="8"/>
                  </a:cubicBezTo>
                  <a:cubicBezTo>
                    <a:pt x="195" y="8"/>
                    <a:pt x="216" y="29"/>
                    <a:pt x="216" y="56"/>
                  </a:cubicBezTo>
                  <a:cubicBezTo>
                    <a:pt x="216" y="82"/>
                    <a:pt x="195" y="104"/>
                    <a:pt x="168" y="104"/>
                  </a:cubicBezTo>
                  <a:close/>
                  <a:moveTo>
                    <a:pt x="189" y="37"/>
                  </a:moveTo>
                  <a:cubicBezTo>
                    <a:pt x="173" y="53"/>
                    <a:pt x="173" y="53"/>
                    <a:pt x="173" y="53"/>
                  </a:cubicBezTo>
                  <a:cubicBezTo>
                    <a:pt x="160" y="66"/>
                    <a:pt x="160" y="66"/>
                    <a:pt x="160" y="66"/>
                  </a:cubicBezTo>
                  <a:cubicBezTo>
                    <a:pt x="147" y="53"/>
                    <a:pt x="147" y="53"/>
                    <a:pt x="147" y="53"/>
                  </a:cubicBezTo>
                  <a:cubicBezTo>
                    <a:pt x="145" y="52"/>
                    <a:pt x="143" y="52"/>
                    <a:pt x="141" y="53"/>
                  </a:cubicBezTo>
                  <a:cubicBezTo>
                    <a:pt x="140" y="55"/>
                    <a:pt x="140" y="57"/>
                    <a:pt x="141" y="59"/>
                  </a:cubicBezTo>
                  <a:cubicBezTo>
                    <a:pt x="157" y="75"/>
                    <a:pt x="157" y="75"/>
                    <a:pt x="157" y="75"/>
                  </a:cubicBezTo>
                  <a:cubicBezTo>
                    <a:pt x="158" y="76"/>
                    <a:pt x="159" y="76"/>
                    <a:pt x="160" y="76"/>
                  </a:cubicBezTo>
                  <a:cubicBezTo>
                    <a:pt x="161" y="76"/>
                    <a:pt x="162" y="76"/>
                    <a:pt x="163" y="75"/>
                  </a:cubicBezTo>
                  <a:cubicBezTo>
                    <a:pt x="179" y="59"/>
                    <a:pt x="179" y="59"/>
                    <a:pt x="179" y="59"/>
                  </a:cubicBezTo>
                  <a:cubicBezTo>
                    <a:pt x="195" y="43"/>
                    <a:pt x="195" y="43"/>
                    <a:pt x="195" y="43"/>
                  </a:cubicBezTo>
                  <a:cubicBezTo>
                    <a:pt x="196" y="41"/>
                    <a:pt x="196" y="39"/>
                    <a:pt x="195" y="37"/>
                  </a:cubicBezTo>
                  <a:cubicBezTo>
                    <a:pt x="193" y="36"/>
                    <a:pt x="191" y="36"/>
                    <a:pt x="189" y="37"/>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da-DK" noProof="0"/>
            </a:p>
          </p:txBody>
        </p:sp>
      </p:grpSp>
      <p:cxnSp>
        <p:nvCxnSpPr>
          <p:cNvPr id="98" name="Straight Connector 97">
            <a:extLst>
              <a:ext uri="{FF2B5EF4-FFF2-40B4-BE49-F238E27FC236}">
                <a16:creationId xmlns:a16="http://schemas.microsoft.com/office/drawing/2014/main" id="{F120FBC2-9F01-C405-BE83-F5BE999B2E2B}"/>
              </a:ext>
              <a:ext uri="{C183D7F6-B498-43B3-948B-1728B52AA6E4}">
                <adec:decorative xmlns:adec="http://schemas.microsoft.com/office/drawing/2017/decorative" val="1"/>
              </a:ext>
            </a:extLst>
          </p:cNvPr>
          <p:cNvCxnSpPr>
            <a:cxnSpLocks/>
          </p:cNvCxnSpPr>
          <p:nvPr/>
        </p:nvCxnSpPr>
        <p:spPr>
          <a:xfrm flipV="1">
            <a:off x="7623669" y="3915058"/>
            <a:ext cx="299314" cy="231527"/>
          </a:xfrm>
          <a:prstGeom prst="line">
            <a:avLst/>
          </a:prstGeom>
          <a:ln w="6350">
            <a:solidFill>
              <a:schemeClr val="tx1"/>
            </a:solidFill>
            <a:prstDash val="sysDash"/>
          </a:ln>
        </p:spPr>
        <p:style>
          <a:lnRef idx="1">
            <a:schemeClr val="accent1"/>
          </a:lnRef>
          <a:fillRef idx="0">
            <a:schemeClr val="accent1"/>
          </a:fillRef>
          <a:effectRef idx="0">
            <a:schemeClr val="accent1"/>
          </a:effectRef>
          <a:fontRef idx="minor">
            <a:schemeClr val="tx1"/>
          </a:fontRef>
        </p:style>
      </p:cxnSp>
      <p:cxnSp>
        <p:nvCxnSpPr>
          <p:cNvPr id="99" name="Straight Connector 98">
            <a:extLst>
              <a:ext uri="{FF2B5EF4-FFF2-40B4-BE49-F238E27FC236}">
                <a16:creationId xmlns:a16="http://schemas.microsoft.com/office/drawing/2014/main" id="{2AA69B45-74EB-4B5F-97A8-AF619EAAC106}"/>
              </a:ext>
              <a:ext uri="{C183D7F6-B498-43B3-948B-1728B52AA6E4}">
                <adec:decorative xmlns:adec="http://schemas.microsoft.com/office/drawing/2017/decorative" val="1"/>
              </a:ext>
            </a:extLst>
          </p:cNvPr>
          <p:cNvCxnSpPr>
            <a:cxnSpLocks/>
          </p:cNvCxnSpPr>
          <p:nvPr/>
        </p:nvCxnSpPr>
        <p:spPr>
          <a:xfrm>
            <a:off x="8664821" y="3921234"/>
            <a:ext cx="298901" cy="230400"/>
          </a:xfrm>
          <a:prstGeom prst="line">
            <a:avLst/>
          </a:prstGeom>
          <a:ln w="6350">
            <a:solidFill>
              <a:schemeClr val="tx1"/>
            </a:solidFill>
            <a:prstDash val="sysDash"/>
          </a:ln>
        </p:spPr>
        <p:style>
          <a:lnRef idx="1">
            <a:schemeClr val="accent1"/>
          </a:lnRef>
          <a:fillRef idx="0">
            <a:schemeClr val="accent1"/>
          </a:fillRef>
          <a:effectRef idx="0">
            <a:schemeClr val="accent1"/>
          </a:effectRef>
          <a:fontRef idx="minor">
            <a:schemeClr val="tx1"/>
          </a:fontRef>
        </p:style>
      </p:cxnSp>
      <p:sp>
        <p:nvSpPr>
          <p:cNvPr id="16" name="Content Placeholder 5">
            <a:extLst>
              <a:ext uri="{FF2B5EF4-FFF2-40B4-BE49-F238E27FC236}">
                <a16:creationId xmlns:a16="http://schemas.microsoft.com/office/drawing/2014/main" id="{DBCC16C1-79E6-6C45-E70F-ED4F2F6EBE74}"/>
              </a:ext>
            </a:extLst>
          </p:cNvPr>
          <p:cNvSpPr txBox="1">
            <a:spLocks/>
          </p:cNvSpPr>
          <p:nvPr/>
        </p:nvSpPr>
        <p:spPr>
          <a:xfrm>
            <a:off x="546369" y="6472986"/>
            <a:ext cx="11456822" cy="21705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lvl="0" indent="-87313">
              <a:spcAft>
                <a:spcPts val="300"/>
              </a:spcAft>
              <a:defRPr/>
            </a:pPr>
            <a:r>
              <a:rPr lang="da-DK" sz="700" b="0" i="1" noProof="0" dirty="0">
                <a:solidFill>
                  <a:srgbClr val="000000"/>
                </a:solidFill>
              </a:rPr>
              <a:t>*Kilde: https://www.dst.dk/en/Statistik/temaer/digitalisering </a:t>
            </a:r>
          </a:p>
        </p:txBody>
      </p:sp>
    </p:spTree>
    <p:extLst>
      <p:ext uri="{BB962C8B-B14F-4D97-AF65-F5344CB8AC3E}">
        <p14:creationId xmlns:p14="http://schemas.microsoft.com/office/powerpoint/2010/main" val="3547106805"/>
      </p:ext>
    </p:extLst>
  </p:cSld>
  <p:clrMapOvr>
    <a:masterClrMapping/>
  </p:clrMapOvr>
  <p:transition>
    <p:fade/>
  </p:transition>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701E30C-85F1-38A5-796E-8088B424D772}"/>
            </a:ext>
          </a:extLst>
        </p:cNvPr>
        <p:cNvGrpSpPr/>
        <p:nvPr/>
      </p:nvGrpSpPr>
      <p:grpSpPr>
        <a:xfrm>
          <a:off x="0" y="0"/>
          <a:ext cx="0" cy="0"/>
          <a:chOff x="0" y="0"/>
          <a:chExt cx="0" cy="0"/>
        </a:xfrm>
      </p:grpSpPr>
      <p:sp>
        <p:nvSpPr>
          <p:cNvPr id="16" name="Rectangle: Rounded Corners 15">
            <a:extLst>
              <a:ext uri="{FF2B5EF4-FFF2-40B4-BE49-F238E27FC236}">
                <a16:creationId xmlns:a16="http://schemas.microsoft.com/office/drawing/2014/main" id="{F894A381-E61A-BA8F-2B1E-63137E380027}"/>
              </a:ext>
            </a:extLst>
          </p:cNvPr>
          <p:cNvSpPr/>
          <p:nvPr/>
        </p:nvSpPr>
        <p:spPr>
          <a:xfrm>
            <a:off x="169304" y="11734"/>
            <a:ext cx="5928283"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14 | Risikostyring i den finansielle sektor</a:t>
            </a:r>
          </a:p>
        </p:txBody>
      </p:sp>
      <p:sp>
        <p:nvSpPr>
          <p:cNvPr id="52" name="Rectangle: Rounded Corners 51">
            <a:extLst>
              <a:ext uri="{FF2B5EF4-FFF2-40B4-BE49-F238E27FC236}">
                <a16:creationId xmlns:a16="http://schemas.microsoft.com/office/drawing/2014/main" id="{294DF1F5-F1C1-3D0C-FD19-854DBB427002}"/>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81" name="Rectangle: Rounded Corners 180">
            <a:extLst>
              <a:ext uri="{FF2B5EF4-FFF2-40B4-BE49-F238E27FC236}">
                <a16:creationId xmlns:a16="http://schemas.microsoft.com/office/drawing/2014/main" id="{F8577C61-A02E-7A08-61A0-EE8695A8DE96}"/>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 name="Title 1">
            <a:extLst>
              <a:ext uri="{FF2B5EF4-FFF2-40B4-BE49-F238E27FC236}">
                <a16:creationId xmlns:a16="http://schemas.microsoft.com/office/drawing/2014/main" id="{D084AF6C-DED2-150F-7839-769C74FF31A7}"/>
              </a:ext>
            </a:extLst>
          </p:cNvPr>
          <p:cNvSpPr>
            <a:spLocks noGrp="1"/>
          </p:cNvSpPr>
          <p:nvPr>
            <p:ph type="title"/>
          </p:nvPr>
        </p:nvSpPr>
        <p:spPr/>
        <p:txBody>
          <a:bodyPr/>
          <a:lstStyle/>
          <a:p>
            <a:r>
              <a:rPr lang="da-DK" sz="2200" noProof="0" dirty="0"/>
              <a:t>Side 3/3 | </a:t>
            </a:r>
            <a:r>
              <a:rPr lang="da-DK" sz="2200" b="1" noProof="0" dirty="0"/>
              <a:t>Teknologisk og organisatorisk transformation</a:t>
            </a:r>
            <a:endParaRPr lang="da-DK" sz="2200" noProof="0" dirty="0"/>
          </a:p>
        </p:txBody>
      </p:sp>
      <p:sp>
        <p:nvSpPr>
          <p:cNvPr id="10" name="Rectangle: Rounded Corners 9">
            <a:extLst>
              <a:ext uri="{FF2B5EF4-FFF2-40B4-BE49-F238E27FC236}">
                <a16:creationId xmlns:a16="http://schemas.microsoft.com/office/drawing/2014/main" id="{9E238A4B-0E4F-9006-0CFB-CA3099FD330B}"/>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Teknologisk transformation</a:t>
            </a:r>
          </a:p>
        </p:txBody>
      </p:sp>
      <p:sp>
        <p:nvSpPr>
          <p:cNvPr id="3" name="Rectangle 2">
            <a:extLst>
              <a:ext uri="{FF2B5EF4-FFF2-40B4-BE49-F238E27FC236}">
                <a16:creationId xmlns:a16="http://schemas.microsoft.com/office/drawing/2014/main" id="{DA6B857C-7060-C34A-2918-1E49F7D22EDB}"/>
              </a:ext>
            </a:extLst>
          </p:cNvPr>
          <p:cNvSpPr/>
          <p:nvPr/>
        </p:nvSpPr>
        <p:spPr>
          <a:xfrm>
            <a:off x="540228" y="2069025"/>
            <a:ext cx="3016457" cy="42422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50"/>
              </a:spcAft>
            </a:pPr>
            <a:r>
              <a:rPr lang="da-DK" sz="900" b="1" noProof="0">
                <a:solidFill>
                  <a:srgbClr val="36465A"/>
                </a:solidFill>
              </a:rPr>
              <a:t>Teknologisk målbillede</a:t>
            </a:r>
            <a:br>
              <a:rPr lang="da-DK" sz="900" b="1" noProof="0">
                <a:solidFill>
                  <a:schemeClr val="tx1"/>
                </a:solidFill>
              </a:rPr>
            </a:br>
            <a:r>
              <a:rPr lang="da-DK" sz="900" noProof="0">
                <a:solidFill>
                  <a:schemeClr val="tx1"/>
                </a:solidFill>
              </a:rPr>
              <a:t>Målet er at etablere en digital infrastruktur, der understøtter </a:t>
            </a:r>
            <a:r>
              <a:rPr lang="da-DK" sz="900" noProof="0" err="1">
                <a:solidFill>
                  <a:schemeClr val="tx1"/>
                </a:solidFill>
              </a:rPr>
              <a:t>DORAs</a:t>
            </a:r>
            <a:r>
              <a:rPr lang="da-DK" sz="900" noProof="0">
                <a:solidFill>
                  <a:schemeClr val="tx1"/>
                </a:solidFill>
              </a:rPr>
              <a:t> krav om robusthed og sporbarhed, og som gør det muligt at håndtere IKT-risici effektivt. Det inkluderer en datadrevet tilgang, hvor risiko-</a:t>
            </a:r>
            <a:r>
              <a:rPr lang="da-DK" sz="900" noProof="0" err="1">
                <a:solidFill>
                  <a:schemeClr val="tx1"/>
                </a:solidFill>
              </a:rPr>
              <a:t>mapping</a:t>
            </a:r>
            <a:r>
              <a:rPr lang="da-DK" sz="900" noProof="0">
                <a:solidFill>
                  <a:schemeClr val="tx1"/>
                </a:solidFill>
              </a:rPr>
              <a:t>, hændelsesrapportering og </a:t>
            </a:r>
            <a:r>
              <a:rPr lang="da-DK" sz="900" noProof="0" err="1">
                <a:solidFill>
                  <a:schemeClr val="tx1"/>
                </a:solidFill>
              </a:rPr>
              <a:t>governance</a:t>
            </a:r>
            <a:r>
              <a:rPr lang="da-DK" sz="900" noProof="0">
                <a:solidFill>
                  <a:schemeClr val="tx1"/>
                </a:solidFill>
              </a:rPr>
              <a:t>-processer er integreret i en sammenhængende løsning, der sikrer sporbarhed og konsistens. For at opnå dette kræves automatisering af centrale processer, så organisationen kan reagere hurtigt på hændelser, opdatere samt monitorere risikovurderinger i realtid og generere dokumentation, som er tilsyns-klar. Automatisering forudsætter en stærk dataarkitektur med konsistente datakilder, standardiserede formater og integration mellem systemer.</a:t>
            </a:r>
          </a:p>
          <a:p>
            <a:pPr>
              <a:spcAft>
                <a:spcPts val="350"/>
              </a:spcAft>
            </a:pPr>
            <a:endParaRPr lang="da-DK" sz="900" b="1" noProof="0">
              <a:solidFill>
                <a:schemeClr val="tx1"/>
              </a:solidFill>
            </a:endParaRPr>
          </a:p>
          <a:p>
            <a:pPr>
              <a:spcAft>
                <a:spcPts val="350"/>
              </a:spcAft>
            </a:pPr>
            <a:r>
              <a:rPr lang="da-DK" sz="900" b="1" noProof="0">
                <a:solidFill>
                  <a:srgbClr val="36465A"/>
                </a:solidFill>
              </a:rPr>
              <a:t>Udskiftning af teknologier </a:t>
            </a:r>
            <a:br>
              <a:rPr lang="da-DK" sz="900" b="1" noProof="0">
                <a:solidFill>
                  <a:schemeClr val="tx1"/>
                </a:solidFill>
              </a:rPr>
            </a:br>
            <a:r>
              <a:rPr lang="da-DK" sz="900" noProof="0">
                <a:solidFill>
                  <a:schemeClr val="tx1"/>
                </a:solidFill>
              </a:rPr>
              <a:t>Målbilledet realiseres gennem en gradvis modernisering af it-landskabet, hvor </a:t>
            </a:r>
            <a:r>
              <a:rPr lang="da-DK" sz="900" noProof="0" dirty="0">
                <a:solidFill>
                  <a:schemeClr val="tx1"/>
                </a:solidFill>
              </a:rPr>
              <a:t>legacy-</a:t>
            </a:r>
            <a:r>
              <a:rPr lang="da-DK" sz="900" noProof="0">
                <a:solidFill>
                  <a:schemeClr val="tx1"/>
                </a:solidFill>
              </a:rPr>
              <a:t>systemer erstattes af modulære og skalerbare platforme. Modulær arkitektur betyder, at systemet er opbygget af uafhængige komponenter, som kan opdateres eller udskiftes uden at påvirke hele infrastrukturen. Dette giver fleksibilitet til at tilpasse sig nye regulatoriske krav og teknologiske standarder. </a:t>
            </a:r>
            <a:br>
              <a:rPr lang="da-DK" sz="900" noProof="0">
                <a:solidFill>
                  <a:schemeClr val="tx1"/>
                </a:solidFill>
              </a:rPr>
            </a:br>
            <a:r>
              <a:rPr lang="da-DK" sz="900" noProof="0">
                <a:solidFill>
                  <a:schemeClr val="tx1"/>
                </a:solidFill>
              </a:rPr>
              <a:t>Derudover</a:t>
            </a:r>
            <a:r>
              <a:rPr lang="da-DK" sz="900" noProof="0" dirty="0">
                <a:solidFill>
                  <a:schemeClr val="tx1"/>
                </a:solidFill>
              </a:rPr>
              <a:t> </a:t>
            </a:r>
            <a:r>
              <a:rPr lang="da-DK" sz="900" noProof="0">
                <a:solidFill>
                  <a:schemeClr val="tx1"/>
                </a:solidFill>
              </a:rPr>
              <a:t>er indbygget redundans afgørende for at opfylde </a:t>
            </a:r>
            <a:r>
              <a:rPr lang="da-DK" sz="900" noProof="0" err="1">
                <a:solidFill>
                  <a:schemeClr val="tx1"/>
                </a:solidFill>
              </a:rPr>
              <a:t>DORAs</a:t>
            </a:r>
            <a:r>
              <a:rPr lang="da-DK" sz="900" noProof="0">
                <a:solidFill>
                  <a:schemeClr val="tx1"/>
                </a:solidFill>
              </a:rPr>
              <a:t> krav om robusthed og kontinuitet. Redundans sikrer, at kritiske funktioner kan fortsætte, selv hvis en komponent fejler, ved at have </a:t>
            </a:r>
            <a:r>
              <a:rPr lang="da-DK" sz="900" noProof="0" err="1">
                <a:solidFill>
                  <a:schemeClr val="tx1"/>
                </a:solidFill>
              </a:rPr>
              <a:t>failover</a:t>
            </a:r>
            <a:r>
              <a:rPr lang="da-DK" sz="900" noProof="0">
                <a:solidFill>
                  <a:schemeClr val="tx1"/>
                </a:solidFill>
              </a:rPr>
              <a:t>-mekanismer og backup-strukturer. </a:t>
            </a:r>
            <a:endParaRPr lang="da-DK" sz="900" b="1" noProof="0">
              <a:solidFill>
                <a:schemeClr val="tx1"/>
              </a:solidFill>
            </a:endParaRPr>
          </a:p>
        </p:txBody>
      </p:sp>
      <p:sp>
        <p:nvSpPr>
          <p:cNvPr id="11" name="Rectangle: Rounded Corners 10">
            <a:extLst>
              <a:ext uri="{FF2B5EF4-FFF2-40B4-BE49-F238E27FC236}">
                <a16:creationId xmlns:a16="http://schemas.microsoft.com/office/drawing/2014/main" id="{BD6674CA-5FF3-46FD-7490-6B9B864BF7EE}"/>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Organisatorisk transformation</a:t>
            </a:r>
          </a:p>
        </p:txBody>
      </p:sp>
      <p:sp>
        <p:nvSpPr>
          <p:cNvPr id="5" name="Rectangle 4">
            <a:extLst>
              <a:ext uri="{FF2B5EF4-FFF2-40B4-BE49-F238E27FC236}">
                <a16:creationId xmlns:a16="http://schemas.microsoft.com/office/drawing/2014/main" id="{CAE05E84-8C07-2DF4-3222-F10E60BED700}"/>
              </a:ext>
            </a:extLst>
          </p:cNvPr>
          <p:cNvSpPr/>
          <p:nvPr/>
        </p:nvSpPr>
        <p:spPr>
          <a:xfrm>
            <a:off x="3565418" y="2069025"/>
            <a:ext cx="2985319" cy="442134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Projektorganisering</a:t>
            </a:r>
            <a:r>
              <a:rPr lang="da-DK" sz="900" b="1" noProof="0">
                <a:solidFill>
                  <a:schemeClr val="tx1"/>
                </a:solidFill>
                <a:sym typeface="Wingdings" panose="05000000000000000000" pitchFamily="2" charset="2"/>
              </a:rPr>
              <a:t> </a:t>
            </a:r>
          </a:p>
          <a:p>
            <a:r>
              <a:rPr lang="da-DK" sz="900" noProof="0">
                <a:solidFill>
                  <a:schemeClr val="tx1"/>
                </a:solidFill>
                <a:sym typeface="Wingdings" panose="05000000000000000000" pitchFamily="2" charset="2"/>
              </a:rPr>
              <a:t>Organiseringen skal involvere flere interessenter. Fordi DORA er en strategisk risikoudfordring og ikke kun et it-projekt, er det centralt med en bred forankring. Ud over It og </a:t>
            </a:r>
            <a:r>
              <a:rPr lang="da-DK" sz="900" noProof="0" err="1">
                <a:solidFill>
                  <a:schemeClr val="tx1"/>
                </a:solidFill>
                <a:sym typeface="Wingdings" panose="05000000000000000000" pitchFamily="2" charset="2"/>
              </a:rPr>
              <a:t>cybersikkerhed</a:t>
            </a:r>
            <a:r>
              <a:rPr lang="da-DK" sz="900" noProof="0">
                <a:solidFill>
                  <a:schemeClr val="tx1"/>
                </a:solidFill>
                <a:sym typeface="Wingdings" panose="05000000000000000000" pitchFamily="2" charset="2"/>
              </a:rPr>
              <a:t> skal Risk Management, Compliance, Legal, </a:t>
            </a:r>
            <a:r>
              <a:rPr lang="da-DK" sz="900" noProof="0" err="1">
                <a:solidFill>
                  <a:schemeClr val="tx1"/>
                </a:solidFill>
                <a:sym typeface="Wingdings" panose="05000000000000000000" pitchFamily="2" charset="2"/>
              </a:rPr>
              <a:t>Procurement</a:t>
            </a:r>
            <a:r>
              <a:rPr lang="da-DK" sz="900" noProof="0">
                <a:solidFill>
                  <a:schemeClr val="tx1"/>
                </a:solidFill>
                <a:sym typeface="Wingdings" panose="05000000000000000000" pitchFamily="2" charset="2"/>
              </a:rPr>
              <a:t> og forretningskontinuitetsområder inddrages aktivt. Risk og Compliance fungerer som centrale drivere, mens it leverer tekniske løsninger, og Legal/</a:t>
            </a:r>
            <a:r>
              <a:rPr lang="da-DK" sz="900" noProof="0" err="1">
                <a:solidFill>
                  <a:schemeClr val="tx1"/>
                </a:solidFill>
                <a:sym typeface="Wingdings" panose="05000000000000000000" pitchFamily="2" charset="2"/>
              </a:rPr>
              <a:t>Procurement</a:t>
            </a:r>
            <a:r>
              <a:rPr lang="da-DK" sz="900" noProof="0">
                <a:solidFill>
                  <a:schemeClr val="tx1"/>
                </a:solidFill>
                <a:sym typeface="Wingdings" panose="05000000000000000000" pitchFamily="2" charset="2"/>
              </a:rPr>
              <a:t> sikrer kontraktstyring med tredjepartsleverandører.</a:t>
            </a:r>
          </a:p>
          <a:p>
            <a:endParaRPr lang="da-DK" sz="900" b="1" noProof="0">
              <a:solidFill>
                <a:schemeClr val="tx1"/>
              </a:solidFill>
              <a:highlight>
                <a:srgbClr val="FFFF00"/>
              </a:highlight>
              <a:sym typeface="Wingdings" panose="05000000000000000000" pitchFamily="2" charset="2"/>
            </a:endParaRPr>
          </a:p>
          <a:p>
            <a:r>
              <a:rPr lang="da-DK" sz="900" b="1" noProof="0">
                <a:solidFill>
                  <a:srgbClr val="36465A"/>
                </a:solidFill>
                <a:sym typeface="Wingdings" panose="05000000000000000000" pitchFamily="2" charset="2"/>
              </a:rPr>
              <a:t>Forandringsledelse</a:t>
            </a:r>
          </a:p>
          <a:p>
            <a:r>
              <a:rPr lang="da-DK" sz="900" noProof="0">
                <a:solidFill>
                  <a:schemeClr val="tx1"/>
                </a:solidFill>
                <a:sym typeface="Wingdings" panose="05000000000000000000" pitchFamily="2" charset="2"/>
              </a:rPr>
              <a:t>DORA-implementering er en kulturændring, der kræver øget risikobevidsthed på tværs af organisationen. Det handler om at integrere sikkerhed og robusthed i alle beslutningsprocesser fra designfasen af systemer til daglig drift. Forandringsledelsen skal sikre, at medarbejdere forstår betydningen af compliance og operationel modstandsdygtighed, og at ledelsen aktivt støtter transformationen.</a:t>
            </a:r>
          </a:p>
          <a:p>
            <a:r>
              <a:rPr lang="da-DK" sz="900" noProof="0">
                <a:solidFill>
                  <a:schemeClr val="tx1"/>
                </a:solidFill>
                <a:sym typeface="Wingdings" panose="05000000000000000000" pitchFamily="2" charset="2"/>
              </a:rPr>
              <a:t>Derudover sker der også en forandring i forholdet til it-leverandører. DORA indfører en tydelig lovramme for tilsyn med kritiske it-leverandører og øger dermed sikkerheden. Standardiserede kontraktvilkår, herunder exit-klausuler, styrker værdikæden og sektorens modstandsdygtighed. De nye krav til tredjepartsrisiko betyder mere gennemsigtighed fra leverandørerne og bedre kontrolmuligheder for myndighederne. Det forventes at give en konkurrencefordel til regeloverholdende udbydere og forbedre samarbejdet mellem markedsaktører.</a:t>
            </a:r>
          </a:p>
          <a:p>
            <a:endParaRPr lang="da-DK" sz="900" b="1" noProof="0">
              <a:solidFill>
                <a:schemeClr val="tx1"/>
              </a:solidFill>
              <a:sym typeface="Wingdings" panose="05000000000000000000" pitchFamily="2" charset="2"/>
            </a:endParaRPr>
          </a:p>
          <a:p>
            <a:pPr>
              <a:spcAft>
                <a:spcPts val="350"/>
              </a:spcAft>
            </a:pPr>
            <a:endParaRPr lang="da-DK" sz="900" b="1" noProof="0">
              <a:solidFill>
                <a:schemeClr val="tx1"/>
              </a:solidFill>
            </a:endParaRPr>
          </a:p>
        </p:txBody>
      </p:sp>
      <p:sp>
        <p:nvSpPr>
          <p:cNvPr id="7" name="Rectangle 6">
            <a:extLst>
              <a:ext uri="{FF2B5EF4-FFF2-40B4-BE49-F238E27FC236}">
                <a16:creationId xmlns:a16="http://schemas.microsoft.com/office/drawing/2014/main" id="{5CEBEC45-520B-2DB3-F887-CF54613C609B}"/>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B9226AC4-2DFB-C9A1-DBED-5E3AA0EF7C7D}"/>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78BAB4DC-3FFE-E208-CD68-8D501EE8B3B1}"/>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91E0D248-9F26-A8D3-3967-4E8314598C14}"/>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CFF269A4-F166-C275-1F71-C6914D650343}"/>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 name="Freeform 29">
            <a:extLst>
              <a:ext uri="{FF2B5EF4-FFF2-40B4-BE49-F238E27FC236}">
                <a16:creationId xmlns:a16="http://schemas.microsoft.com/office/drawing/2014/main" id="{12A41A6C-2C6B-8DFE-A9CA-593B7CAC54BE}"/>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21">
            <a:extLst>
              <a:ext uri="{FF2B5EF4-FFF2-40B4-BE49-F238E27FC236}">
                <a16:creationId xmlns:a16="http://schemas.microsoft.com/office/drawing/2014/main" id="{834C926C-D4BD-FC96-4E87-3BF193E900B2}"/>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33" name="TextBox 32">
            <a:extLst>
              <a:ext uri="{FF2B5EF4-FFF2-40B4-BE49-F238E27FC236}">
                <a16:creationId xmlns:a16="http://schemas.microsoft.com/office/drawing/2014/main" id="{1CEA2EA3-355B-5EF6-7A18-BF1CEBDB30A3}"/>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Omkostningsdrivere</a:t>
            </a:r>
          </a:p>
        </p:txBody>
      </p:sp>
      <p:sp>
        <p:nvSpPr>
          <p:cNvPr id="29" name="Content Placeholder 5">
            <a:extLst>
              <a:ext uri="{FF2B5EF4-FFF2-40B4-BE49-F238E27FC236}">
                <a16:creationId xmlns:a16="http://schemas.microsoft.com/office/drawing/2014/main" id="{52E88957-E201-3878-6ED0-2E0DDDCED24F}"/>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a:solidFill>
                  <a:schemeClr val="tx1"/>
                </a:solidFill>
              </a:rPr>
              <a:t>Omkostningsniveauer er udtryk for en relativ vurdering på tværs af cases foretaget af PA*</a:t>
            </a:r>
          </a:p>
        </p:txBody>
      </p:sp>
      <p:grpSp>
        <p:nvGrpSpPr>
          <p:cNvPr id="56" name="Group 55" descr="Projektledelse er en mellem midlertidig omkostningsdriver">
            <a:extLst>
              <a:ext uri="{FF2B5EF4-FFF2-40B4-BE49-F238E27FC236}">
                <a16:creationId xmlns:a16="http://schemas.microsoft.com/office/drawing/2014/main" id="{2FC1678E-27F1-FD08-B215-CE513BE64193}"/>
              </a:ext>
              <a:ext uri="{C183D7F6-B498-43B3-948B-1728B52AA6E4}">
                <adec:decorative xmlns:adec="http://schemas.microsoft.com/office/drawing/2017/decorative" val="0"/>
              </a:ext>
            </a:extLst>
          </p:cNvPr>
          <p:cNvGrpSpPr/>
          <p:nvPr/>
        </p:nvGrpSpPr>
        <p:grpSpPr>
          <a:xfrm>
            <a:off x="7290762" y="2788420"/>
            <a:ext cx="1577742" cy="225301"/>
            <a:chOff x="5354949" y="3009711"/>
            <a:chExt cx="1645739" cy="202758"/>
          </a:xfrm>
        </p:grpSpPr>
        <p:grpSp>
          <p:nvGrpSpPr>
            <p:cNvPr id="58" name="Group 57">
              <a:extLst>
                <a:ext uri="{FF2B5EF4-FFF2-40B4-BE49-F238E27FC236}">
                  <a16:creationId xmlns:a16="http://schemas.microsoft.com/office/drawing/2014/main" id="{1CC6D845-FD02-D85D-7BED-17CE8DA3625F}"/>
                </a:ext>
              </a:extLst>
            </p:cNvPr>
            <p:cNvGrpSpPr/>
            <p:nvPr/>
          </p:nvGrpSpPr>
          <p:grpSpPr>
            <a:xfrm>
              <a:off x="5458296" y="3153610"/>
              <a:ext cx="1445092" cy="45719"/>
              <a:chOff x="5458296" y="3153610"/>
              <a:chExt cx="1445092" cy="45719"/>
            </a:xfrm>
          </p:grpSpPr>
          <p:cxnSp>
            <p:nvCxnSpPr>
              <p:cNvPr id="62" name="Straight Connector 61">
                <a:extLst>
                  <a:ext uri="{FF2B5EF4-FFF2-40B4-BE49-F238E27FC236}">
                    <a16:creationId xmlns:a16="http://schemas.microsoft.com/office/drawing/2014/main" id="{CB1AB58D-B3B7-E4E9-2B96-1DD1CE4EB45E}"/>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63" name="Oval 62">
                <a:extLst>
                  <a:ext uri="{FF2B5EF4-FFF2-40B4-BE49-F238E27FC236}">
                    <a16:creationId xmlns:a16="http://schemas.microsoft.com/office/drawing/2014/main" id="{7DC812C8-0343-E076-5F0C-BF6F42BB7ED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64" name="Oval 63">
                <a:extLst>
                  <a:ext uri="{FF2B5EF4-FFF2-40B4-BE49-F238E27FC236}">
                    <a16:creationId xmlns:a16="http://schemas.microsoft.com/office/drawing/2014/main" id="{23599190-AFE1-414B-DAAC-E5AD8B5291EF}"/>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59" name="Straight Connector 58">
              <a:extLst>
                <a:ext uri="{FF2B5EF4-FFF2-40B4-BE49-F238E27FC236}">
                  <a16:creationId xmlns:a16="http://schemas.microsoft.com/office/drawing/2014/main" id="{B956B569-358C-AE60-C098-F8A4FA7ACB41}"/>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0" name="TextBox 59">
              <a:extLst>
                <a:ext uri="{FF2B5EF4-FFF2-40B4-BE49-F238E27FC236}">
                  <a16:creationId xmlns:a16="http://schemas.microsoft.com/office/drawing/2014/main" id="{34B34616-4349-5D38-18A4-4895979029A5}"/>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61" name="TextBox 60">
              <a:extLst>
                <a:ext uri="{FF2B5EF4-FFF2-40B4-BE49-F238E27FC236}">
                  <a16:creationId xmlns:a16="http://schemas.microsoft.com/office/drawing/2014/main" id="{4B1D9036-2D1D-6F54-E2C4-46B84DA22FA6}"/>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grpSp>
        <p:nvGrpSpPr>
          <p:cNvPr id="132" name="Group 131" descr="Organisatorisk implementering er en mellem midlertidig omkostningsdriver">
            <a:extLst>
              <a:ext uri="{FF2B5EF4-FFF2-40B4-BE49-F238E27FC236}">
                <a16:creationId xmlns:a16="http://schemas.microsoft.com/office/drawing/2014/main" id="{21DEAD16-7B50-C6F7-54C2-56B815F1922B}"/>
              </a:ext>
              <a:ext uri="{C183D7F6-B498-43B3-948B-1728B52AA6E4}">
                <adec:decorative xmlns:adec="http://schemas.microsoft.com/office/drawing/2017/decorative" val="0"/>
              </a:ext>
            </a:extLst>
          </p:cNvPr>
          <p:cNvGrpSpPr/>
          <p:nvPr/>
        </p:nvGrpSpPr>
        <p:grpSpPr>
          <a:xfrm>
            <a:off x="7290762" y="3344608"/>
            <a:ext cx="1577742" cy="225301"/>
            <a:chOff x="5354949" y="3009711"/>
            <a:chExt cx="1645739" cy="202758"/>
          </a:xfrm>
        </p:grpSpPr>
        <p:grpSp>
          <p:nvGrpSpPr>
            <p:cNvPr id="134" name="Group 133">
              <a:extLst>
                <a:ext uri="{FF2B5EF4-FFF2-40B4-BE49-F238E27FC236}">
                  <a16:creationId xmlns:a16="http://schemas.microsoft.com/office/drawing/2014/main" id="{D74214F9-34C5-2430-CAB0-678A49EE58F7}"/>
                </a:ext>
              </a:extLst>
            </p:cNvPr>
            <p:cNvGrpSpPr/>
            <p:nvPr/>
          </p:nvGrpSpPr>
          <p:grpSpPr>
            <a:xfrm>
              <a:off x="5458296" y="3153610"/>
              <a:ext cx="1445092" cy="45719"/>
              <a:chOff x="5458296" y="3153610"/>
              <a:chExt cx="1445092" cy="45719"/>
            </a:xfrm>
          </p:grpSpPr>
          <p:cxnSp>
            <p:nvCxnSpPr>
              <p:cNvPr id="138" name="Straight Connector 137">
                <a:extLst>
                  <a:ext uri="{FF2B5EF4-FFF2-40B4-BE49-F238E27FC236}">
                    <a16:creationId xmlns:a16="http://schemas.microsoft.com/office/drawing/2014/main" id="{71444607-08CE-43EF-9E84-C4D71D7852FE}"/>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39" name="Oval 138">
                <a:extLst>
                  <a:ext uri="{FF2B5EF4-FFF2-40B4-BE49-F238E27FC236}">
                    <a16:creationId xmlns:a16="http://schemas.microsoft.com/office/drawing/2014/main" id="{1E0B99EE-EEEF-C1AE-4FDA-238CCA8D54B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40" name="Oval 139">
                <a:extLst>
                  <a:ext uri="{FF2B5EF4-FFF2-40B4-BE49-F238E27FC236}">
                    <a16:creationId xmlns:a16="http://schemas.microsoft.com/office/drawing/2014/main" id="{B52E8C52-C5FE-4B01-A69D-82B1ABEA7B65}"/>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35" name="Straight Connector 134">
              <a:extLst>
                <a:ext uri="{FF2B5EF4-FFF2-40B4-BE49-F238E27FC236}">
                  <a16:creationId xmlns:a16="http://schemas.microsoft.com/office/drawing/2014/main" id="{AC5FDA6C-B83F-F42A-D675-62BAA2137774}"/>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36" name="TextBox 135">
              <a:extLst>
                <a:ext uri="{FF2B5EF4-FFF2-40B4-BE49-F238E27FC236}">
                  <a16:creationId xmlns:a16="http://schemas.microsoft.com/office/drawing/2014/main" id="{B7FCA66C-F31C-959C-604A-00EC5C10279C}"/>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37" name="TextBox 136">
              <a:extLst>
                <a:ext uri="{FF2B5EF4-FFF2-40B4-BE49-F238E27FC236}">
                  <a16:creationId xmlns:a16="http://schemas.microsoft.com/office/drawing/2014/main" id="{E5F2660B-01B9-D7AF-7244-C03B5181A088}"/>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grpSp>
        <p:nvGrpSpPr>
          <p:cNvPr id="232" name="Group 231" descr="Teknisk implementering er en mellem midlertidig omkostningsdriver">
            <a:extLst>
              <a:ext uri="{FF2B5EF4-FFF2-40B4-BE49-F238E27FC236}">
                <a16:creationId xmlns:a16="http://schemas.microsoft.com/office/drawing/2014/main" id="{31AC5906-6256-3F76-CC06-3D79A2E8189C}"/>
              </a:ext>
              <a:ext uri="{C183D7F6-B498-43B3-948B-1728B52AA6E4}">
                <adec:decorative xmlns:adec="http://schemas.microsoft.com/office/drawing/2017/decorative" val="0"/>
              </a:ext>
            </a:extLst>
          </p:cNvPr>
          <p:cNvGrpSpPr/>
          <p:nvPr/>
        </p:nvGrpSpPr>
        <p:grpSpPr>
          <a:xfrm>
            <a:off x="7290762" y="3922767"/>
            <a:ext cx="1577741" cy="225301"/>
            <a:chOff x="5354949" y="3009711"/>
            <a:chExt cx="1645739" cy="202758"/>
          </a:xfrm>
        </p:grpSpPr>
        <p:grpSp>
          <p:nvGrpSpPr>
            <p:cNvPr id="234" name="Group 233">
              <a:extLst>
                <a:ext uri="{FF2B5EF4-FFF2-40B4-BE49-F238E27FC236}">
                  <a16:creationId xmlns:a16="http://schemas.microsoft.com/office/drawing/2014/main" id="{3718F5D1-8F0C-EF08-73A5-544AEDEB1354}"/>
                </a:ext>
              </a:extLst>
            </p:cNvPr>
            <p:cNvGrpSpPr/>
            <p:nvPr/>
          </p:nvGrpSpPr>
          <p:grpSpPr>
            <a:xfrm>
              <a:off x="5458296" y="3153610"/>
              <a:ext cx="1445092" cy="45719"/>
              <a:chOff x="5458296" y="3153610"/>
              <a:chExt cx="1445092" cy="45719"/>
            </a:xfrm>
          </p:grpSpPr>
          <p:cxnSp>
            <p:nvCxnSpPr>
              <p:cNvPr id="238" name="Straight Connector 237">
                <a:extLst>
                  <a:ext uri="{FF2B5EF4-FFF2-40B4-BE49-F238E27FC236}">
                    <a16:creationId xmlns:a16="http://schemas.microsoft.com/office/drawing/2014/main" id="{FD949809-64A3-43B8-52AD-962708F05ED2}"/>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39" name="Oval 238">
                <a:extLst>
                  <a:ext uri="{FF2B5EF4-FFF2-40B4-BE49-F238E27FC236}">
                    <a16:creationId xmlns:a16="http://schemas.microsoft.com/office/drawing/2014/main" id="{BBE94A9B-B9D7-EAD9-7CB0-2117AAF0381E}"/>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40" name="Oval 239">
                <a:extLst>
                  <a:ext uri="{FF2B5EF4-FFF2-40B4-BE49-F238E27FC236}">
                    <a16:creationId xmlns:a16="http://schemas.microsoft.com/office/drawing/2014/main" id="{30E697E3-261F-5A05-AC60-855E3F87689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35" name="Straight Connector 234">
              <a:extLst>
                <a:ext uri="{FF2B5EF4-FFF2-40B4-BE49-F238E27FC236}">
                  <a16:creationId xmlns:a16="http://schemas.microsoft.com/office/drawing/2014/main" id="{C2261B64-ECDF-94DE-7769-92880F39C9FC}"/>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36" name="TextBox 235">
              <a:extLst>
                <a:ext uri="{FF2B5EF4-FFF2-40B4-BE49-F238E27FC236}">
                  <a16:creationId xmlns:a16="http://schemas.microsoft.com/office/drawing/2014/main" id="{CDA6278B-B5A0-B37F-4293-97464EC8EEFB}"/>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237" name="TextBox 236">
              <a:extLst>
                <a:ext uri="{FF2B5EF4-FFF2-40B4-BE49-F238E27FC236}">
                  <a16:creationId xmlns:a16="http://schemas.microsoft.com/office/drawing/2014/main" id="{7EED5C1A-C988-4279-9745-5DDAB2996D01}"/>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grpSp>
        <p:nvGrpSpPr>
          <p:cNvPr id="152" name="Group 151" descr="Teknologi er en lille til mellem driftsomkostning">
            <a:extLst>
              <a:ext uri="{FF2B5EF4-FFF2-40B4-BE49-F238E27FC236}">
                <a16:creationId xmlns:a16="http://schemas.microsoft.com/office/drawing/2014/main" id="{A547F92E-C081-FA15-8B03-8911024053B6}"/>
              </a:ext>
              <a:ext uri="{C183D7F6-B498-43B3-948B-1728B52AA6E4}">
                <adec:decorative xmlns:adec="http://schemas.microsoft.com/office/drawing/2017/decorative" val="0"/>
              </a:ext>
            </a:extLst>
          </p:cNvPr>
          <p:cNvGrpSpPr/>
          <p:nvPr/>
        </p:nvGrpSpPr>
        <p:grpSpPr>
          <a:xfrm>
            <a:off x="7290762" y="4818452"/>
            <a:ext cx="1577742" cy="225301"/>
            <a:chOff x="5354949" y="3009711"/>
            <a:chExt cx="1645739" cy="202758"/>
          </a:xfrm>
        </p:grpSpPr>
        <p:grpSp>
          <p:nvGrpSpPr>
            <p:cNvPr id="154" name="Group 153">
              <a:extLst>
                <a:ext uri="{FF2B5EF4-FFF2-40B4-BE49-F238E27FC236}">
                  <a16:creationId xmlns:a16="http://schemas.microsoft.com/office/drawing/2014/main" id="{88450317-E0D1-5E89-C081-A7244285E070}"/>
                </a:ext>
              </a:extLst>
            </p:cNvPr>
            <p:cNvGrpSpPr/>
            <p:nvPr/>
          </p:nvGrpSpPr>
          <p:grpSpPr>
            <a:xfrm>
              <a:off x="5458296" y="3153610"/>
              <a:ext cx="1445092" cy="45719"/>
              <a:chOff x="5458296" y="3153610"/>
              <a:chExt cx="1445092" cy="45719"/>
            </a:xfrm>
          </p:grpSpPr>
          <p:cxnSp>
            <p:nvCxnSpPr>
              <p:cNvPr id="158" name="Straight Connector 157">
                <a:extLst>
                  <a:ext uri="{FF2B5EF4-FFF2-40B4-BE49-F238E27FC236}">
                    <a16:creationId xmlns:a16="http://schemas.microsoft.com/office/drawing/2014/main" id="{7D3A5ADC-4C7C-93F9-5601-5DE666C57198}"/>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59" name="Oval 158">
                <a:extLst>
                  <a:ext uri="{FF2B5EF4-FFF2-40B4-BE49-F238E27FC236}">
                    <a16:creationId xmlns:a16="http://schemas.microsoft.com/office/drawing/2014/main" id="{8BD77782-6CBA-2F8F-D0D1-FA5561520322}"/>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60" name="Oval 159">
                <a:extLst>
                  <a:ext uri="{FF2B5EF4-FFF2-40B4-BE49-F238E27FC236}">
                    <a16:creationId xmlns:a16="http://schemas.microsoft.com/office/drawing/2014/main" id="{78FE67A9-BC53-65BA-679D-2A15E02DAC01}"/>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55" name="Straight Connector 154">
              <a:extLst>
                <a:ext uri="{FF2B5EF4-FFF2-40B4-BE49-F238E27FC236}">
                  <a16:creationId xmlns:a16="http://schemas.microsoft.com/office/drawing/2014/main" id="{8314B164-25B4-D02D-BD98-85A189B4A54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56" name="TextBox 155">
              <a:extLst>
                <a:ext uri="{FF2B5EF4-FFF2-40B4-BE49-F238E27FC236}">
                  <a16:creationId xmlns:a16="http://schemas.microsoft.com/office/drawing/2014/main" id="{8B879D9F-6FBA-FCF0-2D24-16FD8C5BFE57}"/>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57" name="TextBox 156">
              <a:extLst>
                <a:ext uri="{FF2B5EF4-FFF2-40B4-BE49-F238E27FC236}">
                  <a16:creationId xmlns:a16="http://schemas.microsoft.com/office/drawing/2014/main" id="{1A04375B-01BC-846D-FA58-DEA595C4A433}"/>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grpSp>
        <p:nvGrpSpPr>
          <p:cNvPr id="162" name="Group 161" descr="Nye kompetencer er en mellem til stor driftsomkostning">
            <a:extLst>
              <a:ext uri="{FF2B5EF4-FFF2-40B4-BE49-F238E27FC236}">
                <a16:creationId xmlns:a16="http://schemas.microsoft.com/office/drawing/2014/main" id="{8F057426-A98A-0EB7-17BE-5251F1A1100F}"/>
              </a:ext>
              <a:ext uri="{C183D7F6-B498-43B3-948B-1728B52AA6E4}">
                <adec:decorative xmlns:adec="http://schemas.microsoft.com/office/drawing/2017/decorative" val="0"/>
              </a:ext>
            </a:extLst>
          </p:cNvPr>
          <p:cNvGrpSpPr/>
          <p:nvPr/>
        </p:nvGrpSpPr>
        <p:grpSpPr>
          <a:xfrm>
            <a:off x="7290762" y="5350882"/>
            <a:ext cx="1577742" cy="225301"/>
            <a:chOff x="5354949" y="3009711"/>
            <a:chExt cx="1645739" cy="202758"/>
          </a:xfrm>
        </p:grpSpPr>
        <p:grpSp>
          <p:nvGrpSpPr>
            <p:cNvPr id="164" name="Group 163">
              <a:extLst>
                <a:ext uri="{FF2B5EF4-FFF2-40B4-BE49-F238E27FC236}">
                  <a16:creationId xmlns:a16="http://schemas.microsoft.com/office/drawing/2014/main" id="{46AEF860-97DA-DCEF-1217-6497570FCCDB}"/>
                </a:ext>
              </a:extLst>
            </p:cNvPr>
            <p:cNvGrpSpPr/>
            <p:nvPr/>
          </p:nvGrpSpPr>
          <p:grpSpPr>
            <a:xfrm>
              <a:off x="5458296" y="3153610"/>
              <a:ext cx="1445092" cy="45719"/>
              <a:chOff x="5458296" y="3153610"/>
              <a:chExt cx="1445092" cy="45719"/>
            </a:xfrm>
          </p:grpSpPr>
          <p:cxnSp>
            <p:nvCxnSpPr>
              <p:cNvPr id="168" name="Straight Connector 167">
                <a:extLst>
                  <a:ext uri="{FF2B5EF4-FFF2-40B4-BE49-F238E27FC236}">
                    <a16:creationId xmlns:a16="http://schemas.microsoft.com/office/drawing/2014/main" id="{5D13FE54-3489-4F86-AFC5-27074AEF9260}"/>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69" name="Oval 168">
                <a:extLst>
                  <a:ext uri="{FF2B5EF4-FFF2-40B4-BE49-F238E27FC236}">
                    <a16:creationId xmlns:a16="http://schemas.microsoft.com/office/drawing/2014/main" id="{1A125E75-8FDE-280E-F7B7-FC746CFBC09D}"/>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70" name="Oval 169">
                <a:extLst>
                  <a:ext uri="{FF2B5EF4-FFF2-40B4-BE49-F238E27FC236}">
                    <a16:creationId xmlns:a16="http://schemas.microsoft.com/office/drawing/2014/main" id="{E3E13588-AA4A-2145-48C0-69C7F2895F7F}"/>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65" name="Straight Connector 164">
              <a:extLst>
                <a:ext uri="{FF2B5EF4-FFF2-40B4-BE49-F238E27FC236}">
                  <a16:creationId xmlns:a16="http://schemas.microsoft.com/office/drawing/2014/main" id="{9DE16DAF-CB0C-83A6-3630-5F75F59E70A3}"/>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6" name="TextBox 165">
              <a:extLst>
                <a:ext uri="{FF2B5EF4-FFF2-40B4-BE49-F238E27FC236}">
                  <a16:creationId xmlns:a16="http://schemas.microsoft.com/office/drawing/2014/main" id="{B80B8773-0EEC-2685-6517-788221BFDEF2}"/>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67" name="TextBox 166">
              <a:extLst>
                <a:ext uri="{FF2B5EF4-FFF2-40B4-BE49-F238E27FC236}">
                  <a16:creationId xmlns:a16="http://schemas.microsoft.com/office/drawing/2014/main" id="{640902F5-B13E-5D63-F9DA-639EFA05AF4E}"/>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grpSp>
        <p:nvGrpSpPr>
          <p:cNvPr id="4" name="Group 3" descr="Drift og support er en mellem til stor driftsomkostning">
            <a:extLst>
              <a:ext uri="{FF2B5EF4-FFF2-40B4-BE49-F238E27FC236}">
                <a16:creationId xmlns:a16="http://schemas.microsoft.com/office/drawing/2014/main" id="{E2650BF6-8E92-01CC-4FB1-7F20654B8CD3}"/>
              </a:ext>
              <a:ext uri="{C183D7F6-B498-43B3-948B-1728B52AA6E4}">
                <adec:decorative xmlns:adec="http://schemas.microsoft.com/office/drawing/2017/decorative" val="0"/>
              </a:ext>
            </a:extLst>
          </p:cNvPr>
          <p:cNvGrpSpPr/>
          <p:nvPr/>
        </p:nvGrpSpPr>
        <p:grpSpPr>
          <a:xfrm>
            <a:off x="7290762" y="5883313"/>
            <a:ext cx="1577742" cy="265864"/>
            <a:chOff x="7290762" y="5883313"/>
            <a:chExt cx="1577742" cy="265864"/>
          </a:xfrm>
        </p:grpSpPr>
        <p:grpSp>
          <p:nvGrpSpPr>
            <p:cNvPr id="172" name="Group 171">
              <a:extLst>
                <a:ext uri="{FF2B5EF4-FFF2-40B4-BE49-F238E27FC236}">
                  <a16:creationId xmlns:a16="http://schemas.microsoft.com/office/drawing/2014/main" id="{CC964F7A-B38C-0C1C-1EE7-6C9C3A4F73D7}"/>
                </a:ext>
                <a:ext uri="{C183D7F6-B498-43B3-948B-1728B52AA6E4}">
                  <adec:decorative xmlns:adec="http://schemas.microsoft.com/office/drawing/2017/decorative" val="1"/>
                </a:ext>
              </a:extLst>
            </p:cNvPr>
            <p:cNvGrpSpPr/>
            <p:nvPr/>
          </p:nvGrpSpPr>
          <p:grpSpPr>
            <a:xfrm>
              <a:off x="7290762" y="5883313"/>
              <a:ext cx="1577742" cy="225301"/>
              <a:chOff x="5354949" y="3009711"/>
              <a:chExt cx="1645739" cy="202758"/>
            </a:xfrm>
          </p:grpSpPr>
          <p:grpSp>
            <p:nvGrpSpPr>
              <p:cNvPr id="174" name="Group 173">
                <a:extLst>
                  <a:ext uri="{FF2B5EF4-FFF2-40B4-BE49-F238E27FC236}">
                    <a16:creationId xmlns:a16="http://schemas.microsoft.com/office/drawing/2014/main" id="{4A7374E7-0BCD-64E1-6487-C32BC7BF4763}"/>
                  </a:ext>
                </a:extLst>
              </p:cNvPr>
              <p:cNvGrpSpPr/>
              <p:nvPr/>
            </p:nvGrpSpPr>
            <p:grpSpPr>
              <a:xfrm>
                <a:off x="5458296" y="3153610"/>
                <a:ext cx="1445092" cy="45719"/>
                <a:chOff x="5458296" y="3153610"/>
                <a:chExt cx="1445092" cy="45719"/>
              </a:xfrm>
            </p:grpSpPr>
            <p:cxnSp>
              <p:nvCxnSpPr>
                <p:cNvPr id="178" name="Straight Connector 177">
                  <a:extLst>
                    <a:ext uri="{FF2B5EF4-FFF2-40B4-BE49-F238E27FC236}">
                      <a16:creationId xmlns:a16="http://schemas.microsoft.com/office/drawing/2014/main" id="{5E58A70A-C337-E3E1-142B-9F0E25A45851}"/>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79" name="Oval 178">
                  <a:extLst>
                    <a:ext uri="{FF2B5EF4-FFF2-40B4-BE49-F238E27FC236}">
                      <a16:creationId xmlns:a16="http://schemas.microsoft.com/office/drawing/2014/main" id="{A0FAEE45-EE7A-B805-4B1D-81A72B83E261}"/>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80" name="Oval 179">
                  <a:extLst>
                    <a:ext uri="{FF2B5EF4-FFF2-40B4-BE49-F238E27FC236}">
                      <a16:creationId xmlns:a16="http://schemas.microsoft.com/office/drawing/2014/main" id="{85816A3D-DE90-0D5D-F89E-E9FF8472DBF8}"/>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75" name="Straight Connector 174">
                <a:extLst>
                  <a:ext uri="{FF2B5EF4-FFF2-40B4-BE49-F238E27FC236}">
                    <a16:creationId xmlns:a16="http://schemas.microsoft.com/office/drawing/2014/main" id="{9BEC9A3B-3E05-026B-3A97-0FA3BDFA165A}"/>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6" name="TextBox 175">
                <a:extLst>
                  <a:ext uri="{FF2B5EF4-FFF2-40B4-BE49-F238E27FC236}">
                    <a16:creationId xmlns:a16="http://schemas.microsoft.com/office/drawing/2014/main" id="{BF18273C-4969-CB34-ACFB-84D0457A0271}"/>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77" name="TextBox 176">
                <a:extLst>
                  <a:ext uri="{FF2B5EF4-FFF2-40B4-BE49-F238E27FC236}">
                    <a16:creationId xmlns:a16="http://schemas.microsoft.com/office/drawing/2014/main" id="{6033C24D-4B0F-9D96-AB06-ABDAB4A24492}"/>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73" name="Oval 172">
              <a:extLst>
                <a:ext uri="{FF2B5EF4-FFF2-40B4-BE49-F238E27FC236}">
                  <a16:creationId xmlns:a16="http://schemas.microsoft.com/office/drawing/2014/main" id="{18CEABCE-93A3-9292-4E76-7B4E051E0567}"/>
                </a:ext>
                <a:ext uri="{C183D7F6-B498-43B3-948B-1728B52AA6E4}">
                  <adec:decorative xmlns:adec="http://schemas.microsoft.com/office/drawing/2017/decorative" val="1"/>
                </a:ext>
              </a:extLst>
            </p:cNvPr>
            <p:cNvSpPr/>
            <p:nvPr/>
          </p:nvSpPr>
          <p:spPr>
            <a:xfrm>
              <a:off x="8329572" y="5996483"/>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40" name="TextBox 39">
            <a:extLst>
              <a:ext uri="{FF2B5EF4-FFF2-40B4-BE49-F238E27FC236}">
                <a16:creationId xmlns:a16="http://schemas.microsoft.com/office/drawing/2014/main" id="{2F82CDCF-9D75-661D-AAFB-8904F13B7921}"/>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a:t>Midlertidige omkostninger</a:t>
            </a:r>
            <a:endParaRPr lang="da-DK" sz="900" noProof="0"/>
          </a:p>
          <a:p>
            <a:pPr>
              <a:lnSpc>
                <a:spcPct val="200000"/>
              </a:lnSpc>
            </a:pPr>
            <a:r>
              <a:rPr lang="da-DK" sz="900" noProof="0"/>
              <a:t>  Projektledelse </a:t>
            </a:r>
          </a:p>
          <a:p>
            <a:pPr>
              <a:lnSpc>
                <a:spcPct val="200000"/>
              </a:lnSpc>
            </a:pPr>
            <a:endParaRPr lang="da-DK" sz="900" noProof="0"/>
          </a:p>
          <a:p>
            <a:pPr>
              <a:lnSpc>
                <a:spcPct val="200000"/>
              </a:lnSpc>
            </a:pPr>
            <a:r>
              <a:rPr lang="da-DK" sz="900" noProof="0"/>
              <a:t>  Organisatorisk implementering</a:t>
            </a:r>
          </a:p>
          <a:p>
            <a:pPr>
              <a:lnSpc>
                <a:spcPct val="200000"/>
              </a:lnSpc>
            </a:pPr>
            <a:r>
              <a:rPr lang="da-DK" sz="900" noProof="0"/>
              <a:t> </a:t>
            </a:r>
          </a:p>
          <a:p>
            <a:pPr>
              <a:lnSpc>
                <a:spcPct val="200000"/>
              </a:lnSpc>
            </a:pPr>
            <a:r>
              <a:rPr lang="da-DK" sz="900" noProof="0"/>
              <a:t>  Teknisk implementering</a:t>
            </a:r>
          </a:p>
          <a:p>
            <a:pPr>
              <a:lnSpc>
                <a:spcPct val="150000"/>
              </a:lnSpc>
            </a:pPr>
            <a:endParaRPr lang="da-DK" sz="900" noProof="0"/>
          </a:p>
          <a:p>
            <a:pPr>
              <a:lnSpc>
                <a:spcPct val="150000"/>
              </a:lnSpc>
            </a:pPr>
            <a:endParaRPr lang="da-DK" sz="900" b="1" noProof="0">
              <a:solidFill>
                <a:srgbClr val="36465A"/>
              </a:solidFill>
            </a:endParaRPr>
          </a:p>
          <a:p>
            <a:pPr>
              <a:lnSpc>
                <a:spcPct val="150000"/>
              </a:lnSpc>
            </a:pPr>
            <a:r>
              <a:rPr lang="da-DK" sz="900" b="1" noProof="0">
                <a:solidFill>
                  <a:srgbClr val="36465A"/>
                </a:solidFill>
              </a:rPr>
              <a:t>Driftsomkostninger</a:t>
            </a:r>
          </a:p>
          <a:p>
            <a:pPr>
              <a:lnSpc>
                <a:spcPct val="200000"/>
              </a:lnSpc>
            </a:pPr>
            <a:r>
              <a:rPr lang="da-DK" sz="900" noProof="0">
                <a:solidFill>
                  <a:schemeClr val="accent4">
                    <a:lumMod val="50000"/>
                  </a:schemeClr>
                </a:solidFill>
              </a:rPr>
              <a:t>  Teknologi</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Nye kompetencer </a:t>
            </a:r>
          </a:p>
          <a:p>
            <a:pPr>
              <a:lnSpc>
                <a:spcPct val="200000"/>
              </a:lnSpc>
            </a:pPr>
            <a:endParaRPr lang="da-DK" sz="900" noProof="0">
              <a:solidFill>
                <a:schemeClr val="accent4">
                  <a:lumMod val="50000"/>
                </a:schemeClr>
              </a:solidFill>
            </a:endParaRPr>
          </a:p>
          <a:p>
            <a:pPr>
              <a:lnSpc>
                <a:spcPct val="200000"/>
              </a:lnSpc>
            </a:pPr>
            <a:r>
              <a:rPr lang="da-DK" sz="900" noProof="0">
                <a:solidFill>
                  <a:schemeClr val="accent4">
                    <a:lumMod val="50000"/>
                  </a:schemeClr>
                </a:solidFill>
              </a:rPr>
              <a:t>  Drift og support</a:t>
            </a:r>
          </a:p>
        </p:txBody>
      </p:sp>
      <p:grpSp>
        <p:nvGrpSpPr>
          <p:cNvPr id="41" name="Group 40">
            <a:extLst>
              <a:ext uri="{FF2B5EF4-FFF2-40B4-BE49-F238E27FC236}">
                <a16:creationId xmlns:a16="http://schemas.microsoft.com/office/drawing/2014/main" id="{5F4F2C21-7748-0E2D-18F9-5D99B0526F38}"/>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42" name="Oval 41">
              <a:extLst>
                <a:ext uri="{FF2B5EF4-FFF2-40B4-BE49-F238E27FC236}">
                  <a16:creationId xmlns:a16="http://schemas.microsoft.com/office/drawing/2014/main" id="{049F2E00-FC08-CA77-C7B7-962221C4C830}"/>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3" name="Freeform 11">
              <a:extLst>
                <a:ext uri="{FF2B5EF4-FFF2-40B4-BE49-F238E27FC236}">
                  <a16:creationId xmlns:a16="http://schemas.microsoft.com/office/drawing/2014/main" id="{D3B3838D-BF00-5BBD-5090-D5B71DB43FF8}"/>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57" name="Oval 56">
            <a:extLst>
              <a:ext uri="{FF2B5EF4-FFF2-40B4-BE49-F238E27FC236}">
                <a16:creationId xmlns:a16="http://schemas.microsoft.com/office/drawing/2014/main" id="{6AD76CFF-F395-3969-D18A-1187039168FD}"/>
              </a:ext>
              <a:ext uri="{C183D7F6-B498-43B3-948B-1728B52AA6E4}">
                <adec:decorative xmlns:adec="http://schemas.microsoft.com/office/drawing/2017/decorative" val="1"/>
              </a:ext>
            </a:extLst>
          </p:cNvPr>
          <p:cNvSpPr/>
          <p:nvPr/>
        </p:nvSpPr>
        <p:spPr>
          <a:xfrm>
            <a:off x="7973398" y="2901590"/>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nvGrpSpPr>
          <p:cNvPr id="212" name="Group 211">
            <a:extLst>
              <a:ext uri="{FF2B5EF4-FFF2-40B4-BE49-F238E27FC236}">
                <a16:creationId xmlns:a16="http://schemas.microsoft.com/office/drawing/2014/main" id="{9FB39817-9F3E-060F-0161-D96AA2713662}"/>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129" name="Oval 128">
              <a:extLst>
                <a:ext uri="{FF2B5EF4-FFF2-40B4-BE49-F238E27FC236}">
                  <a16:creationId xmlns:a16="http://schemas.microsoft.com/office/drawing/2014/main" id="{D2091C02-3202-28DE-ED3A-3091573C62C6}"/>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30" name="Freeform 19">
              <a:extLst>
                <a:ext uri="{FF2B5EF4-FFF2-40B4-BE49-F238E27FC236}">
                  <a16:creationId xmlns:a16="http://schemas.microsoft.com/office/drawing/2014/main" id="{16506588-A227-4A6A-A2A7-3D552D5F2F66}"/>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133" name="Oval 132">
            <a:extLst>
              <a:ext uri="{FF2B5EF4-FFF2-40B4-BE49-F238E27FC236}">
                <a16:creationId xmlns:a16="http://schemas.microsoft.com/office/drawing/2014/main" id="{C6F80150-87D6-E3C6-380D-742364526B17}"/>
              </a:ext>
              <a:ext uri="{C183D7F6-B498-43B3-948B-1728B52AA6E4}">
                <adec:decorative xmlns:adec="http://schemas.microsoft.com/office/drawing/2017/decorative" val="1"/>
              </a:ext>
            </a:extLst>
          </p:cNvPr>
          <p:cNvSpPr/>
          <p:nvPr/>
        </p:nvSpPr>
        <p:spPr>
          <a:xfrm>
            <a:off x="7973398" y="3457778"/>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53" name="Oval 152">
            <a:extLst>
              <a:ext uri="{FF2B5EF4-FFF2-40B4-BE49-F238E27FC236}">
                <a16:creationId xmlns:a16="http://schemas.microsoft.com/office/drawing/2014/main" id="{8D78D026-8DFA-FE24-2446-F18C91D562F2}"/>
              </a:ext>
              <a:ext uri="{C183D7F6-B498-43B3-948B-1728B52AA6E4}">
                <adec:decorative xmlns:adec="http://schemas.microsoft.com/office/drawing/2017/decorative" val="1"/>
              </a:ext>
            </a:extLst>
          </p:cNvPr>
          <p:cNvSpPr/>
          <p:nvPr/>
        </p:nvSpPr>
        <p:spPr>
          <a:xfrm>
            <a:off x="7656952" y="4931622"/>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63" name="Oval 162">
            <a:extLst>
              <a:ext uri="{FF2B5EF4-FFF2-40B4-BE49-F238E27FC236}">
                <a16:creationId xmlns:a16="http://schemas.microsoft.com/office/drawing/2014/main" id="{533FA73D-C02F-E7A6-B449-6115B816EB22}"/>
              </a:ext>
              <a:ext uri="{C183D7F6-B498-43B3-948B-1728B52AA6E4}">
                <adec:decorative xmlns:adec="http://schemas.microsoft.com/office/drawing/2017/decorative" val="1"/>
              </a:ext>
            </a:extLst>
          </p:cNvPr>
          <p:cNvSpPr/>
          <p:nvPr/>
        </p:nvSpPr>
        <p:spPr>
          <a:xfrm>
            <a:off x="8329572" y="5464052"/>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pic>
        <p:nvPicPr>
          <p:cNvPr id="219" name="Graphic 9">
            <a:extLst>
              <a:ext uri="{FF2B5EF4-FFF2-40B4-BE49-F238E27FC236}">
                <a16:creationId xmlns:a16="http://schemas.microsoft.com/office/drawing/2014/main" id="{41DFA3D3-EB05-880D-4438-91E3648830F8}"/>
              </a:ext>
              <a:ext uri="{C183D7F6-B498-43B3-948B-1728B52AA6E4}">
                <adec:decorative xmlns:adec="http://schemas.microsoft.com/office/drawing/2017/decorative" val="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473144" y="4418036"/>
            <a:ext cx="431800" cy="349250"/>
          </a:xfrm>
          <a:prstGeom prst="rect">
            <a:avLst/>
          </a:prstGeom>
        </p:spPr>
      </p:pic>
      <p:sp>
        <p:nvSpPr>
          <p:cNvPr id="220" name="TextBox 219">
            <a:extLst>
              <a:ext uri="{FF2B5EF4-FFF2-40B4-BE49-F238E27FC236}">
                <a16:creationId xmlns:a16="http://schemas.microsoft.com/office/drawing/2014/main" id="{DA0D4C2C-DE7E-F2EC-070C-CB97F0BA3C9B}"/>
              </a:ext>
            </a:extLst>
          </p:cNvPr>
          <p:cNvSpPr txBox="1"/>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Nøgletal**</a:t>
            </a:r>
          </a:p>
        </p:txBody>
      </p:sp>
      <p:sp>
        <p:nvSpPr>
          <p:cNvPr id="222" name="TextBox 221">
            <a:extLst>
              <a:ext uri="{FF2B5EF4-FFF2-40B4-BE49-F238E27FC236}">
                <a16:creationId xmlns:a16="http://schemas.microsoft.com/office/drawing/2014/main" id="{501DA88E-6A92-5124-7ED7-9E9D9000C03F}"/>
              </a:ext>
            </a:extLst>
          </p:cNvPr>
          <p:cNvSpPr txBox="1"/>
          <p:nvPr/>
        </p:nvSpPr>
        <p:spPr>
          <a:xfrm>
            <a:off x="10330124" y="2033118"/>
            <a:ext cx="1519861" cy="830997"/>
          </a:xfrm>
          <a:prstGeom prst="rect">
            <a:avLst/>
          </a:prstGeom>
          <a:noFill/>
        </p:spPr>
        <p:txBody>
          <a:bodyPr wrap="square">
            <a:spAutoFit/>
          </a:bodyPr>
          <a:lstStyle/>
          <a:p>
            <a:r>
              <a:rPr lang="da-DK" sz="1600" noProof="0" dirty="0">
                <a:solidFill>
                  <a:srgbClr val="EE2F66"/>
                </a:solidFill>
              </a:rPr>
              <a:t>230+</a:t>
            </a:r>
            <a:endParaRPr lang="da-DK" sz="1600" noProof="0" dirty="0">
              <a:solidFill>
                <a:srgbClr val="2C8027"/>
              </a:solidFill>
            </a:endParaRPr>
          </a:p>
          <a:p>
            <a:r>
              <a:rPr lang="da-DK" sz="800" noProof="0" dirty="0"/>
              <a:t>finansielle virksomheder i Danmark er underlagt Finanstilsynet.</a:t>
            </a:r>
          </a:p>
          <a:p>
            <a:endParaRPr lang="da-DK" sz="800" noProof="0" dirty="0"/>
          </a:p>
        </p:txBody>
      </p:sp>
      <p:sp>
        <p:nvSpPr>
          <p:cNvPr id="226" name="Freeform 15">
            <a:extLst>
              <a:ext uri="{FF2B5EF4-FFF2-40B4-BE49-F238E27FC236}">
                <a16:creationId xmlns:a16="http://schemas.microsoft.com/office/drawing/2014/main" id="{A0523718-9FF6-F2B1-3624-E66AD62F3D0F}"/>
              </a:ext>
              <a:ext uri="{C183D7F6-B498-43B3-948B-1728B52AA6E4}">
                <adec:decorative xmlns:adec="http://schemas.microsoft.com/office/drawing/2017/decorative" val="1"/>
              </a:ext>
            </a:extLst>
          </p:cNvPr>
          <p:cNvSpPr>
            <a:spLocks noEditPoints="1"/>
          </p:cNvSpPr>
          <p:nvPr/>
        </p:nvSpPr>
        <p:spPr bwMode="auto">
          <a:xfrm>
            <a:off x="9707398" y="3716460"/>
            <a:ext cx="317603" cy="317603"/>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3 w 208"/>
              <a:gd name="T11" fmla="*/ 49 h 208"/>
              <a:gd name="T12" fmla="*/ 64 w 208"/>
              <a:gd name="T13" fmla="*/ 48 h 208"/>
              <a:gd name="T14" fmla="*/ 44 w 208"/>
              <a:gd name="T15" fmla="*/ 66 h 208"/>
              <a:gd name="T16" fmla="*/ 23 w 208"/>
              <a:gd name="T17" fmla="*/ 48 h 208"/>
              <a:gd name="T18" fmla="*/ 0 w 208"/>
              <a:gd name="T19" fmla="*/ 69 h 208"/>
              <a:gd name="T20" fmla="*/ 16 w 208"/>
              <a:gd name="T21" fmla="*/ 144 h 208"/>
              <a:gd name="T22" fmla="*/ 17 w 208"/>
              <a:gd name="T23" fmla="*/ 207 h 208"/>
              <a:gd name="T24" fmla="*/ 68 w 208"/>
              <a:gd name="T25" fmla="*/ 208 h 208"/>
              <a:gd name="T26" fmla="*/ 72 w 208"/>
              <a:gd name="T27" fmla="*/ 204 h 208"/>
              <a:gd name="T28" fmla="*/ 80 w 208"/>
              <a:gd name="T29" fmla="*/ 72 h 208"/>
              <a:gd name="T30" fmla="*/ 144 w 208"/>
              <a:gd name="T31" fmla="*/ 52 h 208"/>
              <a:gd name="T32" fmla="*/ 64 w 208"/>
              <a:gd name="T33" fmla="*/ 200 h 208"/>
              <a:gd name="T34" fmla="*/ 48 w 208"/>
              <a:gd name="T35" fmla="*/ 132 h 208"/>
              <a:gd name="T36" fmla="*/ 40 w 208"/>
              <a:gd name="T37" fmla="*/ 132 h 208"/>
              <a:gd name="T38" fmla="*/ 24 w 208"/>
              <a:gd name="T39" fmla="*/ 200 h 208"/>
              <a:gd name="T40" fmla="*/ 24 w 208"/>
              <a:gd name="T41" fmla="*/ 140 h 208"/>
              <a:gd name="T42" fmla="*/ 24 w 208"/>
              <a:gd name="T43" fmla="*/ 84 h 208"/>
              <a:gd name="T44" fmla="*/ 16 w 208"/>
              <a:gd name="T45" fmla="*/ 84 h 208"/>
              <a:gd name="T46" fmla="*/ 8 w 208"/>
              <a:gd name="T47" fmla="*/ 124 h 208"/>
              <a:gd name="T48" fmla="*/ 15 w 208"/>
              <a:gd name="T49" fmla="*/ 59 h 208"/>
              <a:gd name="T50" fmla="*/ 41 w 208"/>
              <a:gd name="T51" fmla="*/ 75 h 208"/>
              <a:gd name="T52" fmla="*/ 47 w 208"/>
              <a:gd name="T53" fmla="*/ 75 h 208"/>
              <a:gd name="T54" fmla="*/ 135 w 208"/>
              <a:gd name="T55" fmla="*/ 56 h 208"/>
              <a:gd name="T56" fmla="*/ 80 w 208"/>
              <a:gd name="T57" fmla="*/ 64 h 208"/>
              <a:gd name="T58" fmla="*/ 148 w 208"/>
              <a:gd name="T59" fmla="*/ 88 h 208"/>
              <a:gd name="T60" fmla="*/ 148 w 208"/>
              <a:gd name="T61" fmla="*/ 208 h 208"/>
              <a:gd name="T62" fmla="*/ 148 w 208"/>
              <a:gd name="T63" fmla="*/ 88 h 208"/>
              <a:gd name="T64" fmla="*/ 96 w 208"/>
              <a:gd name="T65" fmla="*/ 148 h 208"/>
              <a:gd name="T66" fmla="*/ 200 w 208"/>
              <a:gd name="T67" fmla="*/ 148 h 208"/>
              <a:gd name="T68" fmla="*/ 152 w 208"/>
              <a:gd name="T69" fmla="*/ 144 h 208"/>
              <a:gd name="T70" fmla="*/ 136 w 208"/>
              <a:gd name="T71" fmla="*/ 136 h 208"/>
              <a:gd name="T72" fmla="*/ 164 w 208"/>
              <a:gd name="T73" fmla="*/ 128 h 208"/>
              <a:gd name="T74" fmla="*/ 164 w 208"/>
              <a:gd name="T75" fmla="*/ 120 h 208"/>
              <a:gd name="T76" fmla="*/ 152 w 208"/>
              <a:gd name="T77" fmla="*/ 108 h 208"/>
              <a:gd name="T78" fmla="*/ 144 w 208"/>
              <a:gd name="T79" fmla="*/ 108 h 208"/>
              <a:gd name="T80" fmla="*/ 128 w 208"/>
              <a:gd name="T81" fmla="*/ 136 h 208"/>
              <a:gd name="T82" fmla="*/ 152 w 208"/>
              <a:gd name="T83" fmla="*/ 152 h 208"/>
              <a:gd name="T84" fmla="*/ 152 w 208"/>
              <a:gd name="T85" fmla="*/ 168 h 208"/>
              <a:gd name="T86" fmla="*/ 128 w 208"/>
              <a:gd name="T87" fmla="*/ 172 h 208"/>
              <a:gd name="T88" fmla="*/ 144 w 208"/>
              <a:gd name="T89" fmla="*/ 176 h 208"/>
              <a:gd name="T90" fmla="*/ 148 w 208"/>
              <a:gd name="T91" fmla="*/ 192 h 208"/>
              <a:gd name="T92" fmla="*/ 152 w 208"/>
              <a:gd name="T93" fmla="*/ 176 h 208"/>
              <a:gd name="T94" fmla="*/ 152 w 208"/>
              <a:gd name="T95" fmla="*/ 14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44" y="52"/>
                </a:move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cubicBezTo>
                  <a:pt x="124" y="72"/>
                  <a:pt x="124" y="72"/>
                  <a:pt x="124" y="72"/>
                </a:cubicBezTo>
                <a:cubicBezTo>
                  <a:pt x="135" y="72"/>
                  <a:pt x="144" y="63"/>
                  <a:pt x="144" y="52"/>
                </a:cubicBez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140"/>
                  <a:pt x="24" y="140"/>
                  <a:pt x="24" y="140"/>
                </a:cubicBezTo>
                <a:cubicBezTo>
                  <a:pt x="24" y="140"/>
                  <a:pt x="24" y="140"/>
                  <a:pt x="24" y="140"/>
                </a:cubicBezTo>
                <a:cubicBezTo>
                  <a:pt x="24" y="140"/>
                  <a:pt x="24" y="140"/>
                  <a:pt x="24" y="14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148" y="88"/>
                </a:moveTo>
                <a:cubicBezTo>
                  <a:pt x="115" y="88"/>
                  <a:pt x="88" y="115"/>
                  <a:pt x="88" y="148"/>
                </a:cubicBezTo>
                <a:cubicBezTo>
                  <a:pt x="88" y="181"/>
                  <a:pt x="115" y="208"/>
                  <a:pt x="148" y="208"/>
                </a:cubicBezTo>
                <a:cubicBezTo>
                  <a:pt x="181" y="208"/>
                  <a:pt x="208" y="181"/>
                  <a:pt x="208" y="148"/>
                </a:cubicBezTo>
                <a:cubicBezTo>
                  <a:pt x="208" y="115"/>
                  <a:pt x="181" y="88"/>
                  <a:pt x="148" y="88"/>
                </a:cubicBezTo>
                <a:close/>
                <a:moveTo>
                  <a:pt x="148" y="200"/>
                </a:moveTo>
                <a:cubicBezTo>
                  <a:pt x="119" y="200"/>
                  <a:pt x="96" y="177"/>
                  <a:pt x="96" y="148"/>
                </a:cubicBezTo>
                <a:cubicBezTo>
                  <a:pt x="96" y="119"/>
                  <a:pt x="119" y="96"/>
                  <a:pt x="148" y="96"/>
                </a:cubicBezTo>
                <a:cubicBezTo>
                  <a:pt x="177" y="96"/>
                  <a:pt x="200" y="119"/>
                  <a:pt x="200" y="148"/>
                </a:cubicBezTo>
                <a:cubicBezTo>
                  <a:pt x="200" y="177"/>
                  <a:pt x="177" y="200"/>
                  <a:pt x="148" y="200"/>
                </a:cubicBezTo>
                <a:close/>
                <a:moveTo>
                  <a:pt x="152" y="144"/>
                </a:moveTo>
                <a:cubicBezTo>
                  <a:pt x="144" y="144"/>
                  <a:pt x="144" y="144"/>
                  <a:pt x="144" y="144"/>
                </a:cubicBezTo>
                <a:cubicBezTo>
                  <a:pt x="140" y="144"/>
                  <a:pt x="136" y="140"/>
                  <a:pt x="136" y="136"/>
                </a:cubicBezTo>
                <a:cubicBezTo>
                  <a:pt x="136" y="132"/>
                  <a:pt x="140" y="128"/>
                  <a:pt x="144" y="128"/>
                </a:cubicBezTo>
                <a:cubicBezTo>
                  <a:pt x="164" y="128"/>
                  <a:pt x="164" y="128"/>
                  <a:pt x="164" y="128"/>
                </a:cubicBezTo>
                <a:cubicBezTo>
                  <a:pt x="166" y="128"/>
                  <a:pt x="168" y="126"/>
                  <a:pt x="168" y="124"/>
                </a:cubicBezTo>
                <a:cubicBezTo>
                  <a:pt x="168" y="122"/>
                  <a:pt x="166" y="120"/>
                  <a:pt x="164" y="120"/>
                </a:cubicBezTo>
                <a:cubicBezTo>
                  <a:pt x="152" y="120"/>
                  <a:pt x="152" y="120"/>
                  <a:pt x="152" y="120"/>
                </a:cubicBezTo>
                <a:cubicBezTo>
                  <a:pt x="152" y="108"/>
                  <a:pt x="152" y="108"/>
                  <a:pt x="152" y="108"/>
                </a:cubicBezTo>
                <a:cubicBezTo>
                  <a:pt x="152" y="106"/>
                  <a:pt x="150" y="104"/>
                  <a:pt x="148" y="104"/>
                </a:cubicBezTo>
                <a:cubicBezTo>
                  <a:pt x="146" y="104"/>
                  <a:pt x="144" y="106"/>
                  <a:pt x="144" y="108"/>
                </a:cubicBezTo>
                <a:cubicBezTo>
                  <a:pt x="144" y="120"/>
                  <a:pt x="144" y="120"/>
                  <a:pt x="144" y="120"/>
                </a:cubicBezTo>
                <a:cubicBezTo>
                  <a:pt x="135" y="120"/>
                  <a:pt x="128" y="127"/>
                  <a:pt x="128" y="136"/>
                </a:cubicBezTo>
                <a:cubicBezTo>
                  <a:pt x="128" y="145"/>
                  <a:pt x="135" y="152"/>
                  <a:pt x="144" y="152"/>
                </a:cubicBezTo>
                <a:cubicBezTo>
                  <a:pt x="152" y="152"/>
                  <a:pt x="152" y="152"/>
                  <a:pt x="152" y="152"/>
                </a:cubicBezTo>
                <a:cubicBezTo>
                  <a:pt x="156" y="152"/>
                  <a:pt x="160" y="156"/>
                  <a:pt x="160" y="160"/>
                </a:cubicBezTo>
                <a:cubicBezTo>
                  <a:pt x="160" y="164"/>
                  <a:pt x="156" y="168"/>
                  <a:pt x="152" y="168"/>
                </a:cubicBezTo>
                <a:cubicBezTo>
                  <a:pt x="132" y="168"/>
                  <a:pt x="132" y="168"/>
                  <a:pt x="132" y="168"/>
                </a:cubicBezTo>
                <a:cubicBezTo>
                  <a:pt x="130" y="168"/>
                  <a:pt x="128" y="170"/>
                  <a:pt x="128" y="172"/>
                </a:cubicBezTo>
                <a:cubicBezTo>
                  <a:pt x="128" y="174"/>
                  <a:pt x="130" y="176"/>
                  <a:pt x="132" y="176"/>
                </a:cubicBezTo>
                <a:cubicBezTo>
                  <a:pt x="144" y="176"/>
                  <a:pt x="144" y="176"/>
                  <a:pt x="144" y="176"/>
                </a:cubicBezTo>
                <a:cubicBezTo>
                  <a:pt x="144" y="188"/>
                  <a:pt x="144" y="188"/>
                  <a:pt x="144" y="188"/>
                </a:cubicBezTo>
                <a:cubicBezTo>
                  <a:pt x="144" y="190"/>
                  <a:pt x="146" y="192"/>
                  <a:pt x="148" y="192"/>
                </a:cubicBezTo>
                <a:cubicBezTo>
                  <a:pt x="150" y="192"/>
                  <a:pt x="152" y="190"/>
                  <a:pt x="152" y="188"/>
                </a:cubicBezTo>
                <a:cubicBezTo>
                  <a:pt x="152" y="176"/>
                  <a:pt x="152" y="176"/>
                  <a:pt x="152" y="176"/>
                </a:cubicBezTo>
                <a:cubicBezTo>
                  <a:pt x="161" y="176"/>
                  <a:pt x="168" y="169"/>
                  <a:pt x="168" y="160"/>
                </a:cubicBezTo>
                <a:cubicBezTo>
                  <a:pt x="168" y="151"/>
                  <a:pt x="161" y="144"/>
                  <a:pt x="152" y="14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228" name="TextBox 227">
            <a:extLst>
              <a:ext uri="{FF2B5EF4-FFF2-40B4-BE49-F238E27FC236}">
                <a16:creationId xmlns:a16="http://schemas.microsoft.com/office/drawing/2014/main" id="{D1756A37-8F51-0B95-A8D5-4DB08B11E0D8}"/>
              </a:ext>
            </a:extLst>
          </p:cNvPr>
          <p:cNvSpPr txBox="1"/>
          <p:nvPr/>
        </p:nvSpPr>
        <p:spPr>
          <a:xfrm>
            <a:off x="10330124" y="2928798"/>
            <a:ext cx="1519861" cy="584775"/>
          </a:xfrm>
          <a:prstGeom prst="rect">
            <a:avLst/>
          </a:prstGeom>
          <a:noFill/>
        </p:spPr>
        <p:txBody>
          <a:bodyPr wrap="square">
            <a:spAutoFit/>
          </a:bodyPr>
          <a:lstStyle/>
          <a:p>
            <a:r>
              <a:rPr lang="da-DK" sz="1600" noProof="0" dirty="0">
                <a:solidFill>
                  <a:srgbClr val="EE2F66"/>
                </a:solidFill>
              </a:rPr>
              <a:t>Ca. 65.000</a:t>
            </a:r>
            <a:endParaRPr lang="da-DK" sz="1600" noProof="0" dirty="0">
              <a:solidFill>
                <a:srgbClr val="2C8027"/>
              </a:solidFill>
            </a:endParaRPr>
          </a:p>
          <a:p>
            <a:r>
              <a:rPr lang="da-DK" sz="800" noProof="0" dirty="0"/>
              <a:t>medarbejdere i den danske finanssektor.</a:t>
            </a:r>
          </a:p>
        </p:txBody>
      </p:sp>
      <p:sp>
        <p:nvSpPr>
          <p:cNvPr id="225" name="TextBox 224">
            <a:extLst>
              <a:ext uri="{FF2B5EF4-FFF2-40B4-BE49-F238E27FC236}">
                <a16:creationId xmlns:a16="http://schemas.microsoft.com/office/drawing/2014/main" id="{96DBCAD2-F619-22C2-045F-81739D7FE9DA}"/>
              </a:ext>
            </a:extLst>
          </p:cNvPr>
          <p:cNvSpPr txBox="1"/>
          <p:nvPr/>
        </p:nvSpPr>
        <p:spPr>
          <a:xfrm>
            <a:off x="10330124" y="3670590"/>
            <a:ext cx="1519861" cy="830997"/>
          </a:xfrm>
          <a:prstGeom prst="rect">
            <a:avLst/>
          </a:prstGeom>
          <a:noFill/>
        </p:spPr>
        <p:txBody>
          <a:bodyPr wrap="square">
            <a:spAutoFit/>
          </a:bodyPr>
          <a:lstStyle/>
          <a:p>
            <a:r>
              <a:rPr lang="da-DK" sz="1600" noProof="0" dirty="0">
                <a:solidFill>
                  <a:srgbClr val="EE2F66"/>
                </a:solidFill>
              </a:rPr>
              <a:t>14.000 mia. kr.</a:t>
            </a:r>
            <a:endParaRPr lang="da-DK" sz="1600" noProof="0" dirty="0">
              <a:solidFill>
                <a:srgbClr val="2C8027"/>
              </a:solidFill>
            </a:endParaRPr>
          </a:p>
          <a:p>
            <a:r>
              <a:rPr lang="da-DK" sz="800" noProof="0" dirty="0"/>
              <a:t>i samlet balancesum for virksomhederne i den danske finanssektor.</a:t>
            </a:r>
          </a:p>
          <a:p>
            <a:endParaRPr lang="da-DK" sz="800" noProof="0" dirty="0"/>
          </a:p>
        </p:txBody>
      </p:sp>
      <p:sp>
        <p:nvSpPr>
          <p:cNvPr id="233" name="Oval 232">
            <a:extLst>
              <a:ext uri="{FF2B5EF4-FFF2-40B4-BE49-F238E27FC236}">
                <a16:creationId xmlns:a16="http://schemas.microsoft.com/office/drawing/2014/main" id="{84F7BE81-0EEB-6C22-216A-56FE4DAEB99E}"/>
              </a:ext>
              <a:ext uri="{C183D7F6-B498-43B3-948B-1728B52AA6E4}">
                <adec:decorative xmlns:adec="http://schemas.microsoft.com/office/drawing/2017/decorative" val="1"/>
              </a:ext>
            </a:extLst>
          </p:cNvPr>
          <p:cNvSpPr/>
          <p:nvPr/>
        </p:nvSpPr>
        <p:spPr>
          <a:xfrm>
            <a:off x="7656952" y="4035937"/>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nvGrpSpPr>
          <p:cNvPr id="13" name="Group 12">
            <a:extLst>
              <a:ext uri="{FF2B5EF4-FFF2-40B4-BE49-F238E27FC236}">
                <a16:creationId xmlns:a16="http://schemas.microsoft.com/office/drawing/2014/main" id="{C573180A-FFA4-B761-BB0E-F4B98FBF42B8}"/>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4" name="Rectangle 13">
              <a:extLst>
                <a:ext uri="{FF2B5EF4-FFF2-40B4-BE49-F238E27FC236}">
                  <a16:creationId xmlns:a16="http://schemas.microsoft.com/office/drawing/2014/main" id="{1CF54020-F6EE-825D-F2BB-2A2756CFEF58}"/>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5" name="Rectangle 14">
              <a:extLst>
                <a:ext uri="{FF2B5EF4-FFF2-40B4-BE49-F238E27FC236}">
                  <a16:creationId xmlns:a16="http://schemas.microsoft.com/office/drawing/2014/main" id="{1504C92F-0932-FD62-1713-484A7FACA28F}"/>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96" name="Content Placeholder 5">
            <a:extLst>
              <a:ext uri="{FF2B5EF4-FFF2-40B4-BE49-F238E27FC236}">
                <a16:creationId xmlns:a16="http://schemas.microsoft.com/office/drawing/2014/main" id="{649BA518-8209-4CBD-06F9-37B13245B32A}"/>
              </a:ext>
            </a:extLst>
          </p:cNvPr>
          <p:cNvSpPr txBox="1">
            <a:spLocks/>
          </p:cNvSpPr>
          <p:nvPr/>
        </p:nvSpPr>
        <p:spPr>
          <a:xfrm>
            <a:off x="546369" y="6402645"/>
            <a:ext cx="11456822" cy="21705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R="0" lvl="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700" b="0" i="1" u="none" strike="noStrike" kern="1200" cap="none" spc="0" normalizeH="0" noProof="0">
                <a:ln>
                  <a:noFill/>
                </a:ln>
                <a:solidFill>
                  <a:srgbClr val="000000"/>
                </a:solidFill>
                <a:effectLst/>
                <a:uLnTx/>
                <a:uFillTx/>
                <a:latin typeface="Arial" panose="020B0604020202020204"/>
                <a:ea typeface="+mn-ea"/>
                <a:cs typeface="+mn-cs"/>
              </a:rPr>
              <a:t>*Den relative vurdering er for denne case udarbejdet som et illustrativt eksempel for en enkelt finansiel institution mhp. at kunne sammenligne indsatserne med de øvrige cases. </a:t>
            </a:r>
            <a:r>
              <a:rPr lang="da-DK" sz="700" b="0" i="1" noProof="0">
                <a:solidFill>
                  <a:srgbClr val="000000"/>
                </a:solidFill>
                <a:latin typeface="Arial" panose="020B0604020202020204"/>
              </a:rPr>
              <a:t>Vurderinger er behæftet med stor usikkerhed, da DORA-transformationer og lign. arbejde med compliance og sårbarhed gribes meget forskelligt an fra organisation til organisation på trods af (standardiserede) rammeværker. **Baseret på de seneste tal fra Finanstilsynet </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a:t>
            </a:r>
          </a:p>
        </p:txBody>
      </p:sp>
      <p:sp>
        <p:nvSpPr>
          <p:cNvPr id="31" name="Freeform 28">
            <a:extLst>
              <a:ext uri="{FF2B5EF4-FFF2-40B4-BE49-F238E27FC236}">
                <a16:creationId xmlns:a16="http://schemas.microsoft.com/office/drawing/2014/main" id="{598DADAB-4778-2A85-DF94-66BF3CC38E04}"/>
              </a:ext>
              <a:ext uri="{C183D7F6-B498-43B3-948B-1728B52AA6E4}">
                <adec:decorative xmlns:adec="http://schemas.microsoft.com/office/drawing/2017/decorative" val="1"/>
              </a:ext>
            </a:extLst>
          </p:cNvPr>
          <p:cNvSpPr>
            <a:spLocks noEditPoints="1"/>
          </p:cNvSpPr>
          <p:nvPr/>
        </p:nvSpPr>
        <p:spPr bwMode="auto">
          <a:xfrm>
            <a:off x="9702544" y="2149040"/>
            <a:ext cx="347957" cy="348757"/>
          </a:xfrm>
          <a:custGeom>
            <a:avLst/>
            <a:gdLst>
              <a:gd name="T0" fmla="*/ 1 w 208"/>
              <a:gd name="T1" fmla="*/ 169 h 208"/>
              <a:gd name="T2" fmla="*/ 1 w 208"/>
              <a:gd name="T3" fmla="*/ 207 h 208"/>
              <a:gd name="T4" fmla="*/ 47 w 208"/>
              <a:gd name="T5" fmla="*/ 207 h 208"/>
              <a:gd name="T6" fmla="*/ 160 w 208"/>
              <a:gd name="T7" fmla="*/ 176 h 208"/>
              <a:gd name="T8" fmla="*/ 164 w 208"/>
              <a:gd name="T9" fmla="*/ 208 h 208"/>
              <a:gd name="T10" fmla="*/ 208 w 208"/>
              <a:gd name="T11" fmla="*/ 204 h 208"/>
              <a:gd name="T12" fmla="*/ 204 w 208"/>
              <a:gd name="T13" fmla="*/ 168 h 208"/>
              <a:gd name="T14" fmla="*/ 8 w 208"/>
              <a:gd name="T15" fmla="*/ 176 h 208"/>
              <a:gd name="T16" fmla="*/ 168 w 208"/>
              <a:gd name="T17" fmla="*/ 200 h 208"/>
              <a:gd name="T18" fmla="*/ 200 w 208"/>
              <a:gd name="T19" fmla="*/ 200 h 208"/>
              <a:gd name="T20" fmla="*/ 60 w 208"/>
              <a:gd name="T21" fmla="*/ 200 h 208"/>
              <a:gd name="T22" fmla="*/ 148 w 208"/>
              <a:gd name="T23" fmla="*/ 208 h 208"/>
              <a:gd name="T24" fmla="*/ 136 w 208"/>
              <a:gd name="T25" fmla="*/ 192 h 208"/>
              <a:gd name="T26" fmla="*/ 72 w 208"/>
              <a:gd name="T27" fmla="*/ 184 h 208"/>
              <a:gd name="T28" fmla="*/ 136 w 208"/>
              <a:gd name="T29" fmla="*/ 192 h 208"/>
              <a:gd name="T30" fmla="*/ 20 w 208"/>
              <a:gd name="T31" fmla="*/ 96 h 208"/>
              <a:gd name="T32" fmla="*/ 20 w 208"/>
              <a:gd name="T33" fmla="*/ 160 h 208"/>
              <a:gd name="T34" fmla="*/ 40 w 208"/>
              <a:gd name="T35" fmla="*/ 100 h 208"/>
              <a:gd name="T36" fmla="*/ 32 w 208"/>
              <a:gd name="T37" fmla="*/ 156 h 208"/>
              <a:gd name="T38" fmla="*/ 72 w 208"/>
              <a:gd name="T39" fmla="*/ 156 h 208"/>
              <a:gd name="T40" fmla="*/ 64 w 208"/>
              <a:gd name="T41" fmla="*/ 100 h 208"/>
              <a:gd name="T42" fmla="*/ 72 w 208"/>
              <a:gd name="T43" fmla="*/ 156 h 208"/>
              <a:gd name="T44" fmla="*/ 84 w 208"/>
              <a:gd name="T45" fmla="*/ 96 h 208"/>
              <a:gd name="T46" fmla="*/ 84 w 208"/>
              <a:gd name="T47" fmla="*/ 160 h 208"/>
              <a:gd name="T48" fmla="*/ 192 w 208"/>
              <a:gd name="T49" fmla="*/ 100 h 208"/>
              <a:gd name="T50" fmla="*/ 184 w 208"/>
              <a:gd name="T51" fmla="*/ 156 h 208"/>
              <a:gd name="T52" fmla="*/ 176 w 208"/>
              <a:gd name="T53" fmla="*/ 156 h 208"/>
              <a:gd name="T54" fmla="*/ 168 w 208"/>
              <a:gd name="T55" fmla="*/ 100 h 208"/>
              <a:gd name="T56" fmla="*/ 176 w 208"/>
              <a:gd name="T57" fmla="*/ 156 h 208"/>
              <a:gd name="T58" fmla="*/ 140 w 208"/>
              <a:gd name="T59" fmla="*/ 96 h 208"/>
              <a:gd name="T60" fmla="*/ 140 w 208"/>
              <a:gd name="T61" fmla="*/ 160 h 208"/>
              <a:gd name="T62" fmla="*/ 128 w 208"/>
              <a:gd name="T63" fmla="*/ 100 h 208"/>
              <a:gd name="T64" fmla="*/ 120 w 208"/>
              <a:gd name="T65" fmla="*/ 156 h 208"/>
              <a:gd name="T66" fmla="*/ 206 w 208"/>
              <a:gd name="T67" fmla="*/ 65 h 208"/>
              <a:gd name="T68" fmla="*/ 2 w 208"/>
              <a:gd name="T69" fmla="*/ 65 h 208"/>
              <a:gd name="T70" fmla="*/ 1 w 208"/>
              <a:gd name="T71" fmla="*/ 87 h 208"/>
              <a:gd name="T72" fmla="*/ 207 w 208"/>
              <a:gd name="T73" fmla="*/ 87 h 208"/>
              <a:gd name="T74" fmla="*/ 206 w 208"/>
              <a:gd name="T75" fmla="*/ 65 h 208"/>
              <a:gd name="T76" fmla="*/ 18 w 208"/>
              <a:gd name="T77" fmla="*/ 64 h 208"/>
              <a:gd name="T78" fmla="*/ 8 w 208"/>
              <a:gd name="T79" fmla="*/ 80 h 208"/>
              <a:gd name="T80" fmla="*/ 200 w 208"/>
              <a:gd name="T81" fmla="*/ 80 h 208"/>
              <a:gd name="T82" fmla="*/ 102 w 208"/>
              <a:gd name="T83" fmla="*/ 20 h 208"/>
              <a:gd name="T84" fmla="*/ 59 w 208"/>
              <a:gd name="T85" fmla="*/ 56 h 208"/>
              <a:gd name="T86" fmla="*/ 147 w 208"/>
              <a:gd name="T87" fmla="*/ 55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08" h="208">
                <a:moveTo>
                  <a:pt x="204" y="168"/>
                </a:moveTo>
                <a:cubicBezTo>
                  <a:pt x="4" y="168"/>
                  <a:pt x="4" y="168"/>
                  <a:pt x="4" y="168"/>
                </a:cubicBezTo>
                <a:cubicBezTo>
                  <a:pt x="3" y="168"/>
                  <a:pt x="2" y="168"/>
                  <a:pt x="1" y="169"/>
                </a:cubicBezTo>
                <a:cubicBezTo>
                  <a:pt x="0" y="170"/>
                  <a:pt x="0" y="171"/>
                  <a:pt x="0" y="172"/>
                </a:cubicBezTo>
                <a:cubicBezTo>
                  <a:pt x="0" y="204"/>
                  <a:pt x="0" y="204"/>
                  <a:pt x="0" y="204"/>
                </a:cubicBezTo>
                <a:cubicBezTo>
                  <a:pt x="0" y="205"/>
                  <a:pt x="0" y="206"/>
                  <a:pt x="1" y="207"/>
                </a:cubicBezTo>
                <a:cubicBezTo>
                  <a:pt x="2" y="208"/>
                  <a:pt x="3" y="208"/>
                  <a:pt x="4" y="208"/>
                </a:cubicBezTo>
                <a:cubicBezTo>
                  <a:pt x="44" y="208"/>
                  <a:pt x="44" y="208"/>
                  <a:pt x="44" y="208"/>
                </a:cubicBezTo>
                <a:cubicBezTo>
                  <a:pt x="45" y="208"/>
                  <a:pt x="46" y="208"/>
                  <a:pt x="47" y="207"/>
                </a:cubicBezTo>
                <a:cubicBezTo>
                  <a:pt x="48" y="206"/>
                  <a:pt x="48" y="205"/>
                  <a:pt x="48" y="204"/>
                </a:cubicBezTo>
                <a:cubicBezTo>
                  <a:pt x="48" y="176"/>
                  <a:pt x="48" y="176"/>
                  <a:pt x="48" y="176"/>
                </a:cubicBezTo>
                <a:cubicBezTo>
                  <a:pt x="160" y="176"/>
                  <a:pt x="160" y="176"/>
                  <a:pt x="160" y="176"/>
                </a:cubicBezTo>
                <a:cubicBezTo>
                  <a:pt x="160" y="204"/>
                  <a:pt x="160" y="204"/>
                  <a:pt x="160" y="204"/>
                </a:cubicBezTo>
                <a:cubicBezTo>
                  <a:pt x="160" y="205"/>
                  <a:pt x="160" y="206"/>
                  <a:pt x="161" y="207"/>
                </a:cubicBezTo>
                <a:cubicBezTo>
                  <a:pt x="162" y="208"/>
                  <a:pt x="163" y="208"/>
                  <a:pt x="164" y="208"/>
                </a:cubicBezTo>
                <a:cubicBezTo>
                  <a:pt x="204" y="208"/>
                  <a:pt x="204" y="208"/>
                  <a:pt x="204" y="208"/>
                </a:cubicBezTo>
                <a:cubicBezTo>
                  <a:pt x="205" y="208"/>
                  <a:pt x="206" y="208"/>
                  <a:pt x="207" y="207"/>
                </a:cubicBezTo>
                <a:cubicBezTo>
                  <a:pt x="208" y="206"/>
                  <a:pt x="208" y="205"/>
                  <a:pt x="208" y="204"/>
                </a:cubicBezTo>
                <a:cubicBezTo>
                  <a:pt x="208" y="172"/>
                  <a:pt x="208" y="172"/>
                  <a:pt x="208" y="172"/>
                </a:cubicBezTo>
                <a:cubicBezTo>
                  <a:pt x="208" y="171"/>
                  <a:pt x="208" y="170"/>
                  <a:pt x="207" y="169"/>
                </a:cubicBezTo>
                <a:cubicBezTo>
                  <a:pt x="206" y="168"/>
                  <a:pt x="205" y="168"/>
                  <a:pt x="204" y="168"/>
                </a:cubicBezTo>
                <a:close/>
                <a:moveTo>
                  <a:pt x="40" y="200"/>
                </a:moveTo>
                <a:cubicBezTo>
                  <a:pt x="8" y="200"/>
                  <a:pt x="8" y="200"/>
                  <a:pt x="8" y="200"/>
                </a:cubicBezTo>
                <a:cubicBezTo>
                  <a:pt x="8" y="176"/>
                  <a:pt x="8" y="176"/>
                  <a:pt x="8" y="176"/>
                </a:cubicBezTo>
                <a:cubicBezTo>
                  <a:pt x="40" y="176"/>
                  <a:pt x="40" y="176"/>
                  <a:pt x="40" y="176"/>
                </a:cubicBezTo>
                <a:lnTo>
                  <a:pt x="40" y="200"/>
                </a:lnTo>
                <a:close/>
                <a:moveTo>
                  <a:pt x="168" y="200"/>
                </a:moveTo>
                <a:cubicBezTo>
                  <a:pt x="168" y="176"/>
                  <a:pt x="168" y="176"/>
                  <a:pt x="168" y="176"/>
                </a:cubicBezTo>
                <a:cubicBezTo>
                  <a:pt x="200" y="176"/>
                  <a:pt x="200" y="176"/>
                  <a:pt x="200" y="176"/>
                </a:cubicBezTo>
                <a:cubicBezTo>
                  <a:pt x="200" y="200"/>
                  <a:pt x="200" y="200"/>
                  <a:pt x="200" y="200"/>
                </a:cubicBezTo>
                <a:lnTo>
                  <a:pt x="168" y="200"/>
                </a:lnTo>
                <a:close/>
                <a:moveTo>
                  <a:pt x="148" y="200"/>
                </a:moveTo>
                <a:cubicBezTo>
                  <a:pt x="60" y="200"/>
                  <a:pt x="60" y="200"/>
                  <a:pt x="60" y="200"/>
                </a:cubicBezTo>
                <a:cubicBezTo>
                  <a:pt x="58" y="200"/>
                  <a:pt x="56" y="202"/>
                  <a:pt x="56" y="204"/>
                </a:cubicBezTo>
                <a:cubicBezTo>
                  <a:pt x="56" y="206"/>
                  <a:pt x="58" y="208"/>
                  <a:pt x="60" y="208"/>
                </a:cubicBezTo>
                <a:cubicBezTo>
                  <a:pt x="148" y="208"/>
                  <a:pt x="148" y="208"/>
                  <a:pt x="148" y="208"/>
                </a:cubicBezTo>
                <a:cubicBezTo>
                  <a:pt x="150" y="208"/>
                  <a:pt x="152" y="206"/>
                  <a:pt x="152" y="204"/>
                </a:cubicBezTo>
                <a:cubicBezTo>
                  <a:pt x="152" y="202"/>
                  <a:pt x="150" y="200"/>
                  <a:pt x="148" y="200"/>
                </a:cubicBezTo>
                <a:close/>
                <a:moveTo>
                  <a:pt x="136" y="192"/>
                </a:moveTo>
                <a:cubicBezTo>
                  <a:pt x="138" y="192"/>
                  <a:pt x="140" y="190"/>
                  <a:pt x="140" y="188"/>
                </a:cubicBezTo>
                <a:cubicBezTo>
                  <a:pt x="140" y="186"/>
                  <a:pt x="138" y="184"/>
                  <a:pt x="136" y="184"/>
                </a:cubicBezTo>
                <a:cubicBezTo>
                  <a:pt x="72" y="184"/>
                  <a:pt x="72" y="184"/>
                  <a:pt x="72" y="184"/>
                </a:cubicBezTo>
                <a:cubicBezTo>
                  <a:pt x="70" y="184"/>
                  <a:pt x="68" y="186"/>
                  <a:pt x="68" y="188"/>
                </a:cubicBezTo>
                <a:cubicBezTo>
                  <a:pt x="68" y="190"/>
                  <a:pt x="70" y="192"/>
                  <a:pt x="72" y="192"/>
                </a:cubicBezTo>
                <a:lnTo>
                  <a:pt x="136" y="192"/>
                </a:lnTo>
                <a:close/>
                <a:moveTo>
                  <a:pt x="24" y="156"/>
                </a:moveTo>
                <a:cubicBezTo>
                  <a:pt x="24" y="100"/>
                  <a:pt x="24" y="100"/>
                  <a:pt x="24" y="100"/>
                </a:cubicBezTo>
                <a:cubicBezTo>
                  <a:pt x="24" y="98"/>
                  <a:pt x="22" y="96"/>
                  <a:pt x="20" y="96"/>
                </a:cubicBezTo>
                <a:cubicBezTo>
                  <a:pt x="18" y="96"/>
                  <a:pt x="16" y="98"/>
                  <a:pt x="16" y="100"/>
                </a:cubicBezTo>
                <a:cubicBezTo>
                  <a:pt x="16" y="156"/>
                  <a:pt x="16" y="156"/>
                  <a:pt x="16" y="156"/>
                </a:cubicBezTo>
                <a:cubicBezTo>
                  <a:pt x="16" y="158"/>
                  <a:pt x="18" y="160"/>
                  <a:pt x="20" y="160"/>
                </a:cubicBezTo>
                <a:cubicBezTo>
                  <a:pt x="22" y="160"/>
                  <a:pt x="24" y="158"/>
                  <a:pt x="24" y="156"/>
                </a:cubicBezTo>
                <a:close/>
                <a:moveTo>
                  <a:pt x="40" y="156"/>
                </a:moveTo>
                <a:cubicBezTo>
                  <a:pt x="40" y="100"/>
                  <a:pt x="40" y="100"/>
                  <a:pt x="40" y="100"/>
                </a:cubicBezTo>
                <a:cubicBezTo>
                  <a:pt x="40" y="98"/>
                  <a:pt x="38" y="96"/>
                  <a:pt x="36" y="96"/>
                </a:cubicBezTo>
                <a:cubicBezTo>
                  <a:pt x="34" y="96"/>
                  <a:pt x="32" y="98"/>
                  <a:pt x="32" y="100"/>
                </a:cubicBezTo>
                <a:cubicBezTo>
                  <a:pt x="32" y="156"/>
                  <a:pt x="32" y="156"/>
                  <a:pt x="32" y="156"/>
                </a:cubicBezTo>
                <a:cubicBezTo>
                  <a:pt x="32" y="158"/>
                  <a:pt x="34" y="160"/>
                  <a:pt x="36" y="160"/>
                </a:cubicBezTo>
                <a:cubicBezTo>
                  <a:pt x="38" y="160"/>
                  <a:pt x="40" y="158"/>
                  <a:pt x="40" y="156"/>
                </a:cubicBezTo>
                <a:close/>
                <a:moveTo>
                  <a:pt x="72" y="156"/>
                </a:moveTo>
                <a:cubicBezTo>
                  <a:pt x="72" y="100"/>
                  <a:pt x="72" y="100"/>
                  <a:pt x="72" y="100"/>
                </a:cubicBezTo>
                <a:cubicBezTo>
                  <a:pt x="72" y="98"/>
                  <a:pt x="70" y="96"/>
                  <a:pt x="68" y="96"/>
                </a:cubicBezTo>
                <a:cubicBezTo>
                  <a:pt x="66" y="96"/>
                  <a:pt x="64" y="98"/>
                  <a:pt x="64" y="100"/>
                </a:cubicBezTo>
                <a:cubicBezTo>
                  <a:pt x="64" y="156"/>
                  <a:pt x="64" y="156"/>
                  <a:pt x="64" y="156"/>
                </a:cubicBezTo>
                <a:cubicBezTo>
                  <a:pt x="64" y="158"/>
                  <a:pt x="66" y="160"/>
                  <a:pt x="68" y="160"/>
                </a:cubicBezTo>
                <a:cubicBezTo>
                  <a:pt x="70" y="160"/>
                  <a:pt x="72" y="158"/>
                  <a:pt x="72" y="156"/>
                </a:cubicBezTo>
                <a:close/>
                <a:moveTo>
                  <a:pt x="88" y="156"/>
                </a:moveTo>
                <a:cubicBezTo>
                  <a:pt x="88" y="100"/>
                  <a:pt x="88" y="100"/>
                  <a:pt x="88" y="100"/>
                </a:cubicBezTo>
                <a:cubicBezTo>
                  <a:pt x="88" y="98"/>
                  <a:pt x="86" y="96"/>
                  <a:pt x="84" y="96"/>
                </a:cubicBezTo>
                <a:cubicBezTo>
                  <a:pt x="82" y="96"/>
                  <a:pt x="80" y="98"/>
                  <a:pt x="80" y="100"/>
                </a:cubicBezTo>
                <a:cubicBezTo>
                  <a:pt x="80" y="156"/>
                  <a:pt x="80" y="156"/>
                  <a:pt x="80" y="156"/>
                </a:cubicBezTo>
                <a:cubicBezTo>
                  <a:pt x="80" y="158"/>
                  <a:pt x="82" y="160"/>
                  <a:pt x="84" y="160"/>
                </a:cubicBezTo>
                <a:cubicBezTo>
                  <a:pt x="86" y="160"/>
                  <a:pt x="88" y="158"/>
                  <a:pt x="88" y="156"/>
                </a:cubicBezTo>
                <a:close/>
                <a:moveTo>
                  <a:pt x="192" y="156"/>
                </a:moveTo>
                <a:cubicBezTo>
                  <a:pt x="192" y="100"/>
                  <a:pt x="192" y="100"/>
                  <a:pt x="192" y="100"/>
                </a:cubicBezTo>
                <a:cubicBezTo>
                  <a:pt x="192" y="98"/>
                  <a:pt x="190" y="96"/>
                  <a:pt x="188" y="96"/>
                </a:cubicBezTo>
                <a:cubicBezTo>
                  <a:pt x="186" y="96"/>
                  <a:pt x="184" y="98"/>
                  <a:pt x="184" y="100"/>
                </a:cubicBezTo>
                <a:cubicBezTo>
                  <a:pt x="184" y="156"/>
                  <a:pt x="184" y="156"/>
                  <a:pt x="184" y="156"/>
                </a:cubicBezTo>
                <a:cubicBezTo>
                  <a:pt x="184" y="158"/>
                  <a:pt x="186" y="160"/>
                  <a:pt x="188" y="160"/>
                </a:cubicBezTo>
                <a:cubicBezTo>
                  <a:pt x="190" y="160"/>
                  <a:pt x="192" y="158"/>
                  <a:pt x="192" y="156"/>
                </a:cubicBezTo>
                <a:close/>
                <a:moveTo>
                  <a:pt x="176" y="156"/>
                </a:moveTo>
                <a:cubicBezTo>
                  <a:pt x="176" y="100"/>
                  <a:pt x="176" y="100"/>
                  <a:pt x="176" y="100"/>
                </a:cubicBezTo>
                <a:cubicBezTo>
                  <a:pt x="176" y="98"/>
                  <a:pt x="174" y="96"/>
                  <a:pt x="172" y="96"/>
                </a:cubicBezTo>
                <a:cubicBezTo>
                  <a:pt x="170" y="96"/>
                  <a:pt x="168" y="98"/>
                  <a:pt x="168" y="100"/>
                </a:cubicBezTo>
                <a:cubicBezTo>
                  <a:pt x="168" y="156"/>
                  <a:pt x="168" y="156"/>
                  <a:pt x="168" y="156"/>
                </a:cubicBezTo>
                <a:cubicBezTo>
                  <a:pt x="168" y="158"/>
                  <a:pt x="170" y="160"/>
                  <a:pt x="172" y="160"/>
                </a:cubicBezTo>
                <a:cubicBezTo>
                  <a:pt x="174" y="160"/>
                  <a:pt x="176" y="158"/>
                  <a:pt x="176" y="156"/>
                </a:cubicBezTo>
                <a:close/>
                <a:moveTo>
                  <a:pt x="144" y="156"/>
                </a:moveTo>
                <a:cubicBezTo>
                  <a:pt x="144" y="100"/>
                  <a:pt x="144" y="100"/>
                  <a:pt x="144" y="100"/>
                </a:cubicBezTo>
                <a:cubicBezTo>
                  <a:pt x="144" y="98"/>
                  <a:pt x="142" y="96"/>
                  <a:pt x="140" y="96"/>
                </a:cubicBezTo>
                <a:cubicBezTo>
                  <a:pt x="138" y="96"/>
                  <a:pt x="136" y="98"/>
                  <a:pt x="136" y="100"/>
                </a:cubicBezTo>
                <a:cubicBezTo>
                  <a:pt x="136" y="156"/>
                  <a:pt x="136" y="156"/>
                  <a:pt x="136" y="156"/>
                </a:cubicBezTo>
                <a:cubicBezTo>
                  <a:pt x="136" y="158"/>
                  <a:pt x="138" y="160"/>
                  <a:pt x="140" y="160"/>
                </a:cubicBezTo>
                <a:cubicBezTo>
                  <a:pt x="142" y="160"/>
                  <a:pt x="144" y="158"/>
                  <a:pt x="144" y="156"/>
                </a:cubicBezTo>
                <a:close/>
                <a:moveTo>
                  <a:pt x="128" y="156"/>
                </a:moveTo>
                <a:cubicBezTo>
                  <a:pt x="128" y="100"/>
                  <a:pt x="128" y="100"/>
                  <a:pt x="128" y="100"/>
                </a:cubicBezTo>
                <a:cubicBezTo>
                  <a:pt x="128" y="98"/>
                  <a:pt x="126" y="96"/>
                  <a:pt x="124" y="96"/>
                </a:cubicBezTo>
                <a:cubicBezTo>
                  <a:pt x="122" y="96"/>
                  <a:pt x="120" y="98"/>
                  <a:pt x="120" y="100"/>
                </a:cubicBezTo>
                <a:cubicBezTo>
                  <a:pt x="120" y="156"/>
                  <a:pt x="120" y="156"/>
                  <a:pt x="120" y="156"/>
                </a:cubicBezTo>
                <a:cubicBezTo>
                  <a:pt x="120" y="158"/>
                  <a:pt x="122" y="160"/>
                  <a:pt x="124" y="160"/>
                </a:cubicBezTo>
                <a:cubicBezTo>
                  <a:pt x="126" y="160"/>
                  <a:pt x="128" y="158"/>
                  <a:pt x="128" y="156"/>
                </a:cubicBezTo>
                <a:close/>
                <a:moveTo>
                  <a:pt x="206" y="65"/>
                </a:moveTo>
                <a:cubicBezTo>
                  <a:pt x="106" y="1"/>
                  <a:pt x="106" y="1"/>
                  <a:pt x="106" y="1"/>
                </a:cubicBezTo>
                <a:cubicBezTo>
                  <a:pt x="105" y="0"/>
                  <a:pt x="103" y="0"/>
                  <a:pt x="102" y="1"/>
                </a:cubicBezTo>
                <a:cubicBezTo>
                  <a:pt x="2" y="65"/>
                  <a:pt x="2" y="65"/>
                  <a:pt x="2" y="65"/>
                </a:cubicBezTo>
                <a:cubicBezTo>
                  <a:pt x="1" y="65"/>
                  <a:pt x="0" y="67"/>
                  <a:pt x="0" y="68"/>
                </a:cubicBezTo>
                <a:cubicBezTo>
                  <a:pt x="0" y="84"/>
                  <a:pt x="0" y="84"/>
                  <a:pt x="0" y="84"/>
                </a:cubicBezTo>
                <a:cubicBezTo>
                  <a:pt x="0" y="85"/>
                  <a:pt x="0" y="86"/>
                  <a:pt x="1" y="87"/>
                </a:cubicBezTo>
                <a:cubicBezTo>
                  <a:pt x="2" y="88"/>
                  <a:pt x="3" y="88"/>
                  <a:pt x="4" y="88"/>
                </a:cubicBezTo>
                <a:cubicBezTo>
                  <a:pt x="204" y="88"/>
                  <a:pt x="204" y="88"/>
                  <a:pt x="204" y="88"/>
                </a:cubicBezTo>
                <a:cubicBezTo>
                  <a:pt x="205" y="88"/>
                  <a:pt x="206" y="88"/>
                  <a:pt x="207" y="87"/>
                </a:cubicBezTo>
                <a:cubicBezTo>
                  <a:pt x="208" y="86"/>
                  <a:pt x="208" y="85"/>
                  <a:pt x="208" y="84"/>
                </a:cubicBezTo>
                <a:cubicBezTo>
                  <a:pt x="208" y="68"/>
                  <a:pt x="208" y="68"/>
                  <a:pt x="208" y="68"/>
                </a:cubicBezTo>
                <a:cubicBezTo>
                  <a:pt x="208" y="67"/>
                  <a:pt x="207" y="65"/>
                  <a:pt x="206" y="65"/>
                </a:cubicBezTo>
                <a:close/>
                <a:moveTo>
                  <a:pt x="104" y="9"/>
                </a:moveTo>
                <a:cubicBezTo>
                  <a:pt x="190" y="64"/>
                  <a:pt x="190" y="64"/>
                  <a:pt x="190" y="64"/>
                </a:cubicBezTo>
                <a:cubicBezTo>
                  <a:pt x="18" y="64"/>
                  <a:pt x="18" y="64"/>
                  <a:pt x="18" y="64"/>
                </a:cubicBezTo>
                <a:lnTo>
                  <a:pt x="104" y="9"/>
                </a:lnTo>
                <a:close/>
                <a:moveTo>
                  <a:pt x="200" y="80"/>
                </a:moveTo>
                <a:cubicBezTo>
                  <a:pt x="8" y="80"/>
                  <a:pt x="8" y="80"/>
                  <a:pt x="8" y="80"/>
                </a:cubicBezTo>
                <a:cubicBezTo>
                  <a:pt x="8" y="72"/>
                  <a:pt x="8" y="72"/>
                  <a:pt x="8" y="72"/>
                </a:cubicBezTo>
                <a:cubicBezTo>
                  <a:pt x="200" y="72"/>
                  <a:pt x="200" y="72"/>
                  <a:pt x="200" y="72"/>
                </a:cubicBezTo>
                <a:lnTo>
                  <a:pt x="200" y="80"/>
                </a:lnTo>
                <a:close/>
                <a:moveTo>
                  <a:pt x="151" y="49"/>
                </a:moveTo>
                <a:cubicBezTo>
                  <a:pt x="106" y="20"/>
                  <a:pt x="106" y="20"/>
                  <a:pt x="106" y="20"/>
                </a:cubicBezTo>
                <a:cubicBezTo>
                  <a:pt x="105" y="19"/>
                  <a:pt x="103" y="19"/>
                  <a:pt x="102" y="20"/>
                </a:cubicBezTo>
                <a:cubicBezTo>
                  <a:pt x="57" y="49"/>
                  <a:pt x="57" y="49"/>
                  <a:pt x="57" y="49"/>
                </a:cubicBezTo>
                <a:cubicBezTo>
                  <a:pt x="55" y="50"/>
                  <a:pt x="54" y="52"/>
                  <a:pt x="55" y="54"/>
                </a:cubicBezTo>
                <a:cubicBezTo>
                  <a:pt x="56" y="55"/>
                  <a:pt x="57" y="56"/>
                  <a:pt x="59" y="56"/>
                </a:cubicBezTo>
                <a:cubicBezTo>
                  <a:pt x="59" y="56"/>
                  <a:pt x="60" y="56"/>
                  <a:pt x="61" y="55"/>
                </a:cubicBezTo>
                <a:cubicBezTo>
                  <a:pt x="104" y="28"/>
                  <a:pt x="104" y="28"/>
                  <a:pt x="104" y="28"/>
                </a:cubicBezTo>
                <a:cubicBezTo>
                  <a:pt x="147" y="55"/>
                  <a:pt x="147" y="55"/>
                  <a:pt x="147" y="55"/>
                </a:cubicBezTo>
                <a:cubicBezTo>
                  <a:pt x="149" y="57"/>
                  <a:pt x="152" y="56"/>
                  <a:pt x="153" y="54"/>
                </a:cubicBezTo>
                <a:cubicBezTo>
                  <a:pt x="154" y="52"/>
                  <a:pt x="153" y="50"/>
                  <a:pt x="151" y="49"/>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32" name="Freeform 26">
            <a:extLst>
              <a:ext uri="{FF2B5EF4-FFF2-40B4-BE49-F238E27FC236}">
                <a16:creationId xmlns:a16="http://schemas.microsoft.com/office/drawing/2014/main" id="{1736D128-E859-C461-49D9-D826D2A17D2C}"/>
              </a:ext>
              <a:ext uri="{C183D7F6-B498-43B3-948B-1728B52AA6E4}">
                <adec:decorative xmlns:adec="http://schemas.microsoft.com/office/drawing/2017/decorative" val="1"/>
              </a:ext>
            </a:extLst>
          </p:cNvPr>
          <p:cNvSpPr>
            <a:spLocks noEditPoints="1"/>
          </p:cNvSpPr>
          <p:nvPr/>
        </p:nvSpPr>
        <p:spPr bwMode="auto">
          <a:xfrm>
            <a:off x="9704925" y="3018679"/>
            <a:ext cx="347721" cy="348756"/>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28 w 208"/>
              <a:gd name="T11" fmla="*/ 48 h 208"/>
              <a:gd name="T12" fmla="*/ 86 w 208"/>
              <a:gd name="T13" fmla="*/ 60 h 208"/>
              <a:gd name="T14" fmla="*/ 65 w 208"/>
              <a:gd name="T15" fmla="*/ 48 h 208"/>
              <a:gd name="T16" fmla="*/ 44 w 208"/>
              <a:gd name="T17" fmla="*/ 66 h 208"/>
              <a:gd name="T18" fmla="*/ 23 w 208"/>
              <a:gd name="T19" fmla="*/ 48 h 208"/>
              <a:gd name="T20" fmla="*/ 0 w 208"/>
              <a:gd name="T21" fmla="*/ 69 h 208"/>
              <a:gd name="T22" fmla="*/ 16 w 208"/>
              <a:gd name="T23" fmla="*/ 136 h 208"/>
              <a:gd name="T24" fmla="*/ 17 w 208"/>
              <a:gd name="T25" fmla="*/ 207 h 208"/>
              <a:gd name="T26" fmla="*/ 44 w 208"/>
              <a:gd name="T27" fmla="*/ 208 h 208"/>
              <a:gd name="T28" fmla="*/ 44 w 208"/>
              <a:gd name="T29" fmla="*/ 208 h 208"/>
              <a:gd name="T30" fmla="*/ 71 w 208"/>
              <a:gd name="T31" fmla="*/ 207 h 208"/>
              <a:gd name="T32" fmla="*/ 72 w 208"/>
              <a:gd name="T33" fmla="*/ 185 h 208"/>
              <a:gd name="T34" fmla="*/ 208 w 208"/>
              <a:gd name="T35" fmla="*/ 128 h 208"/>
              <a:gd name="T36" fmla="*/ 132 w 208"/>
              <a:gd name="T37" fmla="*/ 56 h 208"/>
              <a:gd name="T38" fmla="*/ 132 w 208"/>
              <a:gd name="T39" fmla="*/ 124 h 208"/>
              <a:gd name="T40" fmla="*/ 68 w 208"/>
              <a:gd name="T41" fmla="*/ 80 h 208"/>
              <a:gd name="T42" fmla="*/ 64 w 208"/>
              <a:gd name="T43" fmla="*/ 84 h 208"/>
              <a:gd name="T44" fmla="*/ 48 w 208"/>
              <a:gd name="T45" fmla="*/ 200 h 208"/>
              <a:gd name="T46" fmla="*/ 44 w 208"/>
              <a:gd name="T47" fmla="*/ 128 h 208"/>
              <a:gd name="T48" fmla="*/ 40 w 208"/>
              <a:gd name="T49" fmla="*/ 200 h 208"/>
              <a:gd name="T50" fmla="*/ 24 w 208"/>
              <a:gd name="T51" fmla="*/ 84 h 208"/>
              <a:gd name="T52" fmla="*/ 16 w 208"/>
              <a:gd name="T53" fmla="*/ 84 h 208"/>
              <a:gd name="T54" fmla="*/ 8 w 208"/>
              <a:gd name="T55" fmla="*/ 116 h 208"/>
              <a:gd name="T56" fmla="*/ 15 w 208"/>
              <a:gd name="T57" fmla="*/ 59 h 208"/>
              <a:gd name="T58" fmla="*/ 41 w 208"/>
              <a:gd name="T59" fmla="*/ 75 h 208"/>
              <a:gd name="T60" fmla="*/ 47 w 208"/>
              <a:gd name="T61" fmla="*/ 75 h 208"/>
              <a:gd name="T62" fmla="*/ 73 w 208"/>
              <a:gd name="T63" fmla="*/ 59 h 208"/>
              <a:gd name="T64" fmla="*/ 80 w 208"/>
              <a:gd name="T65" fmla="*/ 116 h 208"/>
              <a:gd name="T66" fmla="*/ 72 w 208"/>
              <a:gd name="T67" fmla="*/ 84 h 208"/>
              <a:gd name="T68" fmla="*/ 128 w 208"/>
              <a:gd name="T69" fmla="*/ 200 h 208"/>
              <a:gd name="T70" fmla="*/ 72 w 208"/>
              <a:gd name="T71" fmla="*/ 136 h 208"/>
              <a:gd name="T72" fmla="*/ 88 w 208"/>
              <a:gd name="T73" fmla="*/ 69 h 208"/>
              <a:gd name="T74" fmla="*/ 124 w 208"/>
              <a:gd name="T75" fmla="*/ 56 h 208"/>
              <a:gd name="T76" fmla="*/ 125 w 208"/>
              <a:gd name="T77" fmla="*/ 131 h 208"/>
              <a:gd name="T78" fmla="*/ 176 w 208"/>
              <a:gd name="T79" fmla="*/ 182 h 208"/>
              <a:gd name="T80" fmla="*/ 182 w 208"/>
              <a:gd name="T81" fmla="*/ 176 h 208"/>
              <a:gd name="T82" fmla="*/ 200 w 208"/>
              <a:gd name="T8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8" y="48"/>
                </a:moveTo>
                <a:cubicBezTo>
                  <a:pt x="128" y="48"/>
                  <a:pt x="128" y="48"/>
                  <a:pt x="128" y="48"/>
                </a:cubicBezTo>
                <a:cubicBezTo>
                  <a:pt x="128" y="48"/>
                  <a:pt x="128" y="48"/>
                  <a:pt x="128" y="48"/>
                </a:cubicBezTo>
                <a:cubicBezTo>
                  <a:pt x="112" y="48"/>
                  <a:pt x="98" y="53"/>
                  <a:pt x="86" y="60"/>
                </a:cubicBezTo>
                <a:cubicBezTo>
                  <a:pt x="84" y="56"/>
                  <a:pt x="80" y="53"/>
                  <a:pt x="76" y="52"/>
                </a:cubicBez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44" y="208"/>
                  <a:pt x="44" y="208"/>
                  <a:pt x="44" y="208"/>
                </a:cubicBezTo>
                <a:cubicBezTo>
                  <a:pt x="44" y="208"/>
                  <a:pt x="44" y="208"/>
                  <a:pt x="44" y="208"/>
                </a:cubicBezTo>
                <a:cubicBezTo>
                  <a:pt x="44" y="208"/>
                  <a:pt x="44" y="208"/>
                  <a:pt x="44" y="208"/>
                </a:cubicBezTo>
                <a:cubicBezTo>
                  <a:pt x="68" y="208"/>
                  <a:pt x="68" y="208"/>
                  <a:pt x="68" y="208"/>
                </a:cubicBezTo>
                <a:cubicBezTo>
                  <a:pt x="69" y="208"/>
                  <a:pt x="70" y="208"/>
                  <a:pt x="71" y="207"/>
                </a:cubicBezTo>
                <a:cubicBezTo>
                  <a:pt x="72" y="206"/>
                  <a:pt x="72" y="205"/>
                  <a:pt x="72" y="204"/>
                </a:cubicBezTo>
                <a:cubicBezTo>
                  <a:pt x="72" y="185"/>
                  <a:pt x="72" y="185"/>
                  <a:pt x="72" y="185"/>
                </a:cubicBezTo>
                <a:cubicBezTo>
                  <a:pt x="86" y="199"/>
                  <a:pt x="106" y="208"/>
                  <a:pt x="128" y="208"/>
                </a:cubicBezTo>
                <a:cubicBezTo>
                  <a:pt x="172" y="208"/>
                  <a:pt x="208" y="172"/>
                  <a:pt x="208" y="128"/>
                </a:cubicBezTo>
                <a:cubicBezTo>
                  <a:pt x="208" y="84"/>
                  <a:pt x="172" y="48"/>
                  <a:pt x="128" y="48"/>
                </a:cubicBezTo>
                <a:close/>
                <a:moveTo>
                  <a:pt x="132" y="56"/>
                </a:moveTo>
                <a:cubicBezTo>
                  <a:pt x="169" y="58"/>
                  <a:pt x="198" y="87"/>
                  <a:pt x="200" y="124"/>
                </a:cubicBezTo>
                <a:cubicBezTo>
                  <a:pt x="132" y="124"/>
                  <a:pt x="132" y="124"/>
                  <a:pt x="132" y="124"/>
                </a:cubicBezTo>
                <a:lnTo>
                  <a:pt x="132" y="56"/>
                </a:lnTo>
                <a:close/>
                <a:moveTo>
                  <a:pt x="68" y="80"/>
                </a:moveTo>
                <a:cubicBezTo>
                  <a:pt x="66" y="80"/>
                  <a:pt x="64" y="82"/>
                  <a:pt x="64" y="84"/>
                </a:cubicBezTo>
                <a:cubicBezTo>
                  <a:pt x="64" y="84"/>
                  <a:pt x="64" y="84"/>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cubicBezTo>
                  <a:pt x="80" y="116"/>
                  <a:pt x="80" y="116"/>
                  <a:pt x="80" y="116"/>
                </a:cubicBezTo>
                <a:cubicBezTo>
                  <a:pt x="80" y="121"/>
                  <a:pt x="77" y="126"/>
                  <a:pt x="72" y="127"/>
                </a:cubicBezTo>
                <a:cubicBezTo>
                  <a:pt x="72" y="84"/>
                  <a:pt x="72" y="84"/>
                  <a:pt x="72" y="84"/>
                </a:cubicBezTo>
                <a:cubicBezTo>
                  <a:pt x="72" y="82"/>
                  <a:pt x="70" y="80"/>
                  <a:pt x="68" y="80"/>
                </a:cubicBezTo>
                <a:close/>
                <a:moveTo>
                  <a:pt x="128" y="200"/>
                </a:moveTo>
                <a:cubicBezTo>
                  <a:pt x="105" y="200"/>
                  <a:pt x="85" y="189"/>
                  <a:pt x="72" y="173"/>
                </a:cubicBezTo>
                <a:cubicBezTo>
                  <a:pt x="72" y="136"/>
                  <a:pt x="72" y="136"/>
                  <a:pt x="72" y="136"/>
                </a:cubicBezTo>
                <a:cubicBezTo>
                  <a:pt x="81" y="134"/>
                  <a:pt x="88" y="126"/>
                  <a:pt x="88" y="116"/>
                </a:cubicBezTo>
                <a:cubicBezTo>
                  <a:pt x="88" y="69"/>
                  <a:pt x="88" y="69"/>
                  <a:pt x="88" y="69"/>
                </a:cubicBezTo>
                <a:cubicBezTo>
                  <a:pt x="88" y="69"/>
                  <a:pt x="88" y="69"/>
                  <a:pt x="88" y="68"/>
                </a:cubicBezTo>
                <a:cubicBezTo>
                  <a:pt x="98" y="61"/>
                  <a:pt x="111" y="57"/>
                  <a:pt x="124" y="56"/>
                </a:cubicBezTo>
                <a:cubicBezTo>
                  <a:pt x="124" y="128"/>
                  <a:pt x="124" y="128"/>
                  <a:pt x="124" y="128"/>
                </a:cubicBezTo>
                <a:cubicBezTo>
                  <a:pt x="124" y="129"/>
                  <a:pt x="124" y="130"/>
                  <a:pt x="125" y="131"/>
                </a:cubicBezTo>
                <a:cubicBezTo>
                  <a:pt x="125" y="131"/>
                  <a:pt x="125" y="131"/>
                  <a:pt x="125" y="131"/>
                </a:cubicBezTo>
                <a:cubicBezTo>
                  <a:pt x="176" y="182"/>
                  <a:pt x="176" y="182"/>
                  <a:pt x="176" y="182"/>
                </a:cubicBezTo>
                <a:cubicBezTo>
                  <a:pt x="163" y="193"/>
                  <a:pt x="146" y="200"/>
                  <a:pt x="128" y="200"/>
                </a:cubicBezTo>
                <a:close/>
                <a:moveTo>
                  <a:pt x="182" y="176"/>
                </a:moveTo>
                <a:cubicBezTo>
                  <a:pt x="138" y="132"/>
                  <a:pt x="138" y="132"/>
                  <a:pt x="138" y="132"/>
                </a:cubicBezTo>
                <a:cubicBezTo>
                  <a:pt x="200" y="132"/>
                  <a:pt x="200" y="132"/>
                  <a:pt x="200" y="132"/>
                </a:cubicBezTo>
                <a:cubicBezTo>
                  <a:pt x="199" y="149"/>
                  <a:pt x="192" y="164"/>
                  <a:pt x="182" y="176"/>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8" name="TextBox 17">
            <a:extLst>
              <a:ext uri="{FF2B5EF4-FFF2-40B4-BE49-F238E27FC236}">
                <a16:creationId xmlns:a16="http://schemas.microsoft.com/office/drawing/2014/main" id="{BE315CA0-2725-BD57-4108-126FD120129C}"/>
              </a:ext>
            </a:extLst>
          </p:cNvPr>
          <p:cNvSpPr txBox="1"/>
          <p:nvPr/>
        </p:nvSpPr>
        <p:spPr>
          <a:xfrm>
            <a:off x="9393977" y="4769728"/>
            <a:ext cx="2479143" cy="1287532"/>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Vi ser en stigning i både trusselsbilledet og finanssektorens afhængighed af it. Uden it, er der ingen bank [...]”</a:t>
            </a:r>
          </a:p>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Adam Al-Saffar</a:t>
            </a:r>
            <a:b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b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Offentligt citat fra Finanstilsynets kontorchef for It-tilsyn</a:t>
            </a:r>
          </a:p>
        </p:txBody>
      </p:sp>
    </p:spTree>
    <p:extLst>
      <p:ext uri="{BB962C8B-B14F-4D97-AF65-F5344CB8AC3E}">
        <p14:creationId xmlns:p14="http://schemas.microsoft.com/office/powerpoint/2010/main" val="2969694590"/>
      </p:ext>
    </p:extLst>
  </p:cSld>
  <p:clrMapOvr>
    <a:masterClrMapping/>
  </p:clrMapOvr>
  <p:transition>
    <p:fade/>
  </p:transition>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DABD55-FB01-988D-4035-9405B065A875}"/>
            </a:ext>
          </a:extLst>
        </p:cNvPr>
        <p:cNvGrpSpPr/>
        <p:nvPr/>
      </p:nvGrpSpPr>
      <p:grpSpPr>
        <a:xfrm>
          <a:off x="0" y="0"/>
          <a:ext cx="0" cy="0"/>
          <a:chOff x="0" y="0"/>
          <a:chExt cx="0" cy="0"/>
        </a:xfrm>
      </p:grpSpPr>
      <p:sp>
        <p:nvSpPr>
          <p:cNvPr id="33" name="Rectangle: Rounded Corners 32">
            <a:extLst>
              <a:ext uri="{FF2B5EF4-FFF2-40B4-BE49-F238E27FC236}">
                <a16:creationId xmlns:a16="http://schemas.microsoft.com/office/drawing/2014/main" id="{C37BEED9-CCF9-F7DE-0A2B-F6517797EFD6}"/>
              </a:ext>
            </a:extLst>
          </p:cNvPr>
          <p:cNvSpPr/>
          <p:nvPr/>
        </p:nvSpPr>
        <p:spPr>
          <a:xfrm>
            <a:off x="169477" y="11834"/>
            <a:ext cx="8203337" cy="562973"/>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1600" b="1" noProof="0" dirty="0">
                <a:solidFill>
                  <a:srgbClr val="36465A"/>
                </a:solidFill>
                <a:latin typeface="Arial" panose="020B0604020202020204"/>
              </a:rPr>
              <a:t>Case 15 | Øget digital suverænitet via hybridmiljøer og open source-løsninger</a:t>
            </a:r>
          </a:p>
        </p:txBody>
      </p:sp>
      <p:sp>
        <p:nvSpPr>
          <p:cNvPr id="4" name="Rectangle: Rounded Corners 3">
            <a:extLst>
              <a:ext uri="{FF2B5EF4-FFF2-40B4-BE49-F238E27FC236}">
                <a16:creationId xmlns:a16="http://schemas.microsoft.com/office/drawing/2014/main" id="{AA07F076-2F3C-093F-5C3C-2F4108D674C8}"/>
              </a:ext>
              <a:ext uri="{C183D7F6-B498-43B3-948B-1728B52AA6E4}">
                <adec:decorative xmlns:adec="http://schemas.microsoft.com/office/drawing/2017/decorative" val="1"/>
              </a:ext>
            </a:extLst>
          </p:cNvPr>
          <p:cNvSpPr/>
          <p:nvPr/>
        </p:nvSpPr>
        <p:spPr>
          <a:xfrm>
            <a:off x="552611" y="1812114"/>
            <a:ext cx="2687248" cy="4607867"/>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A2B3C9"/>
              </a:solidFill>
              <a:latin typeface="Arial" panose="020B0604020202020204"/>
            </a:endParaRPr>
          </a:p>
        </p:txBody>
      </p:sp>
      <p:sp>
        <p:nvSpPr>
          <p:cNvPr id="53" name="Rectangle: Rounded Corners 52">
            <a:extLst>
              <a:ext uri="{FF2B5EF4-FFF2-40B4-BE49-F238E27FC236}">
                <a16:creationId xmlns:a16="http://schemas.microsoft.com/office/drawing/2014/main" id="{56784A67-80D3-9920-A725-CD63B92BBA3B}"/>
              </a:ext>
              <a:ext uri="{C183D7F6-B498-43B3-948B-1728B52AA6E4}">
                <adec:decorative xmlns:adec="http://schemas.microsoft.com/office/drawing/2017/decorative" val="1"/>
              </a:ext>
            </a:extLst>
          </p:cNvPr>
          <p:cNvSpPr/>
          <p:nvPr/>
        </p:nvSpPr>
        <p:spPr>
          <a:xfrm>
            <a:off x="3420844" y="4281464"/>
            <a:ext cx="5827149" cy="2037485"/>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900" noProof="0" dirty="0">
              <a:solidFill>
                <a:srgbClr val="FFFFFF">
                  <a:alpha val="50000"/>
                </a:srgbClr>
              </a:solidFill>
              <a:latin typeface="Arial" panose="020B0604020202020204"/>
            </a:endParaRPr>
          </a:p>
        </p:txBody>
      </p:sp>
      <p:sp>
        <p:nvSpPr>
          <p:cNvPr id="2" name="Title 1">
            <a:extLst>
              <a:ext uri="{FF2B5EF4-FFF2-40B4-BE49-F238E27FC236}">
                <a16:creationId xmlns:a16="http://schemas.microsoft.com/office/drawing/2014/main" id="{3FD91458-B90F-1D2A-F796-D70BE1B46968}"/>
              </a:ext>
            </a:extLst>
          </p:cNvPr>
          <p:cNvSpPr>
            <a:spLocks noGrp="1"/>
          </p:cNvSpPr>
          <p:nvPr>
            <p:ph type="title"/>
          </p:nvPr>
        </p:nvSpPr>
        <p:spPr/>
        <p:txBody>
          <a:bodyPr/>
          <a:lstStyle/>
          <a:p>
            <a:r>
              <a:rPr lang="da-DK" sz="2199" noProof="0" dirty="0"/>
              <a:t>Side 1/3 | </a:t>
            </a:r>
            <a:r>
              <a:rPr lang="da-DK" sz="2199" b="1" noProof="0" dirty="0"/>
              <a:t>Sammenfatning af casen</a:t>
            </a:r>
          </a:p>
        </p:txBody>
      </p:sp>
      <p:sp>
        <p:nvSpPr>
          <p:cNvPr id="9" name="Rectangle: Rounded Corners 8">
            <a:extLst>
              <a:ext uri="{FF2B5EF4-FFF2-40B4-BE49-F238E27FC236}">
                <a16:creationId xmlns:a16="http://schemas.microsoft.com/office/drawing/2014/main" id="{9EBAAEB9-0650-B7AA-7D04-B8C1D1F66F1A}"/>
              </a:ext>
              <a:ext uri="{C183D7F6-B498-43B3-948B-1728B52AA6E4}">
                <adec:decorative xmlns:adec="http://schemas.microsoft.com/office/drawing/2017/decorative" val="1"/>
              </a:ext>
            </a:extLst>
          </p:cNvPr>
          <p:cNvSpPr/>
          <p:nvPr/>
        </p:nvSpPr>
        <p:spPr>
          <a:xfrm>
            <a:off x="3309708" y="1812114"/>
            <a:ext cx="6048883" cy="4607867"/>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A2B3C9"/>
              </a:solidFill>
              <a:latin typeface="Arial" panose="020B0604020202020204"/>
            </a:endParaRPr>
          </a:p>
        </p:txBody>
      </p:sp>
      <p:sp>
        <p:nvSpPr>
          <p:cNvPr id="13" name="Content Placeholder 5">
            <a:extLst>
              <a:ext uri="{FF2B5EF4-FFF2-40B4-BE49-F238E27FC236}">
                <a16:creationId xmlns:a16="http://schemas.microsoft.com/office/drawing/2014/main" id="{27CB177D-FC29-D257-242F-99D5543C4197}"/>
              </a:ext>
            </a:extLst>
          </p:cNvPr>
          <p:cNvSpPr txBox="1">
            <a:spLocks/>
          </p:cNvSpPr>
          <p:nvPr/>
        </p:nvSpPr>
        <p:spPr>
          <a:xfrm>
            <a:off x="947107" y="1872105"/>
            <a:ext cx="2207038" cy="234683"/>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defTabSz="203872">
              <a:spcAft>
                <a:spcPts val="300"/>
              </a:spcAft>
            </a:pPr>
            <a:r>
              <a:rPr lang="da-DK" sz="1100" noProof="0" dirty="0">
                <a:solidFill>
                  <a:srgbClr val="36465A"/>
                </a:solidFill>
                <a:latin typeface="Arial" panose="020B0604020202020204"/>
              </a:rPr>
              <a:t>Introduktion</a:t>
            </a:r>
          </a:p>
        </p:txBody>
      </p:sp>
      <p:sp>
        <p:nvSpPr>
          <p:cNvPr id="11" name="Rectangle 10">
            <a:extLst>
              <a:ext uri="{FF2B5EF4-FFF2-40B4-BE49-F238E27FC236}">
                <a16:creationId xmlns:a16="http://schemas.microsoft.com/office/drawing/2014/main" id="{CEDC0B1D-99C0-C648-EA4D-2F79C855149D}"/>
              </a:ext>
            </a:extLst>
          </p:cNvPr>
          <p:cNvSpPr/>
          <p:nvPr/>
        </p:nvSpPr>
        <p:spPr>
          <a:xfrm>
            <a:off x="552610" y="2125149"/>
            <a:ext cx="2757097" cy="194706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defTabSz="1039203">
              <a:spcAft>
                <a:spcPts val="350"/>
              </a:spcAft>
              <a:defRPr/>
            </a:pPr>
            <a:r>
              <a:rPr lang="da-DK" sz="900" noProof="0" dirty="0">
                <a:solidFill>
                  <a:srgbClr val="000000"/>
                </a:solidFill>
                <a:latin typeface="Arial" panose="020B0604020202020204"/>
              </a:rPr>
              <a:t>Bankdata udvikler, leverer og drifter it-løsninger til syv danske banker. Casen omhandler Bankdatas arbejde med at styrke digital suverænitet som en integreret del af teknologistrategien. </a:t>
            </a:r>
          </a:p>
          <a:p>
            <a:pPr defTabSz="1039203">
              <a:spcAft>
                <a:spcPts val="350"/>
              </a:spcAft>
              <a:defRPr/>
            </a:pPr>
            <a:r>
              <a:rPr lang="da-DK" sz="900" noProof="0" dirty="0">
                <a:solidFill>
                  <a:srgbClr val="000000"/>
                </a:solidFill>
                <a:latin typeface="Arial" panose="020B0604020202020204"/>
              </a:rPr>
              <a:t>Den samlede indsats omfatter forskellige tiltag og virkemidler, herunder principper for teknologivalg, øget brug af open source, </a:t>
            </a:r>
            <a:r>
              <a:rPr lang="da-DK" sz="900" noProof="0" dirty="0" err="1">
                <a:solidFill>
                  <a:srgbClr val="000000"/>
                </a:solidFill>
                <a:latin typeface="Arial" panose="020B0604020202020204"/>
              </a:rPr>
              <a:t>multi</a:t>
            </a:r>
            <a:r>
              <a:rPr lang="da-DK" sz="900" noProof="0" dirty="0">
                <a:solidFill>
                  <a:srgbClr val="000000"/>
                </a:solidFill>
                <a:latin typeface="Arial" panose="020B0604020202020204"/>
              </a:rPr>
              <a:t>-cloud-strategi, etablering af exit-strategier, containerteknologi og reduktion af afhængighed af </a:t>
            </a:r>
            <a:r>
              <a:rPr lang="da-DK" sz="900" noProof="0" dirty="0" err="1">
                <a:solidFill>
                  <a:srgbClr val="000000"/>
                </a:solidFill>
                <a:latin typeface="Arial" panose="020B0604020202020204"/>
              </a:rPr>
              <a:t>proprietære</a:t>
            </a:r>
            <a:r>
              <a:rPr lang="da-DK" sz="900" noProof="0" dirty="0">
                <a:solidFill>
                  <a:srgbClr val="000000"/>
                </a:solidFill>
                <a:latin typeface="Arial" panose="020B0604020202020204"/>
              </a:rPr>
              <a:t> løsninger. Fokus er på koncern- og fagsystemer, datadeling og basis-software samt cloud services.</a:t>
            </a:r>
            <a:endParaRPr lang="da-DK" sz="900" i="1" noProof="0" dirty="0">
              <a:solidFill>
                <a:srgbClr val="000000"/>
              </a:solidFill>
              <a:latin typeface="Arial" panose="020B0604020202020204"/>
            </a:endParaRPr>
          </a:p>
        </p:txBody>
      </p:sp>
      <p:grpSp>
        <p:nvGrpSpPr>
          <p:cNvPr id="145" name="Group 144" descr="Oversigt over teknologistakken og hvor casen rammer. Denne case rammer Koncern og fagsystemer, Datadeling og basis software og cloud services">
            <a:extLst>
              <a:ext uri="{FF2B5EF4-FFF2-40B4-BE49-F238E27FC236}">
                <a16:creationId xmlns:a16="http://schemas.microsoft.com/office/drawing/2014/main" id="{18CE339F-9D3C-D85E-9528-63E7C689387F}"/>
              </a:ext>
            </a:extLst>
          </p:cNvPr>
          <p:cNvGrpSpPr/>
          <p:nvPr/>
        </p:nvGrpSpPr>
        <p:grpSpPr>
          <a:xfrm>
            <a:off x="713540" y="4086137"/>
            <a:ext cx="2338890" cy="2232815"/>
            <a:chOff x="713385" y="4086154"/>
            <a:chExt cx="2338961" cy="2232878"/>
          </a:xfrm>
        </p:grpSpPr>
        <p:sp>
          <p:nvSpPr>
            <p:cNvPr id="5" name="Rectangle: Rounded Corners 4">
              <a:extLst>
                <a:ext uri="{FF2B5EF4-FFF2-40B4-BE49-F238E27FC236}">
                  <a16:creationId xmlns:a16="http://schemas.microsoft.com/office/drawing/2014/main" id="{E7D1FA33-4968-38FF-3E25-DD1CBE516011}"/>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defTabSz="1039203"/>
              <a:r>
                <a:rPr lang="da-DK" sz="900" noProof="0" dirty="0">
                  <a:solidFill>
                    <a:schemeClr val="tx1"/>
                  </a:solidFill>
                  <a:latin typeface="Arial" panose="020B0604020202020204"/>
                </a:rPr>
                <a:t>Digitale løsninger</a:t>
              </a:r>
            </a:p>
          </p:txBody>
        </p:sp>
        <p:sp>
          <p:nvSpPr>
            <p:cNvPr id="7" name="Rectangle: Rounded Corners 6">
              <a:extLst>
                <a:ext uri="{FF2B5EF4-FFF2-40B4-BE49-F238E27FC236}">
                  <a16:creationId xmlns:a16="http://schemas.microsoft.com/office/drawing/2014/main" id="{0D1F7601-6EED-AFE5-B8A9-E55A1BD77DDB}"/>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defTabSz="1039203"/>
              <a:r>
                <a:rPr lang="da-DK" sz="900" noProof="0" dirty="0">
                  <a:solidFill>
                    <a:schemeClr val="tx1"/>
                  </a:solidFill>
                  <a:latin typeface="Arial" panose="020B0604020202020204"/>
                </a:rPr>
                <a:t>It-infrastruktur</a:t>
              </a:r>
            </a:p>
          </p:txBody>
        </p:sp>
        <p:sp>
          <p:nvSpPr>
            <p:cNvPr id="8" name="Rectangle 36">
              <a:extLst>
                <a:ext uri="{FF2B5EF4-FFF2-40B4-BE49-F238E27FC236}">
                  <a16:creationId xmlns:a16="http://schemas.microsoft.com/office/drawing/2014/main" id="{1069C53F-1852-7569-FE6A-162A4ECB8F74}"/>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noProof="0" dirty="0">
                  <a:solidFill>
                    <a:srgbClr val="000000"/>
                  </a:solidFill>
                  <a:latin typeface="Arial" panose="020B0604020202020204"/>
                </a:rPr>
                <a:t>AI og digitale services</a:t>
              </a:r>
            </a:p>
          </p:txBody>
        </p:sp>
        <p:sp>
          <p:nvSpPr>
            <p:cNvPr id="10" name="Rectangle 43">
              <a:extLst>
                <a:ext uri="{FF2B5EF4-FFF2-40B4-BE49-F238E27FC236}">
                  <a16:creationId xmlns:a16="http://schemas.microsoft.com/office/drawing/2014/main" id="{B9102C59-0B08-BA36-2066-E2497237FF28}"/>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r>
                <a:rPr lang="da-DK" sz="900" b="1" noProof="0" dirty="0">
                  <a:solidFill>
                    <a:srgbClr val="FFFFFF"/>
                  </a:solidFill>
                  <a:latin typeface="Arial" panose="020B0604020202020204"/>
                </a:rPr>
                <a:t>Teknologistak</a:t>
              </a:r>
            </a:p>
          </p:txBody>
        </p:sp>
        <p:sp>
          <p:nvSpPr>
            <p:cNvPr id="15" name="Rectangle 36">
              <a:extLst>
                <a:ext uri="{FF2B5EF4-FFF2-40B4-BE49-F238E27FC236}">
                  <a16:creationId xmlns:a16="http://schemas.microsoft.com/office/drawing/2014/main" id="{BB79C79D-E6E3-DEDF-CAA8-0ECDA2D13BD7}"/>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noProof="0" dirty="0">
                  <a:solidFill>
                    <a:srgbClr val="000000"/>
                  </a:solidFill>
                  <a:latin typeface="Arial" panose="020B0604020202020204"/>
                </a:rPr>
                <a:t>Koncern- og fagsystemer</a:t>
              </a:r>
            </a:p>
          </p:txBody>
        </p:sp>
        <p:sp>
          <p:nvSpPr>
            <p:cNvPr id="16" name="Rectangle 36">
              <a:extLst>
                <a:ext uri="{FF2B5EF4-FFF2-40B4-BE49-F238E27FC236}">
                  <a16:creationId xmlns:a16="http://schemas.microsoft.com/office/drawing/2014/main" id="{4778E9E5-F00C-F57B-EA84-202BE2E095E2}"/>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noProof="0" dirty="0">
                  <a:solidFill>
                    <a:srgbClr val="000000"/>
                  </a:solidFill>
                  <a:latin typeface="Arial" panose="020B0604020202020204"/>
                </a:rPr>
                <a:t>Digital arbejdsplads</a:t>
              </a:r>
            </a:p>
          </p:txBody>
        </p:sp>
        <p:sp>
          <p:nvSpPr>
            <p:cNvPr id="17" name="Rectangle 36">
              <a:extLst>
                <a:ext uri="{FF2B5EF4-FFF2-40B4-BE49-F238E27FC236}">
                  <a16:creationId xmlns:a16="http://schemas.microsoft.com/office/drawing/2014/main" id="{5171FAB0-036E-2057-935A-153125AFA3C2}"/>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noProof="0" dirty="0">
                  <a:solidFill>
                    <a:srgbClr val="000000"/>
                  </a:solidFill>
                  <a:latin typeface="Arial" panose="020B0604020202020204"/>
                </a:rPr>
                <a:t>Sikkerhedsløsninger</a:t>
              </a:r>
            </a:p>
          </p:txBody>
        </p:sp>
        <p:sp>
          <p:nvSpPr>
            <p:cNvPr id="18" name="Rectangle 36">
              <a:extLst>
                <a:ext uri="{FF2B5EF4-FFF2-40B4-BE49-F238E27FC236}">
                  <a16:creationId xmlns:a16="http://schemas.microsoft.com/office/drawing/2014/main" id="{3C00EF34-56AB-AE6A-439D-6DCF070F29DB}"/>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noProof="0" dirty="0">
                  <a:solidFill>
                    <a:srgbClr val="000000"/>
                  </a:solidFill>
                  <a:latin typeface="Arial" panose="020B0604020202020204"/>
                </a:rPr>
                <a:t>Datadeling og basis-software</a:t>
              </a:r>
            </a:p>
          </p:txBody>
        </p:sp>
        <p:sp>
          <p:nvSpPr>
            <p:cNvPr id="19" name="Rectangle 36">
              <a:extLst>
                <a:ext uri="{FF2B5EF4-FFF2-40B4-BE49-F238E27FC236}">
                  <a16:creationId xmlns:a16="http://schemas.microsoft.com/office/drawing/2014/main" id="{529A626F-5C15-95C9-1878-2B75F1FD8802}"/>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noProof="0" dirty="0">
                  <a:solidFill>
                    <a:srgbClr val="000000"/>
                  </a:solidFill>
                  <a:latin typeface="Arial" panose="020B0604020202020204"/>
                </a:rPr>
                <a:t>Cloud services</a:t>
              </a:r>
            </a:p>
          </p:txBody>
        </p:sp>
        <p:sp>
          <p:nvSpPr>
            <p:cNvPr id="20" name="Rectangle 36">
              <a:extLst>
                <a:ext uri="{FF2B5EF4-FFF2-40B4-BE49-F238E27FC236}">
                  <a16:creationId xmlns:a16="http://schemas.microsoft.com/office/drawing/2014/main" id="{F57256C6-F893-613E-B112-F6100C63769F}"/>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noProof="0" dirty="0">
                  <a:solidFill>
                    <a:srgbClr val="000000"/>
                  </a:solidFill>
                  <a:latin typeface="Arial" panose="020B0604020202020204"/>
                </a:rPr>
                <a:t>Devices og slutbrugerudstyr</a:t>
              </a:r>
            </a:p>
          </p:txBody>
        </p:sp>
        <p:sp>
          <p:nvSpPr>
            <p:cNvPr id="21" name="Rectangle 36">
              <a:extLst>
                <a:ext uri="{FF2B5EF4-FFF2-40B4-BE49-F238E27FC236}">
                  <a16:creationId xmlns:a16="http://schemas.microsoft.com/office/drawing/2014/main" id="{E66FF6E6-54AB-A6B0-40A8-9A99EDCDE289}"/>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noProof="0" dirty="0">
                  <a:solidFill>
                    <a:srgbClr val="000000"/>
                  </a:solidFill>
                  <a:latin typeface="Arial" panose="020B0604020202020204"/>
                </a:rPr>
                <a:t>Datacenterinfrastruktur</a:t>
              </a:r>
            </a:p>
          </p:txBody>
        </p:sp>
        <p:sp>
          <p:nvSpPr>
            <p:cNvPr id="24" name="Rectangle 36">
              <a:extLst>
                <a:ext uri="{FF2B5EF4-FFF2-40B4-BE49-F238E27FC236}">
                  <a16:creationId xmlns:a16="http://schemas.microsoft.com/office/drawing/2014/main" id="{119CFA27-7C1D-A5CE-8FC3-8A39D36991E3}"/>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noProof="0" dirty="0">
                  <a:solidFill>
                    <a:srgbClr val="000000"/>
                  </a:solidFill>
                  <a:latin typeface="Arial" panose="020B0604020202020204"/>
                </a:rPr>
                <a:t>Netværksinfrastruktur</a:t>
              </a:r>
            </a:p>
          </p:txBody>
        </p:sp>
      </p:grpSp>
      <p:sp>
        <p:nvSpPr>
          <p:cNvPr id="3" name="Content Placeholder 5">
            <a:extLst>
              <a:ext uri="{FF2B5EF4-FFF2-40B4-BE49-F238E27FC236}">
                <a16:creationId xmlns:a16="http://schemas.microsoft.com/office/drawing/2014/main" id="{EB6999A0-2C02-10B8-C2CD-C1A4F38AFDEF}"/>
              </a:ext>
            </a:extLst>
          </p:cNvPr>
          <p:cNvSpPr txBox="1">
            <a:spLocks/>
          </p:cNvSpPr>
          <p:nvPr/>
        </p:nvSpPr>
        <p:spPr>
          <a:xfrm>
            <a:off x="3408253" y="1870803"/>
            <a:ext cx="5892292" cy="234683"/>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defTabSz="203872">
              <a:spcAft>
                <a:spcPts val="300"/>
              </a:spcAft>
            </a:pPr>
            <a:r>
              <a:rPr lang="da-DK" sz="1100" noProof="0" dirty="0">
                <a:solidFill>
                  <a:srgbClr val="36465A"/>
                </a:solidFill>
                <a:latin typeface="Arial" panose="020B0604020202020204"/>
              </a:rPr>
              <a:t>Karakteristika, gevinster og barrierer</a:t>
            </a:r>
          </a:p>
        </p:txBody>
      </p:sp>
      <p:grpSp>
        <p:nvGrpSpPr>
          <p:cNvPr id="71" name="Group 70" descr="Casen er i driftsfasen">
            <a:extLst>
              <a:ext uri="{FF2B5EF4-FFF2-40B4-BE49-F238E27FC236}">
                <a16:creationId xmlns:a16="http://schemas.microsoft.com/office/drawing/2014/main" id="{872DFF6B-B639-EE21-9EA7-C9E30B4E4026}"/>
              </a:ext>
              <a:ext uri="{C183D7F6-B498-43B3-948B-1728B52AA6E4}">
                <adec:decorative xmlns:adec="http://schemas.microsoft.com/office/drawing/2017/decorative" val="0"/>
              </a:ext>
            </a:extLst>
          </p:cNvPr>
          <p:cNvGrpSpPr/>
          <p:nvPr/>
        </p:nvGrpSpPr>
        <p:grpSpPr>
          <a:xfrm>
            <a:off x="6937067" y="1945518"/>
            <a:ext cx="2370934" cy="233209"/>
            <a:chOff x="579065" y="3721174"/>
            <a:chExt cx="2371002" cy="233209"/>
          </a:xfrm>
        </p:grpSpPr>
        <p:cxnSp>
          <p:nvCxnSpPr>
            <p:cNvPr id="62" name="Straight Connector 61">
              <a:extLst>
                <a:ext uri="{FF2B5EF4-FFF2-40B4-BE49-F238E27FC236}">
                  <a16:creationId xmlns:a16="http://schemas.microsoft.com/office/drawing/2014/main" id="{53ECD185-64F2-AF0B-DB61-BD11C8442CE5}"/>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D5CD0C4F-AF34-F4DF-FF14-0C47878DC35F}"/>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55" name="TextBox 54">
              <a:extLst>
                <a:ext uri="{FF2B5EF4-FFF2-40B4-BE49-F238E27FC236}">
                  <a16:creationId xmlns:a16="http://schemas.microsoft.com/office/drawing/2014/main" id="{3846570B-4444-CB91-F6BB-60BC6CAFEEF3}"/>
                </a:ext>
              </a:extLst>
            </p:cNvPr>
            <p:cNvSpPr txBox="1"/>
            <p:nvPr/>
          </p:nvSpPr>
          <p:spPr>
            <a:xfrm>
              <a:off x="579065" y="3723935"/>
              <a:ext cx="293195" cy="107722"/>
            </a:xfrm>
            <a:prstGeom prst="rect">
              <a:avLst/>
            </a:prstGeom>
            <a:noFill/>
          </p:spPr>
          <p:txBody>
            <a:bodyPr wrap="square" lIns="0" tIns="0" rIns="0" bIns="0" rtlCol="0" anchor="ctr">
              <a:spAutoFit/>
            </a:bodyPr>
            <a:lstStyle/>
            <a:p>
              <a:pPr algn="ctr" defTabSz="1039203"/>
              <a:r>
                <a:rPr lang="da-DK" sz="700" noProof="0" dirty="0">
                  <a:solidFill>
                    <a:srgbClr val="000000"/>
                  </a:solidFill>
                  <a:latin typeface="KBH Tekst" panose="00000500000000000000" pitchFamily="2" charset="0"/>
                </a:rPr>
                <a:t>Idé</a:t>
              </a:r>
            </a:p>
          </p:txBody>
        </p:sp>
        <p:sp>
          <p:nvSpPr>
            <p:cNvPr id="56" name="TextBox 55">
              <a:extLst>
                <a:ext uri="{FF2B5EF4-FFF2-40B4-BE49-F238E27FC236}">
                  <a16:creationId xmlns:a16="http://schemas.microsoft.com/office/drawing/2014/main" id="{3A32B6C0-05D4-7065-32F0-3F8903618BA4}"/>
                </a:ext>
              </a:extLst>
            </p:cNvPr>
            <p:cNvSpPr txBox="1"/>
            <p:nvPr/>
          </p:nvSpPr>
          <p:spPr>
            <a:xfrm>
              <a:off x="1217159" y="3721174"/>
              <a:ext cx="293195" cy="107722"/>
            </a:xfrm>
            <a:prstGeom prst="rect">
              <a:avLst/>
            </a:prstGeom>
            <a:noFill/>
          </p:spPr>
          <p:txBody>
            <a:bodyPr wrap="square" lIns="0" tIns="0" rIns="0" bIns="0" rtlCol="0" anchor="ctr">
              <a:spAutoFit/>
            </a:bodyPr>
            <a:lstStyle/>
            <a:p>
              <a:pPr algn="ctr" defTabSz="1039203"/>
              <a:r>
                <a:rPr lang="da-DK" sz="700" noProof="0" dirty="0">
                  <a:solidFill>
                    <a:srgbClr val="000000"/>
                  </a:solidFill>
                  <a:latin typeface="KBH Tekst" panose="00000500000000000000" pitchFamily="2" charset="0"/>
                </a:rPr>
                <a:t>Projekt</a:t>
              </a:r>
            </a:p>
          </p:txBody>
        </p:sp>
        <p:sp>
          <p:nvSpPr>
            <p:cNvPr id="65" name="TextBox 64">
              <a:extLst>
                <a:ext uri="{FF2B5EF4-FFF2-40B4-BE49-F238E27FC236}">
                  <a16:creationId xmlns:a16="http://schemas.microsoft.com/office/drawing/2014/main" id="{316C78E9-FCF2-1EE2-DE95-D0F45AE6FEDE}"/>
                </a:ext>
              </a:extLst>
            </p:cNvPr>
            <p:cNvSpPr txBox="1"/>
            <p:nvPr/>
          </p:nvSpPr>
          <p:spPr>
            <a:xfrm>
              <a:off x="1681056" y="3722668"/>
              <a:ext cx="650230" cy="107722"/>
            </a:xfrm>
            <a:prstGeom prst="rect">
              <a:avLst/>
            </a:prstGeom>
            <a:noFill/>
          </p:spPr>
          <p:txBody>
            <a:bodyPr wrap="square" lIns="0" tIns="0" rIns="0" bIns="0" rtlCol="0" anchor="ctr">
              <a:spAutoFit/>
            </a:bodyPr>
            <a:lstStyle/>
            <a:p>
              <a:pPr algn="ctr" defTabSz="1039203"/>
              <a:r>
                <a:rPr lang="da-DK" sz="700" noProof="0" dirty="0">
                  <a:solidFill>
                    <a:srgbClr val="000000"/>
                  </a:solidFill>
                  <a:latin typeface="KBH Tekst" panose="00000500000000000000" pitchFamily="2" charset="0"/>
                </a:rPr>
                <a:t>Implementering</a:t>
              </a:r>
            </a:p>
          </p:txBody>
        </p:sp>
        <p:sp>
          <p:nvSpPr>
            <p:cNvPr id="66" name="TextBox 65">
              <a:extLst>
                <a:ext uri="{FF2B5EF4-FFF2-40B4-BE49-F238E27FC236}">
                  <a16:creationId xmlns:a16="http://schemas.microsoft.com/office/drawing/2014/main" id="{71099AC4-AAF1-51DB-713A-AB631E3713D6}"/>
                </a:ext>
              </a:extLst>
            </p:cNvPr>
            <p:cNvSpPr txBox="1"/>
            <p:nvPr/>
          </p:nvSpPr>
          <p:spPr>
            <a:xfrm>
              <a:off x="2299837" y="3723935"/>
              <a:ext cx="650230" cy="107722"/>
            </a:xfrm>
            <a:prstGeom prst="rect">
              <a:avLst/>
            </a:prstGeom>
            <a:noFill/>
          </p:spPr>
          <p:txBody>
            <a:bodyPr wrap="square" lIns="0" tIns="0" rIns="0" bIns="0" rtlCol="0" anchor="ctr">
              <a:spAutoFit/>
            </a:bodyPr>
            <a:lstStyle/>
            <a:p>
              <a:pPr algn="ctr" defTabSz="1039203"/>
              <a:r>
                <a:rPr lang="da-DK" sz="700" noProof="0" dirty="0">
                  <a:solidFill>
                    <a:srgbClr val="000000"/>
                  </a:solidFill>
                  <a:latin typeface="KBH Tekst" panose="00000500000000000000" pitchFamily="2" charset="0"/>
                </a:rPr>
                <a:t>Drift</a:t>
              </a:r>
            </a:p>
          </p:txBody>
        </p:sp>
        <p:cxnSp>
          <p:nvCxnSpPr>
            <p:cNvPr id="68" name="Straight Connector 67">
              <a:extLst>
                <a:ext uri="{FF2B5EF4-FFF2-40B4-BE49-F238E27FC236}">
                  <a16:creationId xmlns:a16="http://schemas.microsoft.com/office/drawing/2014/main" id="{847E62FA-0189-55A4-88F2-7A8D19DF0AEE}"/>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FFF74A62-03B9-6ACF-741E-D8DA56322CA1}"/>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D58CE4A8-36C8-F3FA-D978-8BDC0FD5EDF2}"/>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14" name="Rectangle 13">
            <a:extLst>
              <a:ext uri="{FF2B5EF4-FFF2-40B4-BE49-F238E27FC236}">
                <a16:creationId xmlns:a16="http://schemas.microsoft.com/office/drawing/2014/main" id="{874FF119-7E99-116A-C48F-932251CDE8E5}"/>
              </a:ext>
            </a:extLst>
          </p:cNvPr>
          <p:cNvSpPr/>
          <p:nvPr/>
        </p:nvSpPr>
        <p:spPr>
          <a:xfrm>
            <a:off x="3408091" y="2139075"/>
            <a:ext cx="5839903" cy="214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defTabSz="1039203">
              <a:spcAft>
                <a:spcPts val="300"/>
              </a:spcAft>
            </a:pPr>
            <a:r>
              <a:rPr lang="da-DK" sz="900" b="1" noProof="0" dirty="0">
                <a:solidFill>
                  <a:srgbClr val="36465A"/>
                </a:solidFill>
                <a:latin typeface="Arial" panose="020B0604020202020204"/>
              </a:rPr>
              <a:t>Generelle karakteristika</a:t>
            </a:r>
          </a:p>
          <a:p>
            <a:pPr marL="171433" indent="-171433" defTabSz="1039203">
              <a:buFont typeface="Wingdings" panose="05000000000000000000" pitchFamily="2" charset="2"/>
              <a:buChar char="Ø"/>
            </a:pPr>
            <a:r>
              <a:rPr lang="da-DK" sz="900" b="1" noProof="0" dirty="0">
                <a:solidFill>
                  <a:srgbClr val="000000"/>
                </a:solidFill>
                <a:latin typeface="Arial" panose="020B0604020202020204"/>
              </a:rPr>
              <a:t>Status på projekt: </a:t>
            </a:r>
            <a:r>
              <a:rPr lang="da-DK" sz="900" noProof="0" dirty="0">
                <a:solidFill>
                  <a:srgbClr val="000000"/>
                </a:solidFill>
                <a:latin typeface="Arial" panose="020B0604020202020204"/>
                <a:sym typeface="Wingdings" panose="05000000000000000000" pitchFamily="2" charset="2"/>
              </a:rPr>
              <a:t>Bankdata har gennem mange år arbejdet struktureret med at sikre øget kontrol, øget ejerskab og fleksibilitet via en transformation fra ældre legacy-platforme (mainframe-baserede) til en it-arkitektur, som er opbygget modulært med </a:t>
            </a:r>
            <a:r>
              <a:rPr lang="da-DK" sz="900" noProof="0" dirty="0" err="1">
                <a:solidFill>
                  <a:srgbClr val="000000"/>
                </a:solidFill>
                <a:latin typeface="Arial" panose="020B0604020202020204"/>
                <a:sym typeface="Wingdings" panose="05000000000000000000" pitchFamily="2" charset="2"/>
              </a:rPr>
              <a:t>microservices</a:t>
            </a:r>
            <a:r>
              <a:rPr lang="da-DK" sz="900" noProof="0" dirty="0">
                <a:solidFill>
                  <a:srgbClr val="000000"/>
                </a:solidFill>
                <a:latin typeface="Arial" panose="020B0604020202020204"/>
                <a:sym typeface="Wingdings" panose="05000000000000000000" pitchFamily="2" charset="2"/>
              </a:rPr>
              <a:t> og med en større grad af </a:t>
            </a:r>
            <a:r>
              <a:rPr lang="da-DK" sz="900" noProof="0" dirty="0" err="1">
                <a:solidFill>
                  <a:srgbClr val="000000"/>
                </a:solidFill>
                <a:latin typeface="Arial" panose="020B0604020202020204"/>
                <a:sym typeface="Wingdings" panose="05000000000000000000" pitchFamily="2" charset="2"/>
              </a:rPr>
              <a:t>egenudvikling</a:t>
            </a:r>
            <a:r>
              <a:rPr lang="da-DK" sz="900" noProof="0" dirty="0">
                <a:solidFill>
                  <a:srgbClr val="000000"/>
                </a:solidFill>
                <a:latin typeface="Arial" panose="020B0604020202020204"/>
                <a:sym typeface="Wingdings" panose="05000000000000000000" pitchFamily="2" charset="2"/>
              </a:rPr>
              <a:t> og OSS. </a:t>
            </a:r>
          </a:p>
          <a:p>
            <a:pPr marL="171433" indent="-171433" defTabSz="1039203">
              <a:buFont typeface="Wingdings" panose="05000000000000000000" pitchFamily="2" charset="2"/>
              <a:buChar char="Ø"/>
            </a:pPr>
            <a:r>
              <a:rPr lang="da-DK" sz="900" b="1" noProof="0" dirty="0">
                <a:solidFill>
                  <a:srgbClr val="000000"/>
                </a:solidFill>
                <a:latin typeface="Arial" panose="020B0604020202020204"/>
              </a:rPr>
              <a:t>Antal myndigheder/organisationer: </a:t>
            </a:r>
            <a:r>
              <a:rPr lang="da-DK" sz="900" noProof="0" dirty="0">
                <a:solidFill>
                  <a:srgbClr val="000000"/>
                </a:solidFill>
                <a:latin typeface="Arial" panose="020B0604020202020204"/>
              </a:rPr>
              <a:t>Bankdata er ejet af syv danske banker, som samtidig er deres kunder: AL Sydbank, Jyske Bank, Ringkjøbing Landbobank, SJF Bank, Skjern Bank, Djurslands Bank og Kreditbanken. Virksomheden beskæftiger ca. 1.000 medarbejdere.</a:t>
            </a:r>
          </a:p>
          <a:p>
            <a:pPr marL="171433" indent="-171433" defTabSz="1039203">
              <a:spcAft>
                <a:spcPts val="300"/>
              </a:spcAft>
              <a:buFont typeface="Wingdings" panose="05000000000000000000" pitchFamily="2" charset="2"/>
              <a:buChar char="Ø"/>
            </a:pPr>
            <a:r>
              <a:rPr lang="da-DK" sz="900" b="1" noProof="0" dirty="0">
                <a:solidFill>
                  <a:srgbClr val="000000"/>
                </a:solidFill>
                <a:latin typeface="Arial" panose="020B0604020202020204"/>
              </a:rPr>
              <a:t>Geografisk omfang:</a:t>
            </a:r>
            <a:r>
              <a:rPr lang="da-DK" sz="900" noProof="0" dirty="0">
                <a:solidFill>
                  <a:srgbClr val="000000"/>
                </a:solidFill>
                <a:latin typeface="Arial" panose="020B0604020202020204"/>
              </a:rPr>
              <a:t> Danmark.</a:t>
            </a:r>
          </a:p>
          <a:p>
            <a:pPr marL="171433" indent="-171433" defTabSz="1039203">
              <a:spcAft>
                <a:spcPts val="300"/>
              </a:spcAft>
              <a:buFont typeface="Wingdings" panose="05000000000000000000" pitchFamily="2" charset="2"/>
              <a:buChar char="Ø"/>
            </a:pPr>
            <a:r>
              <a:rPr lang="da-DK" sz="900" b="1" noProof="0" dirty="0">
                <a:solidFill>
                  <a:srgbClr val="000000"/>
                </a:solidFill>
                <a:latin typeface="Arial" panose="020B0604020202020204"/>
              </a:rPr>
              <a:t>Antal brugere omfattet: </a:t>
            </a:r>
            <a:r>
              <a:rPr lang="da-DK" sz="900" noProof="0" dirty="0">
                <a:solidFill>
                  <a:srgbClr val="000000"/>
                </a:solidFill>
                <a:latin typeface="Arial" panose="020B0604020202020204"/>
              </a:rPr>
              <a:t>Bankdatas løsninger anvendes af mere end 1,7 millioner danskere og 200.000 virksomheder. Bankdatas mobil- og netbank besøges mere end 1 million gange i døgnet, mens kernesystemer håndterer 86 millioner transaktioner.</a:t>
            </a:r>
            <a:endParaRPr lang="da-DK" sz="900" b="1" noProof="0" dirty="0">
              <a:solidFill>
                <a:srgbClr val="000000"/>
              </a:solidFill>
              <a:latin typeface="Arial" panose="020B0604020202020204"/>
            </a:endParaRPr>
          </a:p>
          <a:p>
            <a:pPr marL="171433" indent="-171433" defTabSz="1039203">
              <a:spcAft>
                <a:spcPts val="300"/>
              </a:spcAft>
              <a:buFont typeface="Wingdings" panose="05000000000000000000" pitchFamily="2" charset="2"/>
              <a:buChar char="Ø"/>
            </a:pPr>
            <a:r>
              <a:rPr lang="da-DK" sz="900" b="1" noProof="0" dirty="0">
                <a:solidFill>
                  <a:srgbClr val="000000"/>
                </a:solidFill>
                <a:latin typeface="Arial" panose="020B0604020202020204"/>
              </a:rPr>
              <a:t>Antal systemer berørt: </a:t>
            </a:r>
            <a:r>
              <a:rPr lang="da-DK" sz="900" noProof="0" dirty="0">
                <a:solidFill>
                  <a:srgbClr val="000000"/>
                </a:solidFill>
                <a:latin typeface="Arial" panose="020B0604020202020204"/>
              </a:rPr>
              <a:t>Bankdata udvikler og leverer en lang række it-løsninger til den finansielle it-infrastruktur, herunder betalingsløsninger, rådgiversystemer og kundekanaler. </a:t>
            </a:r>
            <a:endParaRPr lang="da-DK" sz="900" b="1" noProof="0" dirty="0">
              <a:solidFill>
                <a:srgbClr val="000000"/>
              </a:solidFill>
              <a:latin typeface="Arial" panose="020B0604020202020204"/>
            </a:endParaRPr>
          </a:p>
        </p:txBody>
      </p:sp>
      <p:sp>
        <p:nvSpPr>
          <p:cNvPr id="49" name="Isosceles Triangle 48">
            <a:extLst>
              <a:ext uri="{FF2B5EF4-FFF2-40B4-BE49-F238E27FC236}">
                <a16:creationId xmlns:a16="http://schemas.microsoft.com/office/drawing/2014/main" id="{F9B63E5E-F90D-E653-71B5-A880F34995C2}"/>
              </a:ext>
              <a:ext uri="{C183D7F6-B498-43B3-948B-1728B52AA6E4}">
                <adec:decorative xmlns:adec="http://schemas.microsoft.com/office/drawing/2017/decorative" val="1"/>
              </a:ext>
            </a:extLst>
          </p:cNvPr>
          <p:cNvSpPr/>
          <p:nvPr/>
        </p:nvSpPr>
        <p:spPr>
          <a:xfrm rot="5400000">
            <a:off x="7211083" y="4021512"/>
            <a:ext cx="4520017" cy="215994"/>
          </a:xfrm>
          <a:prstGeom prst="triangle">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cxnSp>
        <p:nvCxnSpPr>
          <p:cNvPr id="6" name="Straight Connector 5">
            <a:extLst>
              <a:ext uri="{FF2B5EF4-FFF2-40B4-BE49-F238E27FC236}">
                <a16:creationId xmlns:a16="http://schemas.microsoft.com/office/drawing/2014/main" id="{6FBA87E7-F4A1-355A-FED7-1A33CA7D303F}"/>
              </a:ext>
              <a:ext uri="{C183D7F6-B498-43B3-948B-1728B52AA6E4}">
                <adec:decorative xmlns:adec="http://schemas.microsoft.com/office/drawing/2017/decorative" val="1"/>
              </a:ext>
            </a:extLst>
          </p:cNvPr>
          <p:cNvCxnSpPr>
            <a:cxnSpLocks/>
            <a:stCxn id="53" idx="0"/>
            <a:endCxn id="53" idx="2"/>
          </p:cNvCxnSpPr>
          <p:nvPr/>
        </p:nvCxnSpPr>
        <p:spPr>
          <a:xfrm>
            <a:off x="6334419" y="4281464"/>
            <a:ext cx="0" cy="2037485"/>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2F9336A9-A350-EFBF-EA3D-B026FDC552C4}"/>
              </a:ext>
            </a:extLst>
          </p:cNvPr>
          <p:cNvSpPr txBox="1">
            <a:spLocks/>
          </p:cNvSpPr>
          <p:nvPr/>
        </p:nvSpPr>
        <p:spPr>
          <a:xfrm>
            <a:off x="3855230" y="4296789"/>
            <a:ext cx="1964351" cy="191079"/>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defTabSz="203872">
              <a:spcAft>
                <a:spcPts val="300"/>
              </a:spcAft>
            </a:pPr>
            <a:r>
              <a:rPr lang="da-DK" sz="900" noProof="0" dirty="0">
                <a:solidFill>
                  <a:srgbClr val="36465A"/>
                </a:solidFill>
                <a:latin typeface="Arial" panose="020B0604020202020204"/>
              </a:rPr>
              <a:t>Gevinster </a:t>
            </a:r>
          </a:p>
        </p:txBody>
      </p:sp>
      <p:sp>
        <p:nvSpPr>
          <p:cNvPr id="59" name="Content Placeholder 5">
            <a:extLst>
              <a:ext uri="{FF2B5EF4-FFF2-40B4-BE49-F238E27FC236}">
                <a16:creationId xmlns:a16="http://schemas.microsoft.com/office/drawing/2014/main" id="{B7A005ED-2AA5-4094-A9ED-212EEFC221AA}"/>
              </a:ext>
            </a:extLst>
          </p:cNvPr>
          <p:cNvSpPr txBox="1">
            <a:spLocks/>
          </p:cNvSpPr>
          <p:nvPr/>
        </p:nvSpPr>
        <p:spPr>
          <a:xfrm>
            <a:off x="3484691" y="4541610"/>
            <a:ext cx="2804953" cy="162779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33" indent="-171433" defTabSz="1039203">
              <a:buFont typeface="Wingdings" panose="05000000000000000000" pitchFamily="2" charset="2"/>
              <a:buChar char="Ø"/>
            </a:pPr>
            <a:r>
              <a:rPr lang="da-DK" sz="900" noProof="0" dirty="0">
                <a:solidFill>
                  <a:srgbClr val="000000"/>
                </a:solidFill>
                <a:latin typeface="Arial" panose="020B0604020202020204"/>
              </a:rPr>
              <a:t>Øget digital handlefrihed: </a:t>
            </a:r>
            <a:r>
              <a:rPr lang="da-DK" sz="900" b="0" noProof="0" dirty="0">
                <a:solidFill>
                  <a:srgbClr val="000000"/>
                </a:solidFill>
                <a:latin typeface="Arial" panose="020B0604020202020204"/>
              </a:rPr>
              <a:t>Bedre digitale handlemuligheder via exit-strategier, </a:t>
            </a:r>
            <a:r>
              <a:rPr lang="da-DK" sz="900" b="0" noProof="0" dirty="0" err="1">
                <a:solidFill>
                  <a:srgbClr val="000000"/>
                </a:solidFill>
                <a:latin typeface="Arial" panose="020B0604020202020204"/>
              </a:rPr>
              <a:t>optionalitet</a:t>
            </a:r>
            <a:r>
              <a:rPr lang="da-DK" sz="900" b="0" noProof="0" dirty="0">
                <a:solidFill>
                  <a:srgbClr val="000000"/>
                </a:solidFill>
                <a:latin typeface="Arial" panose="020B0604020202020204"/>
              </a:rPr>
              <a:t> i valg af cloud-platforme og udviklingsmodeller (”</a:t>
            </a:r>
            <a:r>
              <a:rPr lang="da-DK" sz="900" b="0" noProof="0" dirty="0" err="1">
                <a:solidFill>
                  <a:srgbClr val="000000"/>
                </a:solidFill>
                <a:latin typeface="Arial" panose="020B0604020202020204"/>
              </a:rPr>
              <a:t>make</a:t>
            </a:r>
            <a:r>
              <a:rPr lang="da-DK" sz="900" b="0" noProof="0" dirty="0">
                <a:solidFill>
                  <a:srgbClr val="000000"/>
                </a:solidFill>
                <a:latin typeface="Arial" panose="020B0604020202020204"/>
              </a:rPr>
              <a:t> or </a:t>
            </a:r>
            <a:r>
              <a:rPr lang="da-DK" sz="900" b="0" noProof="0" dirty="0" err="1">
                <a:solidFill>
                  <a:srgbClr val="000000"/>
                </a:solidFill>
                <a:latin typeface="Arial" panose="020B0604020202020204"/>
              </a:rPr>
              <a:t>buy</a:t>
            </a:r>
            <a:r>
              <a:rPr lang="da-DK" sz="900" b="0" noProof="0" dirty="0">
                <a:solidFill>
                  <a:srgbClr val="000000"/>
                </a:solidFill>
                <a:latin typeface="Arial" panose="020B0604020202020204"/>
              </a:rPr>
              <a:t>”) og OSS. </a:t>
            </a:r>
          </a:p>
          <a:p>
            <a:pPr marL="171433" indent="-171433" defTabSz="1039203">
              <a:buFont typeface="Wingdings" panose="05000000000000000000" pitchFamily="2" charset="2"/>
              <a:buChar char="Ø"/>
            </a:pPr>
            <a:r>
              <a:rPr lang="da-DK" sz="900" noProof="0" dirty="0">
                <a:solidFill>
                  <a:srgbClr val="000000"/>
                </a:solidFill>
                <a:latin typeface="Arial" panose="020B0604020202020204"/>
              </a:rPr>
              <a:t>Øget robusthed: </a:t>
            </a:r>
            <a:r>
              <a:rPr lang="da-DK" sz="900" b="0" noProof="0" dirty="0">
                <a:solidFill>
                  <a:srgbClr val="000000"/>
                </a:solidFill>
                <a:latin typeface="Arial" panose="020B0604020202020204"/>
              </a:rPr>
              <a:t>Fx ved leverandøropkøb, prisstigninger og teknologiske ændringer via </a:t>
            </a:r>
            <a:r>
              <a:rPr lang="da-DK" sz="900" b="0" noProof="0" dirty="0" err="1">
                <a:solidFill>
                  <a:srgbClr val="000000"/>
                </a:solidFill>
                <a:latin typeface="Arial" panose="020B0604020202020204"/>
              </a:rPr>
              <a:t>fallback</a:t>
            </a:r>
            <a:r>
              <a:rPr lang="da-DK" sz="900" b="0" noProof="0" dirty="0">
                <a:solidFill>
                  <a:srgbClr val="000000"/>
                </a:solidFill>
                <a:latin typeface="Arial" panose="020B0604020202020204"/>
              </a:rPr>
              <a:t>-muligheder og fleksibel it-arkitektur.</a:t>
            </a:r>
          </a:p>
          <a:p>
            <a:pPr marL="171433" indent="-171433" defTabSz="914309" eaLnBrk="0" fontAlgn="base" hangingPunct="0">
              <a:spcBef>
                <a:spcPct val="0"/>
              </a:spcBef>
              <a:spcAft>
                <a:spcPct val="0"/>
              </a:spcAft>
              <a:buFont typeface="Wingdings" panose="05000000000000000000" pitchFamily="2" charset="2"/>
              <a:buChar char="Ø"/>
            </a:pPr>
            <a:r>
              <a:rPr lang="da-DK" sz="900" noProof="0" dirty="0">
                <a:solidFill>
                  <a:srgbClr val="000000"/>
                </a:solidFill>
                <a:latin typeface="Arial" panose="020B0604020202020204"/>
              </a:rPr>
              <a:t>Reduktion af omkostninger: </a:t>
            </a:r>
            <a:r>
              <a:rPr lang="da-DK" sz="900" b="0" noProof="0" dirty="0">
                <a:solidFill>
                  <a:srgbClr val="000000"/>
                </a:solidFill>
                <a:latin typeface="Arial" panose="020B0604020202020204"/>
              </a:rPr>
              <a:t>Via Styrket forhandlingsposition med flere optioner. Har opnået markante rabatter (op til 86% fra listepris) og undgået ekstreme prisstigninger (på +2000%) ved at kunne ”true” med exit.</a:t>
            </a:r>
          </a:p>
          <a:p>
            <a:pPr marL="171433" indent="-171433" defTabSz="914309" eaLnBrk="0" fontAlgn="base" hangingPunct="0">
              <a:spcBef>
                <a:spcPct val="0"/>
              </a:spcBef>
              <a:spcAft>
                <a:spcPct val="0"/>
              </a:spcAft>
              <a:buFont typeface="Wingdings" panose="05000000000000000000" pitchFamily="2" charset="2"/>
              <a:buChar char="ü"/>
            </a:pPr>
            <a:endParaRPr lang="da-DK" sz="900" b="0" noProof="0" dirty="0">
              <a:solidFill>
                <a:srgbClr val="000000"/>
              </a:solidFill>
              <a:latin typeface="Arial" panose="020B0604020202020204"/>
            </a:endParaRPr>
          </a:p>
          <a:p>
            <a:pPr marL="171433" indent="-171433" defTabSz="914309" eaLnBrk="0" fontAlgn="base" hangingPunct="0">
              <a:spcBef>
                <a:spcPct val="0"/>
              </a:spcBef>
              <a:spcAft>
                <a:spcPct val="0"/>
              </a:spcAft>
              <a:buFont typeface="Wingdings" panose="05000000000000000000" pitchFamily="2" charset="2"/>
              <a:buChar char="ü"/>
            </a:pPr>
            <a:endParaRPr lang="da-DK" sz="900" b="0" noProof="0" dirty="0">
              <a:solidFill>
                <a:srgbClr val="36465A"/>
              </a:solidFill>
              <a:latin typeface="Arial" panose="020B0604020202020204"/>
            </a:endParaRPr>
          </a:p>
          <a:p>
            <a:pPr defTabSz="1039203"/>
            <a:endParaRPr lang="da-DK" sz="900" b="0" noProof="0" dirty="0">
              <a:solidFill>
                <a:srgbClr val="000000"/>
              </a:solidFill>
              <a:latin typeface="Arial" panose="020B0604020202020204"/>
            </a:endParaRPr>
          </a:p>
        </p:txBody>
      </p:sp>
      <p:sp>
        <p:nvSpPr>
          <p:cNvPr id="23" name="Content Placeholder 5">
            <a:extLst>
              <a:ext uri="{FF2B5EF4-FFF2-40B4-BE49-F238E27FC236}">
                <a16:creationId xmlns:a16="http://schemas.microsoft.com/office/drawing/2014/main" id="{2CB33975-1C31-C618-B707-FA655A45301A}"/>
              </a:ext>
            </a:extLst>
          </p:cNvPr>
          <p:cNvSpPr txBox="1">
            <a:spLocks/>
          </p:cNvSpPr>
          <p:nvPr/>
        </p:nvSpPr>
        <p:spPr>
          <a:xfrm>
            <a:off x="6901438" y="4296787"/>
            <a:ext cx="1871653" cy="191080"/>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defTabSz="203872">
              <a:spcAft>
                <a:spcPts val="300"/>
              </a:spcAft>
            </a:pPr>
            <a:r>
              <a:rPr lang="da-DK" sz="900" noProof="0" dirty="0">
                <a:solidFill>
                  <a:srgbClr val="36465A"/>
                </a:solidFill>
                <a:latin typeface="Arial" panose="020B0604020202020204"/>
              </a:rPr>
              <a:t>Barrierer</a:t>
            </a:r>
          </a:p>
        </p:txBody>
      </p:sp>
      <p:sp>
        <p:nvSpPr>
          <p:cNvPr id="60" name="Content Placeholder 5">
            <a:extLst>
              <a:ext uri="{FF2B5EF4-FFF2-40B4-BE49-F238E27FC236}">
                <a16:creationId xmlns:a16="http://schemas.microsoft.com/office/drawing/2014/main" id="{3B589F4E-8B35-7C8D-E941-7EC8EAB9945A}"/>
              </a:ext>
            </a:extLst>
          </p:cNvPr>
          <p:cNvSpPr txBox="1">
            <a:spLocks/>
          </p:cNvSpPr>
          <p:nvPr/>
        </p:nvSpPr>
        <p:spPr>
          <a:xfrm>
            <a:off x="6445558" y="4578185"/>
            <a:ext cx="2698353" cy="163558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33" indent="-171433" defTabSz="914309" eaLnBrk="0" fontAlgn="base" hangingPunct="0">
              <a:spcBef>
                <a:spcPct val="0"/>
              </a:spcBef>
              <a:spcAft>
                <a:spcPct val="0"/>
              </a:spcAft>
              <a:buFont typeface="Wingdings" panose="05000000000000000000" pitchFamily="2" charset="2"/>
              <a:buChar char="Ø"/>
            </a:pPr>
            <a:r>
              <a:rPr lang="da-DK" sz="900" noProof="0" dirty="0">
                <a:solidFill>
                  <a:srgbClr val="000000"/>
                </a:solidFill>
                <a:latin typeface="Arial" panose="020B0604020202020204"/>
              </a:rPr>
              <a:t>Krav til kompetencer og styring: </a:t>
            </a:r>
            <a:r>
              <a:rPr lang="da-DK" sz="900" b="0" noProof="0" dirty="0">
                <a:solidFill>
                  <a:srgbClr val="000000"/>
                </a:solidFill>
                <a:latin typeface="Arial" panose="020B0604020202020204"/>
              </a:rPr>
              <a:t>Nye leverancemodeller som fx et økosystem af OSS-leverandører og et </a:t>
            </a:r>
            <a:r>
              <a:rPr lang="da-DK" sz="900" b="0" noProof="0" dirty="0" err="1">
                <a:solidFill>
                  <a:srgbClr val="000000"/>
                </a:solidFill>
                <a:latin typeface="Arial" panose="020B0604020202020204"/>
              </a:rPr>
              <a:t>mulit</a:t>
            </a:r>
            <a:r>
              <a:rPr lang="da-DK" sz="900" b="0" noProof="0" dirty="0">
                <a:solidFill>
                  <a:srgbClr val="000000"/>
                </a:solidFill>
                <a:latin typeface="Arial" panose="020B0604020202020204"/>
              </a:rPr>
              <a:t>-cloud-</a:t>
            </a:r>
            <a:r>
              <a:rPr lang="da-DK" sz="900" b="0" noProof="0" dirty="0" err="1">
                <a:solidFill>
                  <a:srgbClr val="000000"/>
                </a:solidFill>
                <a:latin typeface="Arial" panose="020B0604020202020204"/>
              </a:rPr>
              <a:t>setup</a:t>
            </a:r>
            <a:r>
              <a:rPr lang="da-DK" sz="900" b="0" noProof="0" dirty="0">
                <a:solidFill>
                  <a:srgbClr val="000000"/>
                </a:solidFill>
                <a:latin typeface="Arial" panose="020B0604020202020204"/>
              </a:rPr>
              <a:t> kræver fokus på </a:t>
            </a:r>
            <a:r>
              <a:rPr lang="da-DK" sz="900" b="0" noProof="0" dirty="0" err="1">
                <a:solidFill>
                  <a:srgbClr val="000000"/>
                </a:solidFill>
                <a:latin typeface="Arial" panose="020B0604020202020204"/>
              </a:rPr>
              <a:t>governance</a:t>
            </a:r>
            <a:r>
              <a:rPr lang="da-DK" sz="900" b="0" noProof="0" dirty="0">
                <a:solidFill>
                  <a:srgbClr val="000000"/>
                </a:solidFill>
                <a:latin typeface="Arial" panose="020B0604020202020204"/>
              </a:rPr>
              <a:t>, leverandørstyring og strategisk arkitekturstyring.  </a:t>
            </a:r>
          </a:p>
          <a:p>
            <a:pPr marL="171433" indent="-171433" defTabSz="914309" eaLnBrk="0" fontAlgn="base" hangingPunct="0">
              <a:spcBef>
                <a:spcPct val="0"/>
              </a:spcBef>
              <a:spcAft>
                <a:spcPct val="0"/>
              </a:spcAft>
              <a:buFont typeface="Wingdings" panose="05000000000000000000" pitchFamily="2" charset="2"/>
              <a:buChar char="Ø"/>
            </a:pPr>
            <a:endParaRPr lang="da-DK" sz="900" b="0" noProof="0" dirty="0">
              <a:solidFill>
                <a:srgbClr val="000000"/>
              </a:solidFill>
              <a:latin typeface="Arial" panose="020B0604020202020204"/>
            </a:endParaRPr>
          </a:p>
          <a:p>
            <a:pPr marL="171433" indent="-171433" defTabSz="914309" eaLnBrk="0" fontAlgn="base" hangingPunct="0">
              <a:spcBef>
                <a:spcPct val="0"/>
              </a:spcBef>
              <a:spcAft>
                <a:spcPct val="0"/>
              </a:spcAft>
              <a:buFont typeface="Wingdings" panose="05000000000000000000" pitchFamily="2" charset="2"/>
              <a:buChar char="Ø"/>
            </a:pPr>
            <a:r>
              <a:rPr lang="da-DK" sz="900" noProof="0" dirty="0">
                <a:solidFill>
                  <a:srgbClr val="000000"/>
                </a:solidFill>
                <a:latin typeface="Arial" panose="020B0604020202020204"/>
              </a:rPr>
              <a:t>Løbende styring af it-porteføljen: </a:t>
            </a:r>
            <a:r>
              <a:rPr lang="da-DK" sz="900" b="0" noProof="0" dirty="0">
                <a:solidFill>
                  <a:srgbClr val="000000"/>
                </a:solidFill>
                <a:latin typeface="Arial" panose="020B0604020202020204"/>
              </a:rPr>
              <a:t>Der kan være en risiko for skjult </a:t>
            </a:r>
            <a:r>
              <a:rPr lang="da-DK" sz="900" b="0" noProof="0" dirty="0" err="1">
                <a:solidFill>
                  <a:srgbClr val="000000"/>
                </a:solidFill>
                <a:latin typeface="Arial" panose="020B0604020202020204"/>
              </a:rPr>
              <a:t>lock</a:t>
            </a:r>
            <a:r>
              <a:rPr lang="da-DK" sz="900" b="0" noProof="0" dirty="0">
                <a:solidFill>
                  <a:srgbClr val="000000"/>
                </a:solidFill>
                <a:latin typeface="Arial" panose="020B0604020202020204"/>
              </a:rPr>
              <a:t>‑in i “</a:t>
            </a:r>
            <a:r>
              <a:rPr lang="da-DK" sz="900" b="0" noProof="0" dirty="0" err="1">
                <a:solidFill>
                  <a:srgbClr val="000000"/>
                </a:solidFill>
                <a:latin typeface="Arial" panose="020B0604020202020204"/>
              </a:rPr>
              <a:t>managed</a:t>
            </a:r>
            <a:r>
              <a:rPr lang="da-DK" sz="900" b="0" noProof="0" dirty="0">
                <a:solidFill>
                  <a:srgbClr val="000000"/>
                </a:solidFill>
                <a:latin typeface="Arial" panose="020B0604020202020204"/>
              </a:rPr>
              <a:t> services”, selvom de er bygget på open source, og det er derfor vigtigt med fokus på og høj styringskompleksitet.</a:t>
            </a:r>
          </a:p>
        </p:txBody>
      </p:sp>
      <p:sp>
        <p:nvSpPr>
          <p:cNvPr id="12" name="Content Placeholder 5">
            <a:extLst>
              <a:ext uri="{FF2B5EF4-FFF2-40B4-BE49-F238E27FC236}">
                <a16:creationId xmlns:a16="http://schemas.microsoft.com/office/drawing/2014/main" id="{7EC6D628-E71A-A2F3-4E74-EBD16421CCE8}"/>
              </a:ext>
              <a:ext uri="{C183D7F6-B498-43B3-948B-1728B52AA6E4}">
                <adec:decorative xmlns:adec="http://schemas.microsoft.com/office/drawing/2017/decorative" val="1"/>
              </a:ext>
            </a:extLst>
          </p:cNvPr>
          <p:cNvSpPr txBox="1">
            <a:spLocks/>
          </p:cNvSpPr>
          <p:nvPr/>
        </p:nvSpPr>
        <p:spPr>
          <a:xfrm>
            <a:off x="552610" y="6488390"/>
            <a:ext cx="11469682" cy="97238"/>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defTabSz="203872">
              <a:spcAft>
                <a:spcPts val="300"/>
              </a:spcAft>
            </a:pPr>
            <a:endParaRPr lang="da-DK" sz="800" b="0" baseline="30000" noProof="0" dirty="0">
              <a:solidFill>
                <a:srgbClr val="000000"/>
              </a:solidFill>
              <a:latin typeface="Arial" panose="020B0604020202020204"/>
            </a:endParaRPr>
          </a:p>
        </p:txBody>
      </p:sp>
      <p:cxnSp>
        <p:nvCxnSpPr>
          <p:cNvPr id="25" name="Straight Connector 24">
            <a:extLst>
              <a:ext uri="{FF2B5EF4-FFF2-40B4-BE49-F238E27FC236}">
                <a16:creationId xmlns:a16="http://schemas.microsoft.com/office/drawing/2014/main" id="{48C42666-E452-FB15-C988-0874387449D3}"/>
              </a:ext>
              <a:ext uri="{C183D7F6-B498-43B3-948B-1728B52AA6E4}">
                <adec:decorative xmlns:adec="http://schemas.microsoft.com/office/drawing/2017/decorative" val="1"/>
              </a:ext>
            </a:extLst>
          </p:cNvPr>
          <p:cNvCxnSpPr>
            <a:cxnSpLocks/>
          </p:cNvCxnSpPr>
          <p:nvPr/>
        </p:nvCxnSpPr>
        <p:spPr>
          <a:xfrm>
            <a:off x="633910" y="2123020"/>
            <a:ext cx="2504362"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1C47207B-748C-D371-74F6-62DF36E989ED}"/>
              </a:ext>
              <a:ext uri="{C183D7F6-B498-43B3-948B-1728B52AA6E4}">
                <adec:decorative xmlns:adec="http://schemas.microsoft.com/office/drawing/2017/decorative" val="1"/>
              </a:ext>
            </a:extLst>
          </p:cNvPr>
          <p:cNvSpPr>
            <a:spLocks noEditPoints="1"/>
          </p:cNvSpPr>
          <p:nvPr/>
        </p:nvSpPr>
        <p:spPr bwMode="auto">
          <a:xfrm>
            <a:off x="641373" y="1869501"/>
            <a:ext cx="235885" cy="226757"/>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cxnSp>
        <p:nvCxnSpPr>
          <p:cNvPr id="57" name="Straight Connector 56">
            <a:extLst>
              <a:ext uri="{FF2B5EF4-FFF2-40B4-BE49-F238E27FC236}">
                <a16:creationId xmlns:a16="http://schemas.microsoft.com/office/drawing/2014/main" id="{136849F6-EB56-6BD5-8BA0-03AC0E88DE2D}"/>
              </a:ext>
              <a:ext uri="{C183D7F6-B498-43B3-948B-1728B52AA6E4}">
                <adec:decorative xmlns:adec="http://schemas.microsoft.com/office/drawing/2017/decorative" val="1"/>
              </a:ext>
            </a:extLst>
          </p:cNvPr>
          <p:cNvCxnSpPr>
            <a:cxnSpLocks/>
          </p:cNvCxnSpPr>
          <p:nvPr/>
        </p:nvCxnSpPr>
        <p:spPr>
          <a:xfrm>
            <a:off x="3585224" y="4527602"/>
            <a:ext cx="2504362"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D1D6B863-0065-04FC-28C3-6839409A9540}"/>
              </a:ext>
              <a:ext uri="{C183D7F6-B498-43B3-948B-1728B52AA6E4}">
                <adec:decorative xmlns:adec="http://schemas.microsoft.com/office/drawing/2017/decorative" val="1"/>
              </a:ext>
            </a:extLst>
          </p:cNvPr>
          <p:cNvCxnSpPr>
            <a:cxnSpLocks/>
          </p:cNvCxnSpPr>
          <p:nvPr/>
        </p:nvCxnSpPr>
        <p:spPr>
          <a:xfrm>
            <a:off x="6585084" y="4527602"/>
            <a:ext cx="2504362"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B7B64559-984F-27EA-9F35-8899A5E28B8E}"/>
              </a:ext>
              <a:ext uri="{C183D7F6-B498-43B3-948B-1728B52AA6E4}">
                <adec:decorative xmlns:adec="http://schemas.microsoft.com/office/drawing/2017/decorative" val="1"/>
              </a:ext>
            </a:extLst>
          </p:cNvPr>
          <p:cNvCxnSpPr>
            <a:cxnSpLocks/>
          </p:cNvCxnSpPr>
          <p:nvPr/>
        </p:nvCxnSpPr>
        <p:spPr>
          <a:xfrm>
            <a:off x="3408254" y="2123009"/>
            <a:ext cx="3493184" cy="16064"/>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6" name="Rectangle 25">
            <a:extLst>
              <a:ext uri="{FF2B5EF4-FFF2-40B4-BE49-F238E27FC236}">
                <a16:creationId xmlns:a16="http://schemas.microsoft.com/office/drawing/2014/main" id="{A63E63D8-CDA2-6E0F-B18B-B0340144B19B}"/>
              </a:ext>
              <a:ext uri="{C183D7F6-B498-43B3-948B-1728B52AA6E4}">
                <adec:decorative xmlns:adec="http://schemas.microsoft.com/office/drawing/2017/decorative" val="1"/>
              </a:ext>
            </a:extLst>
          </p:cNvPr>
          <p:cNvSpPr>
            <a:spLocks/>
          </p:cNvSpPr>
          <p:nvPr/>
        </p:nvSpPr>
        <p:spPr>
          <a:xfrm>
            <a:off x="1061499" y="5872148"/>
            <a:ext cx="1994212" cy="446799"/>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900" noProof="0" dirty="0">
              <a:solidFill>
                <a:srgbClr val="FFFFFF"/>
              </a:solidFill>
              <a:latin typeface="Arial" panose="020B0604020202020204"/>
            </a:endParaRPr>
          </a:p>
        </p:txBody>
      </p:sp>
      <p:sp>
        <p:nvSpPr>
          <p:cNvPr id="27" name="Rectangle 26">
            <a:extLst>
              <a:ext uri="{FF2B5EF4-FFF2-40B4-BE49-F238E27FC236}">
                <a16:creationId xmlns:a16="http://schemas.microsoft.com/office/drawing/2014/main" id="{0A81816B-697E-6F2F-15D9-B8922E9B029C}"/>
              </a:ext>
              <a:ext uri="{C183D7F6-B498-43B3-948B-1728B52AA6E4}">
                <adec:decorative xmlns:adec="http://schemas.microsoft.com/office/drawing/2017/decorative" val="1"/>
              </a:ext>
            </a:extLst>
          </p:cNvPr>
          <p:cNvSpPr>
            <a:spLocks/>
          </p:cNvSpPr>
          <p:nvPr/>
        </p:nvSpPr>
        <p:spPr>
          <a:xfrm>
            <a:off x="1066392" y="4281464"/>
            <a:ext cx="2020253" cy="20125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900" noProof="0" dirty="0">
              <a:solidFill>
                <a:srgbClr val="FFFFFF"/>
              </a:solidFill>
              <a:latin typeface="Arial" panose="020B0604020202020204"/>
            </a:endParaRPr>
          </a:p>
        </p:txBody>
      </p:sp>
      <p:sp>
        <p:nvSpPr>
          <p:cNvPr id="28" name="Rectangle 27">
            <a:extLst>
              <a:ext uri="{FF2B5EF4-FFF2-40B4-BE49-F238E27FC236}">
                <a16:creationId xmlns:a16="http://schemas.microsoft.com/office/drawing/2014/main" id="{FAD0A6F8-A8BA-BE06-9A5C-11CB4AD85E37}"/>
              </a:ext>
              <a:ext uri="{C183D7F6-B498-43B3-948B-1728B52AA6E4}">
                <adec:decorative xmlns:adec="http://schemas.microsoft.com/office/drawing/2017/decorative" val="1"/>
              </a:ext>
            </a:extLst>
          </p:cNvPr>
          <p:cNvSpPr>
            <a:spLocks/>
          </p:cNvSpPr>
          <p:nvPr/>
        </p:nvSpPr>
        <p:spPr>
          <a:xfrm>
            <a:off x="1068110" y="5419561"/>
            <a:ext cx="2020253" cy="210803"/>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900" noProof="0" dirty="0">
              <a:solidFill>
                <a:srgbClr val="FFFFFF"/>
              </a:solidFill>
              <a:latin typeface="Arial" panose="020B0604020202020204"/>
            </a:endParaRPr>
          </a:p>
        </p:txBody>
      </p:sp>
      <p:sp>
        <p:nvSpPr>
          <p:cNvPr id="115" name="Rectangle 114">
            <a:extLst>
              <a:ext uri="{FF2B5EF4-FFF2-40B4-BE49-F238E27FC236}">
                <a16:creationId xmlns:a16="http://schemas.microsoft.com/office/drawing/2014/main" id="{39301AE0-F0EB-C415-F33C-9192E95A6190}"/>
              </a:ext>
              <a:ext uri="{C183D7F6-B498-43B3-948B-1728B52AA6E4}">
                <adec:decorative xmlns:adec="http://schemas.microsoft.com/office/drawing/2017/decorative" val="1"/>
              </a:ext>
            </a:extLst>
          </p:cNvPr>
          <p:cNvSpPr/>
          <p:nvPr/>
        </p:nvSpPr>
        <p:spPr>
          <a:xfrm>
            <a:off x="9735003" y="2139075"/>
            <a:ext cx="2136439" cy="214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defTabSz="1039203">
              <a:spcAft>
                <a:spcPts val="300"/>
              </a:spcAft>
            </a:pPr>
            <a:endParaRPr lang="da-DK" sz="900" b="1" noProof="0" dirty="0">
              <a:solidFill>
                <a:srgbClr val="000000"/>
              </a:solidFill>
              <a:latin typeface="Arial" panose="020B0604020202020204"/>
            </a:endParaRPr>
          </a:p>
        </p:txBody>
      </p:sp>
      <p:cxnSp>
        <p:nvCxnSpPr>
          <p:cNvPr id="30" name="Straight Connector 29">
            <a:extLst>
              <a:ext uri="{FF2B5EF4-FFF2-40B4-BE49-F238E27FC236}">
                <a16:creationId xmlns:a16="http://schemas.microsoft.com/office/drawing/2014/main" id="{F41378BC-D53C-E364-EBD0-EDF3FFC52955}"/>
              </a:ext>
              <a:ext uri="{C183D7F6-B498-43B3-948B-1728B52AA6E4}">
                <adec:decorative xmlns:adec="http://schemas.microsoft.com/office/drawing/2017/decorative" val="1"/>
              </a:ext>
            </a:extLst>
          </p:cNvPr>
          <p:cNvCxnSpPr>
            <a:cxnSpLocks/>
          </p:cNvCxnSpPr>
          <p:nvPr/>
        </p:nvCxnSpPr>
        <p:spPr>
          <a:xfrm>
            <a:off x="9735003" y="4291683"/>
            <a:ext cx="2136439"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1FE621C7-2267-85D3-D750-A8997264EA13}"/>
              </a:ext>
              <a:ext uri="{C183D7F6-B498-43B3-948B-1728B52AA6E4}">
                <adec:decorative xmlns:adec="http://schemas.microsoft.com/office/drawing/2017/decorative" val="1"/>
              </a:ext>
            </a:extLst>
          </p:cNvPr>
          <p:cNvSpPr/>
          <p:nvPr/>
        </p:nvSpPr>
        <p:spPr>
          <a:xfrm>
            <a:off x="9603424" y="3956953"/>
            <a:ext cx="2399596" cy="2463029"/>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A2B3C9"/>
              </a:solidFill>
              <a:latin typeface="Arial" panose="020B0604020202020204"/>
            </a:endParaRPr>
          </a:p>
        </p:txBody>
      </p:sp>
      <p:sp>
        <p:nvSpPr>
          <p:cNvPr id="74" name="Oval 73">
            <a:extLst>
              <a:ext uri="{FF2B5EF4-FFF2-40B4-BE49-F238E27FC236}">
                <a16:creationId xmlns:a16="http://schemas.microsoft.com/office/drawing/2014/main" id="{6B29898B-9434-7039-6067-57CBB0A72CA5}"/>
              </a:ext>
              <a:ext uri="{C183D7F6-B498-43B3-948B-1728B52AA6E4}">
                <adec:decorative xmlns:adec="http://schemas.microsoft.com/office/drawing/2017/decorative" val="1"/>
              </a:ext>
            </a:extLst>
          </p:cNvPr>
          <p:cNvSpPr/>
          <p:nvPr/>
        </p:nvSpPr>
        <p:spPr>
          <a:xfrm>
            <a:off x="8919118" y="2053126"/>
            <a:ext cx="152689" cy="15268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sp>
        <p:nvSpPr>
          <p:cNvPr id="120" name="Rectangle 119">
            <a:extLst>
              <a:ext uri="{FF2B5EF4-FFF2-40B4-BE49-F238E27FC236}">
                <a16:creationId xmlns:a16="http://schemas.microsoft.com/office/drawing/2014/main" id="{1002EAD6-7596-9CF5-A313-AE9C3BF17358}"/>
              </a:ext>
              <a:ext uri="{C183D7F6-B498-43B3-948B-1728B52AA6E4}">
                <adec:decorative xmlns:adec="http://schemas.microsoft.com/office/drawing/2017/decorative" val="1"/>
              </a:ext>
            </a:extLst>
          </p:cNvPr>
          <p:cNvSpPr>
            <a:spLocks/>
          </p:cNvSpPr>
          <p:nvPr/>
        </p:nvSpPr>
        <p:spPr>
          <a:xfrm>
            <a:off x="9692970" y="3539267"/>
            <a:ext cx="2232736" cy="303246"/>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900" noProof="0" dirty="0">
              <a:solidFill>
                <a:srgbClr val="FFFFFF"/>
              </a:solidFill>
              <a:latin typeface="Arial" panose="020B0604020202020204"/>
            </a:endParaRPr>
          </a:p>
        </p:txBody>
      </p:sp>
      <p:grpSp>
        <p:nvGrpSpPr>
          <p:cNvPr id="146" name="Group 145">
            <a:extLst>
              <a:ext uri="{FF2B5EF4-FFF2-40B4-BE49-F238E27FC236}">
                <a16:creationId xmlns:a16="http://schemas.microsoft.com/office/drawing/2014/main" id="{6E142D8A-E262-9296-D15D-C43569AB0F3C}"/>
              </a:ext>
              <a:ext uri="{C183D7F6-B498-43B3-948B-1728B52AA6E4}">
                <adec:decorative xmlns:adec="http://schemas.microsoft.com/office/drawing/2017/decorative" val="1"/>
              </a:ext>
            </a:extLst>
          </p:cNvPr>
          <p:cNvGrpSpPr/>
          <p:nvPr/>
        </p:nvGrpSpPr>
        <p:grpSpPr>
          <a:xfrm>
            <a:off x="-2176" y="-3192"/>
            <a:ext cx="176966" cy="6862681"/>
            <a:chOff x="-10502" y="0"/>
            <a:chExt cx="176971" cy="6859588"/>
          </a:xfrm>
          <a:solidFill>
            <a:srgbClr val="024D78"/>
          </a:solidFill>
        </p:grpSpPr>
        <p:sp>
          <p:nvSpPr>
            <p:cNvPr id="147" name="Rectangle 146">
              <a:extLst>
                <a:ext uri="{FF2B5EF4-FFF2-40B4-BE49-F238E27FC236}">
                  <a16:creationId xmlns:a16="http://schemas.microsoft.com/office/drawing/2014/main" id="{2935EF68-0313-DFF6-E8F8-891D245E9516}"/>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148" name="Rectangle 147">
              <a:extLst>
                <a:ext uri="{FF2B5EF4-FFF2-40B4-BE49-F238E27FC236}">
                  <a16:creationId xmlns:a16="http://schemas.microsoft.com/office/drawing/2014/main" id="{27CF8A8D-D972-5709-D67A-C9AFFC86692E}"/>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b="1" noProof="0" dirty="0">
                  <a:solidFill>
                    <a:srgbClr val="FFFFFF"/>
                  </a:solidFill>
                  <a:latin typeface="Arial" panose="020B0604020202020204"/>
                </a:rPr>
                <a:t>Case Katalog</a:t>
              </a:r>
            </a:p>
          </p:txBody>
        </p:sp>
      </p:grpSp>
      <p:sp>
        <p:nvSpPr>
          <p:cNvPr id="34" name="Rectangle 33">
            <a:extLst>
              <a:ext uri="{FF2B5EF4-FFF2-40B4-BE49-F238E27FC236}">
                <a16:creationId xmlns:a16="http://schemas.microsoft.com/office/drawing/2014/main" id="{2ABFFC33-4CC7-E9F4-34FA-30DFFEA3D6D6}"/>
              </a:ext>
              <a:ext uri="{C183D7F6-B498-43B3-948B-1728B52AA6E4}">
                <adec:decorative xmlns:adec="http://schemas.microsoft.com/office/drawing/2017/decorative" val="1"/>
              </a:ext>
            </a:extLst>
          </p:cNvPr>
          <p:cNvSpPr>
            <a:spLocks/>
          </p:cNvSpPr>
          <p:nvPr/>
        </p:nvSpPr>
        <p:spPr>
          <a:xfrm>
            <a:off x="9693671" y="2845073"/>
            <a:ext cx="2232736" cy="303246"/>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900" noProof="0" dirty="0">
              <a:solidFill>
                <a:srgbClr val="FFFFFF"/>
              </a:solidFill>
              <a:latin typeface="Arial" panose="020B0604020202020204"/>
            </a:endParaRPr>
          </a:p>
        </p:txBody>
      </p:sp>
      <p:sp>
        <p:nvSpPr>
          <p:cNvPr id="35" name="Rectangle 34">
            <a:extLst>
              <a:ext uri="{FF2B5EF4-FFF2-40B4-BE49-F238E27FC236}">
                <a16:creationId xmlns:a16="http://schemas.microsoft.com/office/drawing/2014/main" id="{C293A295-1056-14BE-BCE7-1C9B09F2610F}"/>
              </a:ext>
              <a:ext uri="{C183D7F6-B498-43B3-948B-1728B52AA6E4}">
                <adec:decorative xmlns:adec="http://schemas.microsoft.com/office/drawing/2017/decorative" val="1"/>
              </a:ext>
            </a:extLst>
          </p:cNvPr>
          <p:cNvSpPr>
            <a:spLocks/>
          </p:cNvSpPr>
          <p:nvPr/>
        </p:nvSpPr>
        <p:spPr>
          <a:xfrm>
            <a:off x="9685734" y="2146166"/>
            <a:ext cx="2232736" cy="303246"/>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900" noProof="0" dirty="0">
              <a:solidFill>
                <a:srgbClr val="FFFFFF"/>
              </a:solidFill>
              <a:latin typeface="Arial" panose="020B0604020202020204"/>
            </a:endParaRPr>
          </a:p>
        </p:txBody>
      </p:sp>
      <p:sp>
        <p:nvSpPr>
          <p:cNvPr id="39" name="Rectangle 38">
            <a:extLst>
              <a:ext uri="{FF2B5EF4-FFF2-40B4-BE49-F238E27FC236}">
                <a16:creationId xmlns:a16="http://schemas.microsoft.com/office/drawing/2014/main" id="{4B4CFCE8-5EBC-05A4-7DF4-6AE8FB133BC8}"/>
              </a:ext>
              <a:ext uri="{C183D7F6-B498-43B3-948B-1728B52AA6E4}">
                <adec:decorative xmlns:adec="http://schemas.microsoft.com/office/drawing/2017/decorative" val="1"/>
              </a:ext>
            </a:extLst>
          </p:cNvPr>
          <p:cNvSpPr>
            <a:spLocks/>
          </p:cNvSpPr>
          <p:nvPr/>
        </p:nvSpPr>
        <p:spPr>
          <a:xfrm>
            <a:off x="1053729" y="4736591"/>
            <a:ext cx="2020253" cy="441185"/>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900" noProof="0" dirty="0">
              <a:solidFill>
                <a:srgbClr val="FFFFFF"/>
              </a:solidFill>
              <a:latin typeface="Arial" panose="020B0604020202020204"/>
            </a:endParaRPr>
          </a:p>
        </p:txBody>
      </p:sp>
      <p:grpSp>
        <p:nvGrpSpPr>
          <p:cNvPr id="38" name="Group 37" descr="Casen addresserer virkemidlerne risikobaseret styring af afhængigheder samt indkøb, krav og leverandørsamarbejde">
            <a:extLst>
              <a:ext uri="{FF2B5EF4-FFF2-40B4-BE49-F238E27FC236}">
                <a16:creationId xmlns:a16="http://schemas.microsoft.com/office/drawing/2014/main" id="{DC94C84B-A999-C6C1-63CF-6EC1E54C960B}"/>
              </a:ext>
              <a:ext uri="{C183D7F6-B498-43B3-948B-1728B52AA6E4}">
                <adec:decorative xmlns:adec="http://schemas.microsoft.com/office/drawing/2017/decorative" val="0"/>
              </a:ext>
            </a:extLst>
          </p:cNvPr>
          <p:cNvGrpSpPr/>
          <p:nvPr/>
        </p:nvGrpSpPr>
        <p:grpSpPr>
          <a:xfrm>
            <a:off x="9603424" y="1815765"/>
            <a:ext cx="2399596" cy="2088662"/>
            <a:chOff x="6170312" y="1801370"/>
            <a:chExt cx="2399666" cy="2088724"/>
          </a:xfrm>
        </p:grpSpPr>
        <p:sp>
          <p:nvSpPr>
            <p:cNvPr id="41" name="Content Placeholder 5">
              <a:extLst>
                <a:ext uri="{FF2B5EF4-FFF2-40B4-BE49-F238E27FC236}">
                  <a16:creationId xmlns:a16="http://schemas.microsoft.com/office/drawing/2014/main" id="{262EA5F9-2209-25E5-DC00-AEE0B406C94C}"/>
                </a:ext>
              </a:extLst>
            </p:cNvPr>
            <p:cNvSpPr txBox="1">
              <a:spLocks/>
            </p:cNvSpPr>
            <p:nvPr/>
          </p:nvSpPr>
          <p:spPr>
            <a:xfrm>
              <a:off x="6292650" y="1860060"/>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defTabSz="203872">
                <a:spcAft>
                  <a:spcPts val="300"/>
                </a:spcAft>
              </a:pPr>
              <a:r>
                <a:rPr lang="da-DK" sz="1100" noProof="0" dirty="0">
                  <a:solidFill>
                    <a:srgbClr val="36465A"/>
                  </a:solidFill>
                  <a:latin typeface="Arial" panose="020B0604020202020204"/>
                </a:rPr>
                <a:t>Virkemidler</a:t>
              </a:r>
            </a:p>
          </p:txBody>
        </p:sp>
        <p:sp>
          <p:nvSpPr>
            <p:cNvPr id="42" name="Rectangle: Rounded Corners 41">
              <a:extLst>
                <a:ext uri="{FF2B5EF4-FFF2-40B4-BE49-F238E27FC236}">
                  <a16:creationId xmlns:a16="http://schemas.microsoft.com/office/drawing/2014/main" id="{C631A379-0E31-6668-892B-539A0AC95865}"/>
                </a:ext>
              </a:extLst>
            </p:cNvPr>
            <p:cNvSpPr/>
            <p:nvPr/>
          </p:nvSpPr>
          <p:spPr>
            <a:xfrm>
              <a:off x="6170312" y="1801370"/>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A2B3C9"/>
                </a:solidFill>
                <a:latin typeface="Arial" panose="020B0604020202020204"/>
              </a:endParaRPr>
            </a:p>
          </p:txBody>
        </p:sp>
        <p:cxnSp>
          <p:nvCxnSpPr>
            <p:cNvPr id="43" name="Straight Connector 42">
              <a:extLst>
                <a:ext uri="{FF2B5EF4-FFF2-40B4-BE49-F238E27FC236}">
                  <a16:creationId xmlns:a16="http://schemas.microsoft.com/office/drawing/2014/main" id="{085764AB-298F-1865-5146-8587F3C03FE3}"/>
                </a:ext>
              </a:extLst>
            </p:cNvPr>
            <p:cNvCxnSpPr>
              <a:cxnSpLocks/>
            </p:cNvCxnSpPr>
            <p:nvPr/>
          </p:nvCxnSpPr>
          <p:spPr>
            <a:xfrm>
              <a:off x="6281165" y="2112275"/>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4" name="Rektangel: afrundede hjørner 10">
              <a:extLst>
                <a:ext uri="{FF2B5EF4-FFF2-40B4-BE49-F238E27FC236}">
                  <a16:creationId xmlns:a16="http://schemas.microsoft.com/office/drawing/2014/main" id="{54A31F2C-AA06-F223-5D9E-F3E302803CA5}"/>
                </a:ext>
              </a:extLst>
            </p:cNvPr>
            <p:cNvSpPr>
              <a:spLocks/>
            </p:cNvSpPr>
            <p:nvPr/>
          </p:nvSpPr>
          <p:spPr>
            <a:xfrm>
              <a:off x="6281355" y="2161059"/>
              <a:ext cx="2190658" cy="252000"/>
            </a:xfrm>
            <a:prstGeom prst="roundRect">
              <a:avLst>
                <a:gd name="adj" fmla="val 5714"/>
              </a:avLst>
            </a:prstGeom>
            <a:solidFill>
              <a:srgbClr val="B7E5E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46" name="TextBox 4">
              <a:extLst>
                <a:ext uri="{FF2B5EF4-FFF2-40B4-BE49-F238E27FC236}">
                  <a16:creationId xmlns:a16="http://schemas.microsoft.com/office/drawing/2014/main" id="{EE992A69-F0DE-135C-0896-70A8EC01081E}"/>
                </a:ext>
              </a:extLst>
            </p:cNvPr>
            <p:cNvSpPr txBox="1">
              <a:spLocks/>
            </p:cNvSpPr>
            <p:nvPr/>
          </p:nvSpPr>
          <p:spPr>
            <a:xfrm>
              <a:off x="6579387" y="2172005"/>
              <a:ext cx="1955475" cy="230108"/>
            </a:xfrm>
            <a:prstGeom prst="rect">
              <a:avLst/>
            </a:prstGeom>
            <a:noFill/>
          </p:spPr>
          <p:txBody>
            <a:bodyPr wrap="square" lIns="0" rtlCol="0" anchor="ctr">
              <a:noAutofit/>
            </a:bodyPr>
            <a:lstStyle/>
            <a:p>
              <a:pPr defTabSz="1039203"/>
              <a:r>
                <a:rPr lang="da-DK" sz="700" noProof="0" dirty="0">
                  <a:solidFill>
                    <a:srgbClr val="024D78"/>
                  </a:solidFill>
                  <a:latin typeface="Arial" panose="020B0604020202020204"/>
                </a:rPr>
                <a:t>01 | Strategi og organisation</a:t>
              </a:r>
            </a:p>
          </p:txBody>
        </p:sp>
        <p:sp>
          <p:nvSpPr>
            <p:cNvPr id="47" name="Rektangel: afrundede hjørner 5">
              <a:extLst>
                <a:ext uri="{FF2B5EF4-FFF2-40B4-BE49-F238E27FC236}">
                  <a16:creationId xmlns:a16="http://schemas.microsoft.com/office/drawing/2014/main" id="{944D2925-6F13-12CF-1546-4FC2DFEE0A7D}"/>
                </a:ext>
              </a:extLst>
            </p:cNvPr>
            <p:cNvSpPr>
              <a:spLocks/>
            </p:cNvSpPr>
            <p:nvPr/>
          </p:nvSpPr>
          <p:spPr>
            <a:xfrm>
              <a:off x="6280700" y="3209658"/>
              <a:ext cx="2190658" cy="252000"/>
            </a:xfrm>
            <a:prstGeom prst="roundRect">
              <a:avLst>
                <a:gd name="adj" fmla="val 5714"/>
              </a:avLst>
            </a:prstGeom>
            <a:solidFill>
              <a:srgbClr val="B7E5EE">
                <a:alpha val="2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48" name="Rektangel: afrundede hjørner 9">
              <a:extLst>
                <a:ext uri="{FF2B5EF4-FFF2-40B4-BE49-F238E27FC236}">
                  <a16:creationId xmlns:a16="http://schemas.microsoft.com/office/drawing/2014/main" id="{CF6F9CDE-FF4D-819D-3378-4C0D5713858F}"/>
                </a:ext>
              </a:extLst>
            </p:cNvPr>
            <p:cNvSpPr>
              <a:spLocks/>
            </p:cNvSpPr>
            <p:nvPr/>
          </p:nvSpPr>
          <p:spPr>
            <a:xfrm>
              <a:off x="6281618" y="2861617"/>
              <a:ext cx="2190193" cy="252000"/>
            </a:xfrm>
            <a:prstGeom prst="roundRect">
              <a:avLst>
                <a:gd name="adj" fmla="val 5714"/>
              </a:avLst>
            </a:prstGeom>
            <a:solidFill>
              <a:srgbClr val="B7E5EE">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50" name="Rektangel: afrundede hjørner 39">
              <a:extLst>
                <a:ext uri="{FF2B5EF4-FFF2-40B4-BE49-F238E27FC236}">
                  <a16:creationId xmlns:a16="http://schemas.microsoft.com/office/drawing/2014/main" id="{214D0910-9946-CCF6-EA80-7B785AD80251}"/>
                </a:ext>
              </a:extLst>
            </p:cNvPr>
            <p:cNvSpPr>
              <a:spLocks/>
            </p:cNvSpPr>
            <p:nvPr/>
          </p:nvSpPr>
          <p:spPr>
            <a:xfrm>
              <a:off x="6280700" y="2490331"/>
              <a:ext cx="2190193" cy="252000"/>
            </a:xfrm>
            <a:prstGeom prst="roundRect">
              <a:avLst>
                <a:gd name="adj" fmla="val 5714"/>
              </a:avLst>
            </a:prstGeom>
            <a:solidFill>
              <a:srgbClr val="B7E5EE">
                <a:alpha val="75000"/>
              </a:srgb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51" name="Rektangel: afrundede hjørner 39">
              <a:extLst>
                <a:ext uri="{FF2B5EF4-FFF2-40B4-BE49-F238E27FC236}">
                  <a16:creationId xmlns:a16="http://schemas.microsoft.com/office/drawing/2014/main" id="{159375E8-05E8-01C6-A169-E720B87BBF26}"/>
                </a:ext>
              </a:extLst>
            </p:cNvPr>
            <p:cNvSpPr>
              <a:spLocks/>
            </p:cNvSpPr>
            <p:nvPr/>
          </p:nvSpPr>
          <p:spPr>
            <a:xfrm>
              <a:off x="6281165" y="3562176"/>
              <a:ext cx="2190193" cy="252000"/>
            </a:xfrm>
            <a:prstGeom prst="roundRect">
              <a:avLst>
                <a:gd name="adj" fmla="val 5714"/>
              </a:avLst>
            </a:prstGeom>
            <a:solidFill>
              <a:srgbClr val="B7E5EE">
                <a:alpha val="1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54" name="TextBox 4">
              <a:extLst>
                <a:ext uri="{FF2B5EF4-FFF2-40B4-BE49-F238E27FC236}">
                  <a16:creationId xmlns:a16="http://schemas.microsoft.com/office/drawing/2014/main" id="{1AD2B376-037A-1562-A311-E3E298515CBB}"/>
                </a:ext>
              </a:extLst>
            </p:cNvPr>
            <p:cNvSpPr txBox="1">
              <a:spLocks/>
            </p:cNvSpPr>
            <p:nvPr/>
          </p:nvSpPr>
          <p:spPr>
            <a:xfrm>
              <a:off x="6578922" y="3220604"/>
              <a:ext cx="1955475" cy="230108"/>
            </a:xfrm>
            <a:prstGeom prst="rect">
              <a:avLst/>
            </a:prstGeom>
            <a:noFill/>
          </p:spPr>
          <p:txBody>
            <a:bodyPr wrap="square" lIns="0" rtlCol="0" anchor="ctr">
              <a:noAutofit/>
            </a:bodyPr>
            <a:lstStyle/>
            <a:p>
              <a:pPr defTabSz="1039203"/>
              <a:r>
                <a:rPr lang="da-DK" sz="700" b="1" noProof="0" dirty="0">
                  <a:solidFill>
                    <a:srgbClr val="024D78"/>
                  </a:solidFill>
                  <a:latin typeface="Arial" panose="020B0604020202020204"/>
                </a:rPr>
                <a:t>04 | Indkøb, krav og leverandørsamarbejde</a:t>
              </a:r>
            </a:p>
          </p:txBody>
        </p:sp>
        <p:sp>
          <p:nvSpPr>
            <p:cNvPr id="63" name="TextBox 4">
              <a:extLst>
                <a:ext uri="{FF2B5EF4-FFF2-40B4-BE49-F238E27FC236}">
                  <a16:creationId xmlns:a16="http://schemas.microsoft.com/office/drawing/2014/main" id="{2F3C9322-5BD2-D5AF-2500-025380C1785B}"/>
                </a:ext>
              </a:extLst>
            </p:cNvPr>
            <p:cNvSpPr txBox="1">
              <a:spLocks/>
            </p:cNvSpPr>
            <p:nvPr/>
          </p:nvSpPr>
          <p:spPr>
            <a:xfrm>
              <a:off x="6579387" y="2872563"/>
              <a:ext cx="1955475" cy="230108"/>
            </a:xfrm>
            <a:prstGeom prst="rect">
              <a:avLst/>
            </a:prstGeom>
            <a:noFill/>
          </p:spPr>
          <p:txBody>
            <a:bodyPr wrap="square" lIns="0" rtlCol="0" anchor="ctr">
              <a:noAutofit/>
            </a:bodyPr>
            <a:lstStyle/>
            <a:p>
              <a:pPr defTabSz="1039203"/>
              <a:r>
                <a:rPr lang="da-DK" sz="700" noProof="0" dirty="0">
                  <a:solidFill>
                    <a:srgbClr val="024D78"/>
                  </a:solidFill>
                  <a:latin typeface="Arial" panose="020B0604020202020204"/>
                </a:rPr>
                <a:t>03 | Arkitektur og åbne standarder</a:t>
              </a:r>
            </a:p>
          </p:txBody>
        </p:sp>
        <p:sp>
          <p:nvSpPr>
            <p:cNvPr id="64" name="TextBox 4">
              <a:extLst>
                <a:ext uri="{FF2B5EF4-FFF2-40B4-BE49-F238E27FC236}">
                  <a16:creationId xmlns:a16="http://schemas.microsoft.com/office/drawing/2014/main" id="{E35F0E9D-4BC8-B58C-0985-E65E77567013}"/>
                </a:ext>
              </a:extLst>
            </p:cNvPr>
            <p:cNvSpPr txBox="1">
              <a:spLocks/>
            </p:cNvSpPr>
            <p:nvPr/>
          </p:nvSpPr>
          <p:spPr>
            <a:xfrm>
              <a:off x="6578469" y="2501277"/>
              <a:ext cx="1955475" cy="230108"/>
            </a:xfrm>
            <a:prstGeom prst="rect">
              <a:avLst/>
            </a:prstGeom>
            <a:noFill/>
          </p:spPr>
          <p:txBody>
            <a:bodyPr wrap="square" lIns="0" rtlCol="0" anchor="ctr">
              <a:noAutofit/>
            </a:bodyPr>
            <a:lstStyle/>
            <a:p>
              <a:pPr defTabSz="1039203"/>
              <a:r>
                <a:rPr lang="da-DK" sz="700" b="1" noProof="0" dirty="0">
                  <a:solidFill>
                    <a:srgbClr val="024D78"/>
                  </a:solidFill>
                  <a:latin typeface="Arial" panose="020B0604020202020204"/>
                </a:rPr>
                <a:t>02 | Risikobaseret styring af afhængigheder</a:t>
              </a:r>
            </a:p>
          </p:txBody>
        </p:sp>
        <p:sp>
          <p:nvSpPr>
            <p:cNvPr id="67" name="TextBox 4">
              <a:extLst>
                <a:ext uri="{FF2B5EF4-FFF2-40B4-BE49-F238E27FC236}">
                  <a16:creationId xmlns:a16="http://schemas.microsoft.com/office/drawing/2014/main" id="{261E6E39-35D3-43E9-8B40-4A4E321E3A64}"/>
                </a:ext>
              </a:extLst>
            </p:cNvPr>
            <p:cNvSpPr txBox="1">
              <a:spLocks/>
            </p:cNvSpPr>
            <p:nvPr/>
          </p:nvSpPr>
          <p:spPr>
            <a:xfrm>
              <a:off x="6579387" y="3573122"/>
              <a:ext cx="1955475" cy="230108"/>
            </a:xfrm>
            <a:prstGeom prst="rect">
              <a:avLst/>
            </a:prstGeom>
            <a:noFill/>
          </p:spPr>
          <p:txBody>
            <a:bodyPr wrap="square" lIns="0" rtlCol="0" anchor="ctr">
              <a:noAutofit/>
            </a:bodyPr>
            <a:lstStyle/>
            <a:p>
              <a:pPr defTabSz="1039203"/>
              <a:r>
                <a:rPr lang="da-DK" sz="700" noProof="0" dirty="0">
                  <a:solidFill>
                    <a:srgbClr val="024D78"/>
                  </a:solidFill>
                  <a:latin typeface="Arial" panose="020B0604020202020204"/>
                </a:rPr>
                <a:t>05 | Alternative løsninger</a:t>
              </a:r>
            </a:p>
          </p:txBody>
        </p:sp>
        <p:sp>
          <p:nvSpPr>
            <p:cNvPr id="72" name="Freeform 7">
              <a:extLst>
                <a:ext uri="{FF2B5EF4-FFF2-40B4-BE49-F238E27FC236}">
                  <a16:creationId xmlns:a16="http://schemas.microsoft.com/office/drawing/2014/main" id="{33A6045E-1ECF-77AF-9A9D-24AC589ED15B}"/>
                </a:ext>
              </a:extLst>
            </p:cNvPr>
            <p:cNvSpPr>
              <a:spLocks noEditPoints="1"/>
            </p:cNvSpPr>
            <p:nvPr/>
          </p:nvSpPr>
          <p:spPr bwMode="auto">
            <a:xfrm>
              <a:off x="6353426" y="3250371"/>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grpSp>
          <p:nvGrpSpPr>
            <p:cNvPr id="73" name="Group 72">
              <a:extLst>
                <a:ext uri="{FF2B5EF4-FFF2-40B4-BE49-F238E27FC236}">
                  <a16:creationId xmlns:a16="http://schemas.microsoft.com/office/drawing/2014/main" id="{0B1C099A-BBBA-85F2-C17A-35FB6B441827}"/>
                </a:ext>
              </a:extLst>
            </p:cNvPr>
            <p:cNvGrpSpPr/>
            <p:nvPr/>
          </p:nvGrpSpPr>
          <p:grpSpPr>
            <a:xfrm>
              <a:off x="6345364" y="2912838"/>
              <a:ext cx="193946" cy="152578"/>
              <a:chOff x="8675444" y="2927353"/>
              <a:chExt cx="573087" cy="450850"/>
            </a:xfrm>
            <a:solidFill>
              <a:srgbClr val="024D78"/>
            </a:solidFill>
          </p:grpSpPr>
          <p:sp>
            <p:nvSpPr>
              <p:cNvPr id="81" name="Freeform 257">
                <a:extLst>
                  <a:ext uri="{FF2B5EF4-FFF2-40B4-BE49-F238E27FC236}">
                    <a16:creationId xmlns:a16="http://schemas.microsoft.com/office/drawing/2014/main" id="{17FDD41E-9771-52F0-5618-F486F37435A5}"/>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82" name="Freeform 258">
                <a:extLst>
                  <a:ext uri="{FF2B5EF4-FFF2-40B4-BE49-F238E27FC236}">
                    <a16:creationId xmlns:a16="http://schemas.microsoft.com/office/drawing/2014/main" id="{0B91B63B-BB21-9629-7117-1B75C0235EB1}"/>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83" name="Freeform 259">
                <a:extLst>
                  <a:ext uri="{FF2B5EF4-FFF2-40B4-BE49-F238E27FC236}">
                    <a16:creationId xmlns:a16="http://schemas.microsoft.com/office/drawing/2014/main" id="{3B4ADB0C-C19E-14FF-2572-FE27ABD8BAEA}"/>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grpSp>
        <p:grpSp>
          <p:nvGrpSpPr>
            <p:cNvPr id="75" name="Group 74">
              <a:extLst>
                <a:ext uri="{FF2B5EF4-FFF2-40B4-BE49-F238E27FC236}">
                  <a16:creationId xmlns:a16="http://schemas.microsoft.com/office/drawing/2014/main" id="{1E73F713-B21B-600C-8C94-131DE5DA5157}"/>
                </a:ext>
              </a:extLst>
            </p:cNvPr>
            <p:cNvGrpSpPr/>
            <p:nvPr/>
          </p:nvGrpSpPr>
          <p:grpSpPr>
            <a:xfrm>
              <a:off x="6352025" y="2519193"/>
              <a:ext cx="178788" cy="179199"/>
              <a:chOff x="8695953" y="3768979"/>
              <a:chExt cx="531804" cy="533027"/>
            </a:xfrm>
            <a:solidFill>
              <a:srgbClr val="024D78"/>
            </a:solidFill>
          </p:grpSpPr>
          <p:sp>
            <p:nvSpPr>
              <p:cNvPr id="78" name="Freeform 291">
                <a:extLst>
                  <a:ext uri="{FF2B5EF4-FFF2-40B4-BE49-F238E27FC236}">
                    <a16:creationId xmlns:a16="http://schemas.microsoft.com/office/drawing/2014/main" id="{2137FEA5-6CCC-2584-1CF0-F0BD4C38B1F5}"/>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79" name="Freeform 292">
                <a:extLst>
                  <a:ext uri="{FF2B5EF4-FFF2-40B4-BE49-F238E27FC236}">
                    <a16:creationId xmlns:a16="http://schemas.microsoft.com/office/drawing/2014/main" id="{136C8E1E-92FF-6869-C026-CE75118E33E4}"/>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80" name="Freeform 293">
                <a:extLst>
                  <a:ext uri="{FF2B5EF4-FFF2-40B4-BE49-F238E27FC236}">
                    <a16:creationId xmlns:a16="http://schemas.microsoft.com/office/drawing/2014/main" id="{582408C0-8BA6-D8E0-FEE8-7BE4C0AF42CB}"/>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grpSp>
        <p:sp>
          <p:nvSpPr>
            <p:cNvPr id="76" name="Freeform 25">
              <a:extLst>
                <a:ext uri="{FF2B5EF4-FFF2-40B4-BE49-F238E27FC236}">
                  <a16:creationId xmlns:a16="http://schemas.microsoft.com/office/drawing/2014/main" id="{CB9DD60F-AF28-7894-EC60-C1BF9FBEE84C}"/>
                </a:ext>
              </a:extLst>
            </p:cNvPr>
            <p:cNvSpPr>
              <a:spLocks noEditPoints="1"/>
            </p:cNvSpPr>
            <p:nvPr/>
          </p:nvSpPr>
          <p:spPr bwMode="auto">
            <a:xfrm>
              <a:off x="6336953" y="3594116"/>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77" name="Freeform 17">
              <a:extLst>
                <a:ext uri="{FF2B5EF4-FFF2-40B4-BE49-F238E27FC236}">
                  <a16:creationId xmlns:a16="http://schemas.microsoft.com/office/drawing/2014/main" id="{4EA73DA1-5A44-8B2E-97A7-B636388A5A7B}"/>
                </a:ext>
              </a:extLst>
            </p:cNvPr>
            <p:cNvSpPr>
              <a:spLocks noEditPoints="1"/>
            </p:cNvSpPr>
            <p:nvPr/>
          </p:nvSpPr>
          <p:spPr bwMode="auto">
            <a:xfrm>
              <a:off x="6352866" y="2197783"/>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grpSp>
      <p:sp>
        <p:nvSpPr>
          <p:cNvPr id="29" name="Content Placeholder 5">
            <a:extLst>
              <a:ext uri="{FF2B5EF4-FFF2-40B4-BE49-F238E27FC236}">
                <a16:creationId xmlns:a16="http://schemas.microsoft.com/office/drawing/2014/main" id="{2D2938FE-0F15-CE34-0A5D-AED0D32F47C0}"/>
              </a:ext>
            </a:extLst>
          </p:cNvPr>
          <p:cNvSpPr txBox="1">
            <a:spLocks/>
          </p:cNvSpPr>
          <p:nvPr/>
        </p:nvSpPr>
        <p:spPr>
          <a:xfrm>
            <a:off x="9735002" y="4039476"/>
            <a:ext cx="2134198" cy="234683"/>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defTabSz="203872">
              <a:spcAft>
                <a:spcPts val="300"/>
              </a:spcAft>
            </a:pPr>
            <a:r>
              <a:rPr lang="da-DK" sz="1100" noProof="0" dirty="0">
                <a:solidFill>
                  <a:srgbClr val="36465A"/>
                </a:solidFill>
                <a:latin typeface="Arial" panose="020B0604020202020204"/>
              </a:rPr>
              <a:t>Nøgleerfaringer og </a:t>
            </a:r>
            <a:r>
              <a:rPr lang="da-DK" sz="1100" noProof="0" dirty="0" err="1">
                <a:solidFill>
                  <a:srgbClr val="36465A"/>
                </a:solidFill>
                <a:latin typeface="Arial" panose="020B0604020202020204"/>
              </a:rPr>
              <a:t>læringer</a:t>
            </a:r>
            <a:endParaRPr lang="da-DK" sz="1100" noProof="0" dirty="0">
              <a:solidFill>
                <a:srgbClr val="36465A"/>
              </a:solidFill>
              <a:latin typeface="Arial" panose="020B0604020202020204"/>
            </a:endParaRPr>
          </a:p>
        </p:txBody>
      </p:sp>
      <p:sp>
        <p:nvSpPr>
          <p:cNvPr id="32" name="Content Placeholder 5">
            <a:extLst>
              <a:ext uri="{FF2B5EF4-FFF2-40B4-BE49-F238E27FC236}">
                <a16:creationId xmlns:a16="http://schemas.microsoft.com/office/drawing/2014/main" id="{964833BB-2C46-B72F-3037-05684B86D8AC}"/>
              </a:ext>
            </a:extLst>
          </p:cNvPr>
          <p:cNvSpPr txBox="1">
            <a:spLocks/>
          </p:cNvSpPr>
          <p:nvPr/>
        </p:nvSpPr>
        <p:spPr>
          <a:xfrm>
            <a:off x="9739700" y="4322083"/>
            <a:ext cx="2129501" cy="2026762"/>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33" indent="-171433" defTabSz="914309" eaLnBrk="0" fontAlgn="base" hangingPunct="0">
              <a:spcBef>
                <a:spcPct val="0"/>
              </a:spcBef>
              <a:spcAft>
                <a:spcPct val="0"/>
              </a:spcAft>
              <a:buFont typeface="Wingdings" panose="05000000000000000000" pitchFamily="2" charset="2"/>
              <a:buChar char="ü"/>
            </a:pPr>
            <a:r>
              <a:rPr lang="da-DK" sz="900" noProof="0" dirty="0">
                <a:solidFill>
                  <a:srgbClr val="000000"/>
                </a:solidFill>
                <a:latin typeface="Arial" panose="020B0604020202020204"/>
              </a:rPr>
              <a:t>Fokus på kerneforretningen</a:t>
            </a:r>
            <a:br>
              <a:rPr lang="da-DK" sz="900" noProof="0" dirty="0">
                <a:solidFill>
                  <a:srgbClr val="000000"/>
                </a:solidFill>
                <a:latin typeface="Arial" panose="020B0604020202020204"/>
              </a:rPr>
            </a:br>
            <a:r>
              <a:rPr lang="da-DK" sz="900" b="0" noProof="0" dirty="0">
                <a:solidFill>
                  <a:srgbClr val="000000"/>
                </a:solidFill>
                <a:latin typeface="Arial" panose="020B0604020202020204"/>
              </a:rPr>
              <a:t>Bankerne kan fokusere på kerneopgaven, mens teknologidriften håndteres centralt af Bankdata, hvilket især er en fordel for mindre organisationer uden store it-afdelinger.</a:t>
            </a:r>
          </a:p>
          <a:p>
            <a:pPr marL="171433" indent="-171433" defTabSz="914309" eaLnBrk="0" fontAlgn="base" hangingPunct="0">
              <a:spcBef>
                <a:spcPct val="0"/>
              </a:spcBef>
              <a:spcAft>
                <a:spcPct val="0"/>
              </a:spcAft>
              <a:buFont typeface="Wingdings" panose="05000000000000000000" pitchFamily="2" charset="2"/>
              <a:buChar char="ü"/>
            </a:pPr>
            <a:endParaRPr lang="da-DK" sz="900" b="0" noProof="0" dirty="0">
              <a:solidFill>
                <a:srgbClr val="000000"/>
              </a:solidFill>
              <a:latin typeface="Arial" panose="020B0604020202020204"/>
            </a:endParaRPr>
          </a:p>
          <a:p>
            <a:pPr marL="171433" indent="-171433" defTabSz="914309" eaLnBrk="0" fontAlgn="base" hangingPunct="0">
              <a:spcBef>
                <a:spcPct val="0"/>
              </a:spcBef>
              <a:spcAft>
                <a:spcPct val="0"/>
              </a:spcAft>
              <a:buFont typeface="Wingdings" panose="05000000000000000000" pitchFamily="2" charset="2"/>
              <a:buChar char="ü"/>
            </a:pPr>
            <a:r>
              <a:rPr lang="da-DK" sz="900" noProof="0" dirty="0">
                <a:solidFill>
                  <a:srgbClr val="00172D"/>
                </a:solidFill>
                <a:latin typeface="Arial" panose="020B0604020202020204"/>
              </a:rPr>
              <a:t>Alternativer skaber styrke</a:t>
            </a:r>
            <a:br>
              <a:rPr lang="da-DK" sz="900" noProof="0" dirty="0">
                <a:solidFill>
                  <a:srgbClr val="00172D"/>
                </a:solidFill>
                <a:latin typeface="Arial" panose="020B0604020202020204"/>
              </a:rPr>
            </a:br>
            <a:r>
              <a:rPr lang="da-DK" sz="900" b="0" noProof="0" dirty="0">
                <a:solidFill>
                  <a:srgbClr val="00172D"/>
                </a:solidFill>
                <a:latin typeface="Arial" panose="020B0604020202020204"/>
              </a:rPr>
              <a:t>At have open source som </a:t>
            </a:r>
            <a:r>
              <a:rPr lang="da-DK" sz="900" b="0" noProof="0" dirty="0" err="1">
                <a:solidFill>
                  <a:srgbClr val="00172D"/>
                </a:solidFill>
                <a:latin typeface="Arial" panose="020B0604020202020204"/>
              </a:rPr>
              <a:t>fallback</a:t>
            </a:r>
            <a:r>
              <a:rPr lang="da-DK" sz="900" b="0" noProof="0" dirty="0">
                <a:solidFill>
                  <a:srgbClr val="00172D"/>
                </a:solidFill>
                <a:latin typeface="Arial" panose="020B0604020202020204"/>
              </a:rPr>
              <a:t> giver både teknologisk fleksibilitet og kommerciel forhandlingskraft. </a:t>
            </a:r>
            <a:endParaRPr lang="da-DK" sz="900" noProof="0" dirty="0">
              <a:solidFill>
                <a:srgbClr val="00172D"/>
              </a:solidFill>
              <a:latin typeface="Arial" panose="020B0604020202020204"/>
            </a:endParaRPr>
          </a:p>
          <a:p>
            <a:pPr marL="171433" indent="-171433" defTabSz="203872">
              <a:spcAft>
                <a:spcPts val="300"/>
              </a:spcAft>
              <a:buFont typeface="Arial" panose="020B0604020202020204" pitchFamily="34" charset="0"/>
              <a:buChar char="•"/>
            </a:pPr>
            <a:endParaRPr lang="da-DK" sz="900" noProof="0" dirty="0">
              <a:solidFill>
                <a:srgbClr val="000000"/>
              </a:solidFill>
              <a:latin typeface="Arial" panose="020B0604020202020204"/>
            </a:endParaRPr>
          </a:p>
          <a:p>
            <a:pPr marL="171433" indent="-171433" defTabSz="203872">
              <a:spcAft>
                <a:spcPts val="300"/>
              </a:spcAft>
              <a:buFont typeface="Arial" panose="020B0604020202020204" pitchFamily="34" charset="0"/>
              <a:buChar char="•"/>
            </a:pPr>
            <a:endParaRPr lang="da-DK" sz="900" b="0" noProof="0" dirty="0">
              <a:solidFill>
                <a:srgbClr val="000000"/>
              </a:solidFill>
              <a:latin typeface="Arial" panose="020B0604020202020204"/>
            </a:endParaRPr>
          </a:p>
        </p:txBody>
      </p:sp>
      <p:sp>
        <p:nvSpPr>
          <p:cNvPr id="84" name="Rectangle 83">
            <a:extLst>
              <a:ext uri="{FF2B5EF4-FFF2-40B4-BE49-F238E27FC236}">
                <a16:creationId xmlns:a16="http://schemas.microsoft.com/office/drawing/2014/main" id="{32E6BE12-1A57-71D9-2586-9FAA07B16146}"/>
              </a:ext>
              <a:ext uri="{C183D7F6-B498-43B3-948B-1728B52AA6E4}">
                <adec:decorative xmlns:adec="http://schemas.microsoft.com/office/drawing/2017/decorative" val="1"/>
              </a:ext>
            </a:extLst>
          </p:cNvPr>
          <p:cNvSpPr>
            <a:spLocks/>
          </p:cNvSpPr>
          <p:nvPr/>
        </p:nvSpPr>
        <p:spPr>
          <a:xfrm>
            <a:off x="9692971" y="2137274"/>
            <a:ext cx="2277690" cy="312137"/>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900" noProof="0" dirty="0">
              <a:solidFill>
                <a:srgbClr val="FFFFFF"/>
              </a:solidFill>
              <a:latin typeface="Arial" panose="020B0604020202020204"/>
            </a:endParaRPr>
          </a:p>
        </p:txBody>
      </p:sp>
      <p:sp>
        <p:nvSpPr>
          <p:cNvPr id="85" name="Rectangle 84">
            <a:extLst>
              <a:ext uri="{FF2B5EF4-FFF2-40B4-BE49-F238E27FC236}">
                <a16:creationId xmlns:a16="http://schemas.microsoft.com/office/drawing/2014/main" id="{0883856E-CD52-C4BB-C103-50CF81ED3115}"/>
              </a:ext>
              <a:ext uri="{C183D7F6-B498-43B3-948B-1728B52AA6E4}">
                <adec:decorative xmlns:adec="http://schemas.microsoft.com/office/drawing/2017/decorative" val="1"/>
              </a:ext>
            </a:extLst>
          </p:cNvPr>
          <p:cNvSpPr>
            <a:spLocks/>
          </p:cNvSpPr>
          <p:nvPr/>
        </p:nvSpPr>
        <p:spPr>
          <a:xfrm>
            <a:off x="9685734" y="2845072"/>
            <a:ext cx="2277690" cy="312137"/>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900" noProof="0" dirty="0">
              <a:solidFill>
                <a:srgbClr val="FFFFFF"/>
              </a:solidFill>
              <a:latin typeface="Arial" panose="020B0604020202020204"/>
            </a:endParaRPr>
          </a:p>
        </p:txBody>
      </p:sp>
      <p:sp>
        <p:nvSpPr>
          <p:cNvPr id="93" name="Rectangle 92">
            <a:extLst>
              <a:ext uri="{FF2B5EF4-FFF2-40B4-BE49-F238E27FC236}">
                <a16:creationId xmlns:a16="http://schemas.microsoft.com/office/drawing/2014/main" id="{E659ADF0-ADFB-0C21-6040-A4AFEDB4B595}"/>
              </a:ext>
              <a:ext uri="{C183D7F6-B498-43B3-948B-1728B52AA6E4}">
                <adec:decorative xmlns:adec="http://schemas.microsoft.com/office/drawing/2017/decorative" val="1"/>
              </a:ext>
            </a:extLst>
          </p:cNvPr>
          <p:cNvSpPr>
            <a:spLocks/>
          </p:cNvSpPr>
          <p:nvPr/>
        </p:nvSpPr>
        <p:spPr>
          <a:xfrm>
            <a:off x="9653841" y="3558579"/>
            <a:ext cx="2277690" cy="312137"/>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900" noProof="0" dirty="0">
              <a:solidFill>
                <a:srgbClr val="FFFFFF"/>
              </a:solidFill>
              <a:latin typeface="Arial" panose="020B0604020202020204"/>
            </a:endParaRPr>
          </a:p>
        </p:txBody>
      </p:sp>
      <p:pic>
        <p:nvPicPr>
          <p:cNvPr id="86" name="Billede 85">
            <a:extLst>
              <a:ext uri="{FF2B5EF4-FFF2-40B4-BE49-F238E27FC236}">
                <a16:creationId xmlns:a16="http://schemas.microsoft.com/office/drawing/2014/main" id="{5C30E155-AF0E-F54C-425F-3926315B1FC1}"/>
              </a:ext>
              <a:ext uri="{C183D7F6-B498-43B3-948B-1728B52AA6E4}">
                <adec:decorative xmlns:adec="http://schemas.microsoft.com/office/drawing/2017/decorative" val="1"/>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9625237" y="194715"/>
            <a:ext cx="2353728" cy="835453"/>
          </a:xfrm>
          <a:prstGeom prst="rect">
            <a:avLst/>
          </a:prstGeom>
        </p:spPr>
      </p:pic>
    </p:spTree>
    <p:extLst>
      <p:ext uri="{BB962C8B-B14F-4D97-AF65-F5344CB8AC3E}">
        <p14:creationId xmlns:p14="http://schemas.microsoft.com/office/powerpoint/2010/main" val="3050042575"/>
      </p:ext>
    </p:extLst>
  </p:cSld>
  <p:clrMapOvr>
    <a:masterClrMapping/>
  </p:clrMapOvr>
  <p:transition>
    <p:fade/>
  </p:transition>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0D2F6C-3A6C-305F-64FD-F3501A749E4E}"/>
            </a:ext>
          </a:extLst>
        </p:cNvPr>
        <p:cNvGrpSpPr/>
        <p:nvPr/>
      </p:nvGrpSpPr>
      <p:grpSpPr>
        <a:xfrm>
          <a:off x="0" y="0"/>
          <a:ext cx="0" cy="0"/>
          <a:chOff x="0" y="0"/>
          <a:chExt cx="0" cy="0"/>
        </a:xfrm>
      </p:grpSpPr>
      <p:sp>
        <p:nvSpPr>
          <p:cNvPr id="15" name="Rectangle: Rounded Corners 14">
            <a:extLst>
              <a:ext uri="{FF2B5EF4-FFF2-40B4-BE49-F238E27FC236}">
                <a16:creationId xmlns:a16="http://schemas.microsoft.com/office/drawing/2014/main" id="{C1032CAD-A340-FA75-05BC-E2D4ADE19EE2}"/>
              </a:ext>
            </a:extLst>
          </p:cNvPr>
          <p:cNvSpPr/>
          <p:nvPr/>
        </p:nvSpPr>
        <p:spPr>
          <a:xfrm>
            <a:off x="169477" y="11834"/>
            <a:ext cx="8203337" cy="562973"/>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1600" b="1" noProof="0" dirty="0">
                <a:solidFill>
                  <a:srgbClr val="36465A"/>
                </a:solidFill>
                <a:latin typeface="Arial" panose="020B0604020202020204"/>
              </a:rPr>
              <a:t>Case 15 | Øget digital suverænitet via hybridmiljøer og open source-løsninger</a:t>
            </a:r>
          </a:p>
        </p:txBody>
      </p:sp>
      <p:sp>
        <p:nvSpPr>
          <p:cNvPr id="24" name="Rectangle: Rounded Corners 23">
            <a:extLst>
              <a:ext uri="{FF2B5EF4-FFF2-40B4-BE49-F238E27FC236}">
                <a16:creationId xmlns:a16="http://schemas.microsoft.com/office/drawing/2014/main" id="{18A0EE6A-CEB2-F433-1DB3-B4BD0B5063E2}"/>
              </a:ext>
              <a:ext uri="{C183D7F6-B498-43B3-948B-1728B52AA6E4}">
                <adec:decorative xmlns:adec="http://schemas.microsoft.com/office/drawing/2017/decorative" val="1"/>
              </a:ext>
            </a:extLst>
          </p:cNvPr>
          <p:cNvSpPr/>
          <p:nvPr/>
        </p:nvSpPr>
        <p:spPr>
          <a:xfrm>
            <a:off x="6644673" y="1703300"/>
            <a:ext cx="5341075" cy="4607867"/>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2" name="Title 1">
            <a:extLst>
              <a:ext uri="{FF2B5EF4-FFF2-40B4-BE49-F238E27FC236}">
                <a16:creationId xmlns:a16="http://schemas.microsoft.com/office/drawing/2014/main" id="{6128BE11-A0C5-6129-BEC8-2481DBFE1251}"/>
              </a:ext>
            </a:extLst>
          </p:cNvPr>
          <p:cNvSpPr>
            <a:spLocks noGrp="1"/>
          </p:cNvSpPr>
          <p:nvPr>
            <p:ph type="title"/>
          </p:nvPr>
        </p:nvSpPr>
        <p:spPr/>
        <p:txBody>
          <a:bodyPr/>
          <a:lstStyle/>
          <a:p>
            <a:r>
              <a:rPr lang="da-DK" sz="2199" noProof="0" dirty="0"/>
              <a:t>Side 2/3 | </a:t>
            </a:r>
            <a:r>
              <a:rPr lang="da-DK" sz="2199" b="1" noProof="0" dirty="0"/>
              <a:t>Formål, baggrund og kontekst</a:t>
            </a:r>
          </a:p>
        </p:txBody>
      </p:sp>
      <p:sp>
        <p:nvSpPr>
          <p:cNvPr id="10" name="Rectangle: Rounded Corners 9">
            <a:extLst>
              <a:ext uri="{FF2B5EF4-FFF2-40B4-BE49-F238E27FC236}">
                <a16:creationId xmlns:a16="http://schemas.microsoft.com/office/drawing/2014/main" id="{AB083D81-862A-5041-3D6A-0DD93473FAF0}"/>
              </a:ext>
            </a:extLst>
          </p:cNvPr>
          <p:cNvSpPr>
            <a:spLocks/>
          </p:cNvSpPr>
          <p:nvPr/>
        </p:nvSpPr>
        <p:spPr>
          <a:xfrm>
            <a:off x="909839" y="1675957"/>
            <a:ext cx="2383803" cy="395989"/>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1100" b="1" noProof="0" dirty="0">
                <a:solidFill>
                  <a:srgbClr val="36465A"/>
                </a:solidFill>
                <a:latin typeface="Arial" panose="020B0604020202020204"/>
              </a:rPr>
              <a:t>Formål og strategi </a:t>
            </a:r>
          </a:p>
        </p:txBody>
      </p:sp>
      <p:sp>
        <p:nvSpPr>
          <p:cNvPr id="3" name="Rectangle 2">
            <a:extLst>
              <a:ext uri="{FF2B5EF4-FFF2-40B4-BE49-F238E27FC236}">
                <a16:creationId xmlns:a16="http://schemas.microsoft.com/office/drawing/2014/main" id="{DF6AC13C-9109-56BA-51CF-01BFE8830FCC}"/>
              </a:ext>
            </a:extLst>
          </p:cNvPr>
          <p:cNvSpPr/>
          <p:nvPr/>
        </p:nvSpPr>
        <p:spPr>
          <a:xfrm>
            <a:off x="560659" y="2069064"/>
            <a:ext cx="2940404" cy="42421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defTabSz="1039203"/>
            <a:r>
              <a:rPr lang="da-DK" sz="900" b="1" noProof="0" dirty="0">
                <a:solidFill>
                  <a:srgbClr val="36465A"/>
                </a:solidFill>
                <a:latin typeface="Arial" panose="020B0604020202020204"/>
                <a:sym typeface="Wingdings" panose="05000000000000000000" pitchFamily="2" charset="2"/>
              </a:rPr>
              <a:t>Formål</a:t>
            </a:r>
          </a:p>
          <a:p>
            <a:pPr defTabSz="1039203"/>
            <a:r>
              <a:rPr lang="da-DK" sz="900" noProof="0" dirty="0">
                <a:solidFill>
                  <a:srgbClr val="000000"/>
                </a:solidFill>
                <a:latin typeface="Arial" panose="020B0604020202020204"/>
                <a:sym typeface="Wingdings" panose="05000000000000000000" pitchFamily="2" charset="2"/>
              </a:rPr>
              <a:t>Formålet med Bankdatas strategiske positionering og den samlede digitale transformation har eksplicit været at styrke Bankdatas digitale handlefrihed ved at reducere afhængighed af enkeltleverandører og sikre robuste teknologiske exit‑muligheder på tværs af centrale it‑platforme. </a:t>
            </a:r>
          </a:p>
          <a:p>
            <a:pPr defTabSz="1039203"/>
            <a:endParaRPr lang="da-DK" sz="900" noProof="0" dirty="0">
              <a:solidFill>
                <a:srgbClr val="000000"/>
              </a:solidFill>
              <a:latin typeface="Arial" panose="020B0604020202020204"/>
              <a:sym typeface="Wingdings" panose="05000000000000000000" pitchFamily="2" charset="2"/>
            </a:endParaRPr>
          </a:p>
          <a:p>
            <a:pPr defTabSz="1039203"/>
            <a:r>
              <a:rPr lang="da-DK" sz="900" b="1" noProof="0" dirty="0">
                <a:solidFill>
                  <a:srgbClr val="36465A"/>
                </a:solidFill>
                <a:latin typeface="Arial" panose="020B0604020202020204"/>
                <a:sym typeface="Wingdings" panose="05000000000000000000" pitchFamily="2" charset="2"/>
              </a:rPr>
              <a:t>Strategisk ophæng</a:t>
            </a:r>
          </a:p>
          <a:p>
            <a:pPr defTabSz="1039203"/>
            <a:r>
              <a:rPr lang="da-DK" sz="900" noProof="0" dirty="0">
                <a:solidFill>
                  <a:srgbClr val="000000"/>
                </a:solidFill>
                <a:latin typeface="Arial" panose="020B0604020202020204"/>
                <a:sym typeface="Wingdings" panose="05000000000000000000" pitchFamily="2" charset="2"/>
              </a:rPr>
              <a:t>Digital suverænitet er sammen med it-arkitektur og teknologistrategi forankret på direktionsniveau via en CTO-rolle. Den samlede teknologistrategi og prioriteringen for digital suverænitet er afspejlet i 10 teknologiprincipper, som er styrende for teknologi- og arkitekturvalg, jf. figuren til højre. Det betyder især:</a:t>
            </a:r>
          </a:p>
          <a:p>
            <a:pPr defTabSz="1039203"/>
            <a:endParaRPr lang="da-DK" sz="900" noProof="0" dirty="0">
              <a:solidFill>
                <a:srgbClr val="000000"/>
              </a:solidFill>
              <a:latin typeface="Arial" panose="020B0604020202020204"/>
              <a:sym typeface="Wingdings" panose="05000000000000000000" pitchFamily="2" charset="2"/>
            </a:endParaRPr>
          </a:p>
          <a:p>
            <a:pPr marL="171433" indent="-171433" defTabSz="1039203">
              <a:spcAft>
                <a:spcPts val="350"/>
              </a:spcAft>
              <a:buFont typeface="Arial" panose="020B0604020202020204" pitchFamily="34" charset="0"/>
              <a:buChar char="•"/>
              <a:defRPr/>
            </a:pPr>
            <a:r>
              <a:rPr lang="da-DK" sz="900" b="1" noProof="0" dirty="0">
                <a:solidFill>
                  <a:srgbClr val="000000"/>
                </a:solidFill>
                <a:latin typeface="Arial" panose="020B0604020202020204"/>
                <a:sym typeface="Wingdings" panose="05000000000000000000" pitchFamily="2" charset="2"/>
              </a:rPr>
              <a:t>Fokus på </a:t>
            </a:r>
            <a:r>
              <a:rPr lang="da-DK" sz="900" b="1" noProof="0" dirty="0" err="1">
                <a:solidFill>
                  <a:srgbClr val="000000"/>
                </a:solidFill>
                <a:latin typeface="Arial" panose="020B0604020202020204"/>
                <a:sym typeface="Wingdings" panose="05000000000000000000" pitchFamily="2" charset="2"/>
              </a:rPr>
              <a:t>egenudvikling</a:t>
            </a:r>
            <a:r>
              <a:rPr lang="da-DK" sz="900" b="1" noProof="0" dirty="0">
                <a:solidFill>
                  <a:srgbClr val="000000"/>
                </a:solidFill>
                <a:latin typeface="Arial" panose="020B0604020202020204"/>
                <a:sym typeface="Wingdings" panose="05000000000000000000" pitchFamily="2" charset="2"/>
              </a:rPr>
              <a:t> som alternativ </a:t>
            </a:r>
            <a:r>
              <a:rPr lang="da-DK" sz="900" noProof="0" dirty="0">
                <a:solidFill>
                  <a:srgbClr val="000000"/>
                </a:solidFill>
                <a:latin typeface="Arial" panose="020B0604020202020204"/>
                <a:sym typeface="Wingdings" panose="05000000000000000000" pitchFamily="2" charset="2"/>
              </a:rPr>
              <a:t>– især ifm. kunderettede applikationer og services </a:t>
            </a:r>
          </a:p>
          <a:p>
            <a:pPr marL="171433" indent="-171433" defTabSz="1039203">
              <a:spcAft>
                <a:spcPts val="350"/>
              </a:spcAft>
              <a:buFont typeface="Arial" panose="020B0604020202020204" pitchFamily="34" charset="0"/>
              <a:buChar char="•"/>
              <a:defRPr/>
            </a:pPr>
            <a:r>
              <a:rPr lang="da-DK" sz="900" b="1" noProof="0" dirty="0">
                <a:solidFill>
                  <a:srgbClr val="000000"/>
                </a:solidFill>
                <a:latin typeface="Arial" panose="020B0604020202020204"/>
                <a:sym typeface="Wingdings" panose="05000000000000000000" pitchFamily="2" charset="2"/>
              </a:rPr>
              <a:t>OSS foretrækkes</a:t>
            </a:r>
            <a:r>
              <a:rPr lang="da-DK" sz="900" noProof="0" dirty="0">
                <a:solidFill>
                  <a:srgbClr val="000000"/>
                </a:solidFill>
                <a:latin typeface="Arial" panose="020B0604020202020204"/>
                <a:sym typeface="Wingdings" panose="05000000000000000000" pitchFamily="2" charset="2"/>
              </a:rPr>
              <a:t>, men der anvendes også </a:t>
            </a:r>
            <a:r>
              <a:rPr lang="da-DK" sz="900" noProof="0" dirty="0" err="1">
                <a:solidFill>
                  <a:srgbClr val="000000"/>
                </a:solidFill>
                <a:latin typeface="Arial" panose="020B0604020202020204"/>
                <a:sym typeface="Wingdings" panose="05000000000000000000" pitchFamily="2" charset="2"/>
              </a:rPr>
              <a:t>proprietære</a:t>
            </a:r>
            <a:r>
              <a:rPr lang="da-DK" sz="900" noProof="0" dirty="0">
                <a:solidFill>
                  <a:srgbClr val="000000"/>
                </a:solidFill>
                <a:latin typeface="Arial" panose="020B0604020202020204"/>
                <a:sym typeface="Wingdings" panose="05000000000000000000" pitchFamily="2" charset="2"/>
              </a:rPr>
              <a:t> </a:t>
            </a:r>
            <a:r>
              <a:rPr lang="da-DK" sz="900" noProof="0" dirty="0" err="1">
                <a:solidFill>
                  <a:srgbClr val="000000"/>
                </a:solidFill>
                <a:latin typeface="Arial" panose="020B0604020202020204"/>
                <a:sym typeface="Wingdings" panose="05000000000000000000" pitchFamily="2" charset="2"/>
              </a:rPr>
              <a:t>closed</a:t>
            </a:r>
            <a:r>
              <a:rPr lang="da-DK" sz="900" noProof="0" dirty="0">
                <a:solidFill>
                  <a:srgbClr val="000000"/>
                </a:solidFill>
                <a:latin typeface="Arial" panose="020B0604020202020204"/>
                <a:sym typeface="Wingdings" panose="05000000000000000000" pitchFamily="2" charset="2"/>
              </a:rPr>
              <a:t> source-løsninger, fx til kontorpakke og interne systemer. Flere open source-løsninger er såkaldte ”</a:t>
            </a:r>
            <a:r>
              <a:rPr lang="da-DK" sz="900" noProof="0" dirty="0" err="1">
                <a:solidFill>
                  <a:srgbClr val="000000"/>
                </a:solidFill>
                <a:latin typeface="Arial" panose="020B0604020202020204"/>
                <a:sym typeface="Wingdings" panose="05000000000000000000" pitchFamily="2" charset="2"/>
              </a:rPr>
              <a:t>managed</a:t>
            </a:r>
            <a:r>
              <a:rPr lang="da-DK" sz="900" noProof="0" dirty="0">
                <a:solidFill>
                  <a:srgbClr val="000000"/>
                </a:solidFill>
                <a:latin typeface="Arial" panose="020B0604020202020204"/>
                <a:sym typeface="Wingdings" panose="05000000000000000000" pitchFamily="2" charset="2"/>
              </a:rPr>
              <a:t> services”, hvor Bankdata får en standardløsning med licens og support, der nemt kan hjemtages, eller hvor leverandøren kan udskiftes.</a:t>
            </a:r>
          </a:p>
          <a:p>
            <a:pPr marL="171433" indent="-171433" defTabSz="1039203">
              <a:spcAft>
                <a:spcPts val="350"/>
              </a:spcAft>
              <a:buFont typeface="Arial" panose="020B0604020202020204" pitchFamily="34" charset="0"/>
              <a:buChar char="•"/>
              <a:defRPr/>
            </a:pPr>
            <a:r>
              <a:rPr lang="da-DK" sz="900" b="1" noProof="0" dirty="0">
                <a:solidFill>
                  <a:srgbClr val="000000"/>
                </a:solidFill>
                <a:latin typeface="Arial" panose="020B0604020202020204"/>
                <a:sym typeface="Wingdings" panose="05000000000000000000" pitchFamily="2" charset="2"/>
              </a:rPr>
              <a:t>Public cloud foretrækkes</a:t>
            </a:r>
            <a:r>
              <a:rPr lang="da-DK" sz="900" noProof="0" dirty="0">
                <a:solidFill>
                  <a:srgbClr val="000000"/>
                </a:solidFill>
                <a:latin typeface="Arial" panose="020B0604020202020204"/>
                <a:sym typeface="Wingdings" panose="05000000000000000000" pitchFamily="2" charset="2"/>
              </a:rPr>
              <a:t>, men skal anvendes sikkert og kontrolleret.</a:t>
            </a:r>
          </a:p>
          <a:p>
            <a:pPr marL="171433" indent="-171433" defTabSz="1039203">
              <a:spcAft>
                <a:spcPts val="350"/>
              </a:spcAft>
              <a:buFont typeface="Arial" panose="020B0604020202020204" pitchFamily="34" charset="0"/>
              <a:buChar char="•"/>
              <a:defRPr/>
            </a:pPr>
            <a:r>
              <a:rPr lang="da-DK" sz="900" b="1" noProof="0" dirty="0">
                <a:solidFill>
                  <a:srgbClr val="000000"/>
                </a:solidFill>
                <a:latin typeface="Arial" panose="020B0604020202020204"/>
                <a:sym typeface="Wingdings" panose="05000000000000000000" pitchFamily="2" charset="2"/>
              </a:rPr>
              <a:t>Transparens vægtes højt</a:t>
            </a:r>
            <a:r>
              <a:rPr lang="da-DK" sz="900" noProof="0" dirty="0">
                <a:solidFill>
                  <a:srgbClr val="000000"/>
                </a:solidFill>
                <a:latin typeface="Arial" panose="020B0604020202020204"/>
                <a:sym typeface="Wingdings" panose="05000000000000000000" pitchFamily="2" charset="2"/>
              </a:rPr>
              <a:t>, herunder it-økonomi og kontrakter.</a:t>
            </a:r>
          </a:p>
          <a:p>
            <a:pPr defTabSz="1039203"/>
            <a:r>
              <a:rPr lang="da-DK" sz="900" b="1" noProof="0" dirty="0">
                <a:solidFill>
                  <a:srgbClr val="000000"/>
                </a:solidFill>
                <a:latin typeface="Arial" panose="020B0604020202020204"/>
              </a:rPr>
              <a:t> </a:t>
            </a:r>
          </a:p>
        </p:txBody>
      </p:sp>
      <p:sp>
        <p:nvSpPr>
          <p:cNvPr id="11" name="Rectangle: Rounded Corners 10">
            <a:extLst>
              <a:ext uri="{FF2B5EF4-FFF2-40B4-BE49-F238E27FC236}">
                <a16:creationId xmlns:a16="http://schemas.microsoft.com/office/drawing/2014/main" id="{9A4C5A42-246F-0BAF-07BB-AF57154F7CF6}"/>
              </a:ext>
            </a:extLst>
          </p:cNvPr>
          <p:cNvSpPr>
            <a:spLocks/>
          </p:cNvSpPr>
          <p:nvPr/>
        </p:nvSpPr>
        <p:spPr>
          <a:xfrm>
            <a:off x="3992030" y="1675957"/>
            <a:ext cx="2483563" cy="395989"/>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1100" b="1" noProof="0" dirty="0">
                <a:solidFill>
                  <a:srgbClr val="36465A"/>
                </a:solidFill>
                <a:latin typeface="Arial" panose="020B0604020202020204"/>
              </a:rPr>
              <a:t>Baggrund og kontekst</a:t>
            </a:r>
          </a:p>
        </p:txBody>
      </p:sp>
      <p:sp>
        <p:nvSpPr>
          <p:cNvPr id="5" name="Rectangle 4">
            <a:extLst>
              <a:ext uri="{FF2B5EF4-FFF2-40B4-BE49-F238E27FC236}">
                <a16:creationId xmlns:a16="http://schemas.microsoft.com/office/drawing/2014/main" id="{CEEA76B0-70AE-D422-39C1-1558EDD052B9}"/>
              </a:ext>
            </a:extLst>
          </p:cNvPr>
          <p:cNvSpPr/>
          <p:nvPr/>
        </p:nvSpPr>
        <p:spPr>
          <a:xfrm>
            <a:off x="3565493" y="2069065"/>
            <a:ext cx="2938943" cy="450582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Ins="35999"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defTabSz="1039203"/>
            <a:r>
              <a:rPr lang="da-DK" sz="900" b="1" noProof="0" dirty="0">
                <a:solidFill>
                  <a:srgbClr val="36465A"/>
                </a:solidFill>
                <a:latin typeface="Arial" panose="020B0604020202020204"/>
              </a:rPr>
              <a:t>Baggrund</a:t>
            </a:r>
          </a:p>
          <a:p>
            <a:pPr defTabSz="1039203"/>
            <a:r>
              <a:rPr lang="da-DK" sz="900" noProof="0" dirty="0">
                <a:solidFill>
                  <a:srgbClr val="000000"/>
                </a:solidFill>
                <a:latin typeface="Arial" panose="020B0604020202020204"/>
                <a:sym typeface="Wingdings" panose="05000000000000000000" pitchFamily="2" charset="2"/>
              </a:rPr>
              <a:t>Bankdatas fokus på digital suverænitet er udsprunget af et mangeårigt strategisk fokus på at skabe en mere åben og fleksibel it-arkitektur frem for en situation, hvor leverandører sidder tungt på løsninger og infrastruktur.</a:t>
            </a:r>
          </a:p>
          <a:p>
            <a:pPr defTabSz="1039203"/>
            <a:endParaRPr lang="da-DK" sz="900" noProof="0" dirty="0">
              <a:solidFill>
                <a:srgbClr val="000000"/>
              </a:solidFill>
              <a:latin typeface="Arial" panose="020B0604020202020204"/>
              <a:sym typeface="Wingdings" panose="05000000000000000000" pitchFamily="2" charset="2"/>
            </a:endParaRPr>
          </a:p>
          <a:p>
            <a:pPr defTabSz="1039203"/>
            <a:r>
              <a:rPr lang="da-DK" sz="900" noProof="0" dirty="0">
                <a:solidFill>
                  <a:srgbClr val="000000"/>
                </a:solidFill>
                <a:latin typeface="Arial" panose="020B0604020202020204"/>
                <a:sym typeface="Wingdings" panose="05000000000000000000" pitchFamily="2" charset="2"/>
              </a:rPr>
              <a:t>Bankdata ønskede således at gøre op med en usund monopolistisk prisdannelse og manglende på konkurrence ved at gennemføre en række forskellige initiativer over tid. </a:t>
            </a:r>
          </a:p>
          <a:p>
            <a:pPr defTabSz="1039203"/>
            <a:endParaRPr lang="da-DK" sz="900" noProof="0" dirty="0">
              <a:solidFill>
                <a:srgbClr val="000000"/>
              </a:solidFill>
              <a:latin typeface="Arial" panose="020B0604020202020204"/>
              <a:sym typeface="Wingdings" panose="05000000000000000000" pitchFamily="2" charset="2"/>
            </a:endParaRPr>
          </a:p>
          <a:p>
            <a:pPr defTabSz="1039203"/>
            <a:r>
              <a:rPr lang="da-DK" sz="900" b="1" noProof="0" dirty="0">
                <a:solidFill>
                  <a:srgbClr val="36465A"/>
                </a:solidFill>
                <a:latin typeface="Arial" panose="020B0604020202020204"/>
              </a:rPr>
              <a:t>Kontekst</a:t>
            </a:r>
          </a:p>
          <a:p>
            <a:pPr defTabSz="1039203"/>
            <a:r>
              <a:rPr lang="da-DK" sz="900" noProof="0" dirty="0">
                <a:solidFill>
                  <a:srgbClr val="000000"/>
                </a:solidFill>
                <a:latin typeface="Arial" panose="020B0604020202020204"/>
              </a:rPr>
              <a:t>Casen skal ses i konteksten af: </a:t>
            </a:r>
          </a:p>
          <a:p>
            <a:pPr marL="171433" indent="-171433" defTabSz="1039203">
              <a:spcAft>
                <a:spcPts val="350"/>
              </a:spcAft>
              <a:buFont typeface="Arial" panose="020B0604020202020204" pitchFamily="34" charset="0"/>
              <a:buChar char="•"/>
            </a:pPr>
            <a:r>
              <a:rPr lang="da-DK" sz="900" noProof="0" dirty="0">
                <a:solidFill>
                  <a:srgbClr val="000000"/>
                </a:solidFill>
                <a:latin typeface="Arial" panose="020B0604020202020204"/>
              </a:rPr>
              <a:t>En høj grad af specialisering i core banking-systemer, betalingsinfrastruktur, compliance og sikkerhed</a:t>
            </a:r>
          </a:p>
          <a:p>
            <a:pPr marL="171433" indent="-171433" defTabSz="1039203">
              <a:spcAft>
                <a:spcPts val="350"/>
              </a:spcAft>
              <a:buFont typeface="Arial" panose="020B0604020202020204" pitchFamily="34" charset="0"/>
              <a:buChar char="•"/>
            </a:pPr>
            <a:r>
              <a:rPr lang="da-DK" sz="900" noProof="0" dirty="0">
                <a:solidFill>
                  <a:srgbClr val="000000"/>
                </a:solidFill>
                <a:latin typeface="Arial" panose="020B0604020202020204"/>
              </a:rPr>
              <a:t>En stor organisation med 1.000 ansatte, der arbejder med kritiske digitale løsninger til drift af bankernes kerneopgave (konti, lån, betalinger mv.)</a:t>
            </a:r>
          </a:p>
          <a:p>
            <a:pPr marL="171433" indent="-171433" defTabSz="1039203">
              <a:spcAft>
                <a:spcPts val="350"/>
              </a:spcAft>
              <a:buFont typeface="Arial" panose="020B0604020202020204" pitchFamily="34" charset="0"/>
              <a:buChar char="•"/>
            </a:pPr>
            <a:r>
              <a:rPr lang="da-DK" sz="900" noProof="0" dirty="0">
                <a:solidFill>
                  <a:srgbClr val="000000"/>
                </a:solidFill>
                <a:latin typeface="Arial" panose="020B0604020202020204"/>
              </a:rPr>
              <a:t>Finanssektorens særlige rammevilkår med høje krav til driftssikkerhed, datasikkerhed og stabilitet via regulering som fx DORA, NIS2 og GDPR som forudsætter dokumenterbar kontrol over data, leverandører og teknologiske afhængigheder</a:t>
            </a:r>
          </a:p>
          <a:p>
            <a:pPr marL="171433" indent="-171433" defTabSz="1039203">
              <a:spcAft>
                <a:spcPts val="350"/>
              </a:spcAft>
              <a:buFont typeface="Arial" panose="020B0604020202020204" pitchFamily="34" charset="0"/>
              <a:buChar char="•"/>
            </a:pPr>
            <a:r>
              <a:rPr lang="da-DK" sz="900" noProof="0" dirty="0">
                <a:solidFill>
                  <a:srgbClr val="000000"/>
                </a:solidFill>
                <a:latin typeface="Arial" panose="020B0604020202020204"/>
                <a:sym typeface="Wingdings" panose="05000000000000000000" pitchFamily="2" charset="2"/>
              </a:rPr>
              <a:t>Et fokus på, at teknologien understøtter de forretningsmæssige formål bedst muligt</a:t>
            </a:r>
          </a:p>
          <a:p>
            <a:pPr marL="171433" indent="-171433" defTabSz="1039203">
              <a:spcAft>
                <a:spcPts val="350"/>
              </a:spcAft>
              <a:buFont typeface="Arial" panose="020B0604020202020204" pitchFamily="34" charset="0"/>
              <a:buChar char="•"/>
            </a:pPr>
            <a:r>
              <a:rPr lang="da-DK" sz="900" noProof="0" dirty="0">
                <a:solidFill>
                  <a:srgbClr val="000000"/>
                </a:solidFill>
                <a:latin typeface="Arial" panose="020B0604020202020204"/>
                <a:sym typeface="Wingdings" panose="05000000000000000000" pitchFamily="2" charset="2"/>
              </a:rPr>
              <a:t>Et fokus på effektiv organisering og kompetenceopbygning vedr. teknologivalg - fx </a:t>
            </a:r>
            <a:r>
              <a:rPr lang="da-DK" sz="900" noProof="0" dirty="0" err="1">
                <a:solidFill>
                  <a:srgbClr val="000000"/>
                </a:solidFill>
                <a:latin typeface="Arial" panose="020B0604020202020204"/>
                <a:sym typeface="Wingdings" panose="05000000000000000000" pitchFamily="2" charset="2"/>
              </a:rPr>
              <a:t>egenudvikling</a:t>
            </a:r>
            <a:r>
              <a:rPr lang="da-DK" sz="900" noProof="0" dirty="0">
                <a:solidFill>
                  <a:srgbClr val="000000"/>
                </a:solidFill>
                <a:latin typeface="Arial" panose="020B0604020202020204"/>
                <a:sym typeface="Wingdings" panose="05000000000000000000" pitchFamily="2" charset="2"/>
              </a:rPr>
              <a:t>, open source, cloud mv. </a:t>
            </a:r>
            <a:endParaRPr lang="da-DK" sz="900" noProof="0" dirty="0">
              <a:solidFill>
                <a:srgbClr val="000000"/>
              </a:solidFill>
              <a:latin typeface="Arial" panose="020B0604020202020204"/>
            </a:endParaRPr>
          </a:p>
          <a:p>
            <a:pPr defTabSz="1039203"/>
            <a:endParaRPr lang="da-DK" sz="900" noProof="0" dirty="0">
              <a:solidFill>
                <a:srgbClr val="000000"/>
              </a:solidFill>
              <a:latin typeface="Arial" panose="020B0604020202020204"/>
            </a:endParaRPr>
          </a:p>
          <a:p>
            <a:pPr defTabSz="1039203"/>
            <a:endParaRPr lang="da-DK" sz="900" noProof="0" dirty="0">
              <a:solidFill>
                <a:srgbClr val="000000"/>
              </a:solidFill>
              <a:latin typeface="Arial" panose="020B0604020202020204"/>
            </a:endParaRPr>
          </a:p>
        </p:txBody>
      </p:sp>
      <p:sp>
        <p:nvSpPr>
          <p:cNvPr id="7" name="Rectangle 6">
            <a:extLst>
              <a:ext uri="{FF2B5EF4-FFF2-40B4-BE49-F238E27FC236}">
                <a16:creationId xmlns:a16="http://schemas.microsoft.com/office/drawing/2014/main" id="{C8342252-4B9F-D975-4BFF-4893CEF9FBA7}"/>
              </a:ext>
              <a:ext uri="{C183D7F6-B498-43B3-948B-1728B52AA6E4}">
                <adec:decorative xmlns:adec="http://schemas.microsoft.com/office/drawing/2017/decorative" val="1"/>
              </a:ext>
            </a:extLst>
          </p:cNvPr>
          <p:cNvSpPr>
            <a:spLocks/>
          </p:cNvSpPr>
          <p:nvPr/>
        </p:nvSpPr>
        <p:spPr>
          <a:xfrm rot="5400000">
            <a:off x="1243825" y="3998234"/>
            <a:ext cx="4607866" cy="17999"/>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endParaRPr lang="da-DK" sz="1100" noProof="0" dirty="0">
              <a:solidFill>
                <a:srgbClr val="FFFFFF"/>
              </a:solidFill>
              <a:latin typeface="Arial" panose="020B0604020202020204"/>
            </a:endParaRPr>
          </a:p>
        </p:txBody>
      </p:sp>
      <p:cxnSp>
        <p:nvCxnSpPr>
          <p:cNvPr id="8" name="Straight Connector 7">
            <a:extLst>
              <a:ext uri="{FF2B5EF4-FFF2-40B4-BE49-F238E27FC236}">
                <a16:creationId xmlns:a16="http://schemas.microsoft.com/office/drawing/2014/main" id="{650A4CA7-BF42-8AD9-95E3-483DD12EBDC8}"/>
              </a:ext>
              <a:ext uri="{C183D7F6-B498-43B3-948B-1728B52AA6E4}">
                <adec:decorative xmlns:adec="http://schemas.microsoft.com/office/drawing/2017/decorative" val="1"/>
              </a:ext>
            </a:extLst>
          </p:cNvPr>
          <p:cNvCxnSpPr>
            <a:cxnSpLocks/>
          </p:cNvCxnSpPr>
          <p:nvPr/>
        </p:nvCxnSpPr>
        <p:spPr>
          <a:xfrm>
            <a:off x="652961" y="2069065"/>
            <a:ext cx="2771919"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BDF29698-501B-CA87-FE08-F522D6A506FF}"/>
              </a:ext>
              <a:ext uri="{C183D7F6-B498-43B3-948B-1728B52AA6E4}">
                <adec:decorative xmlns:adec="http://schemas.microsoft.com/office/drawing/2017/decorative" val="1"/>
              </a:ext>
            </a:extLst>
          </p:cNvPr>
          <p:cNvCxnSpPr>
            <a:cxnSpLocks/>
          </p:cNvCxnSpPr>
          <p:nvPr/>
        </p:nvCxnSpPr>
        <p:spPr>
          <a:xfrm>
            <a:off x="3647554" y="2069065"/>
            <a:ext cx="2771919"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88CDEF03-7F78-0215-0377-758DE37D0A83}"/>
              </a:ext>
              <a:ext uri="{C183D7F6-B498-43B3-948B-1728B52AA6E4}">
                <adec:decorative xmlns:adec="http://schemas.microsoft.com/office/drawing/2017/decorative" val="1"/>
              </a:ext>
            </a:extLst>
          </p:cNvPr>
          <p:cNvSpPr>
            <a:spLocks/>
          </p:cNvSpPr>
          <p:nvPr/>
        </p:nvSpPr>
        <p:spPr>
          <a:xfrm rot="5400000">
            <a:off x="-1754544" y="3998234"/>
            <a:ext cx="4607866" cy="17999"/>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endParaRPr lang="da-DK" sz="1100" noProof="0" dirty="0">
              <a:solidFill>
                <a:srgbClr val="FFFFFF"/>
              </a:solidFill>
              <a:latin typeface="Arial" panose="020B0604020202020204"/>
            </a:endParaRPr>
          </a:p>
        </p:txBody>
      </p:sp>
      <p:sp>
        <p:nvSpPr>
          <p:cNvPr id="66" name="Rectangle 65">
            <a:extLst>
              <a:ext uri="{FF2B5EF4-FFF2-40B4-BE49-F238E27FC236}">
                <a16:creationId xmlns:a16="http://schemas.microsoft.com/office/drawing/2014/main" id="{4382567A-895C-9C64-5824-E517470AA63C}"/>
              </a:ext>
              <a:ext uri="{C183D7F6-B498-43B3-948B-1728B52AA6E4}">
                <adec:decorative xmlns:adec="http://schemas.microsoft.com/office/drawing/2017/decorative" val="1"/>
              </a:ext>
            </a:extLst>
          </p:cNvPr>
          <p:cNvSpPr>
            <a:spLocks/>
          </p:cNvSpPr>
          <p:nvPr/>
        </p:nvSpPr>
        <p:spPr>
          <a:xfrm rot="5400000">
            <a:off x="4210083" y="3998234"/>
            <a:ext cx="4607866" cy="17999"/>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endParaRPr lang="da-DK" sz="1100" noProof="0" dirty="0">
              <a:solidFill>
                <a:srgbClr val="FFFFFF"/>
              </a:solidFill>
              <a:latin typeface="Arial" panose="020B0604020202020204"/>
            </a:endParaRPr>
          </a:p>
        </p:txBody>
      </p:sp>
      <p:sp>
        <p:nvSpPr>
          <p:cNvPr id="4" name="Freeform 16">
            <a:extLst>
              <a:ext uri="{FF2B5EF4-FFF2-40B4-BE49-F238E27FC236}">
                <a16:creationId xmlns:a16="http://schemas.microsoft.com/office/drawing/2014/main" id="{28E23D64-151D-628C-1B46-F5868891A52B}"/>
              </a:ext>
              <a:ext uri="{C183D7F6-B498-43B3-948B-1728B52AA6E4}">
                <adec:decorative xmlns:adec="http://schemas.microsoft.com/office/drawing/2017/decorative" val="1"/>
              </a:ext>
            </a:extLst>
          </p:cNvPr>
          <p:cNvSpPr>
            <a:spLocks noEditPoints="1"/>
          </p:cNvSpPr>
          <p:nvPr/>
        </p:nvSpPr>
        <p:spPr bwMode="auto">
          <a:xfrm>
            <a:off x="650261" y="1728214"/>
            <a:ext cx="265259" cy="265259"/>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12" name="Freeform 34">
            <a:extLst>
              <a:ext uri="{FF2B5EF4-FFF2-40B4-BE49-F238E27FC236}">
                <a16:creationId xmlns:a16="http://schemas.microsoft.com/office/drawing/2014/main" id="{A0480663-B8BC-C6D6-0D88-CD2C1147919B}"/>
              </a:ext>
              <a:ext uri="{C183D7F6-B498-43B3-948B-1728B52AA6E4}">
                <adec:decorative xmlns:adec="http://schemas.microsoft.com/office/drawing/2017/decorative" val="1"/>
              </a:ext>
            </a:extLst>
          </p:cNvPr>
          <p:cNvSpPr>
            <a:spLocks noEditPoints="1"/>
          </p:cNvSpPr>
          <p:nvPr/>
        </p:nvSpPr>
        <p:spPr bwMode="auto">
          <a:xfrm>
            <a:off x="3696996" y="1727073"/>
            <a:ext cx="265609" cy="266402"/>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21" name="TextBox 20">
            <a:extLst>
              <a:ext uri="{FF2B5EF4-FFF2-40B4-BE49-F238E27FC236}">
                <a16:creationId xmlns:a16="http://schemas.microsoft.com/office/drawing/2014/main" id="{DABFD846-4031-F25C-DFBF-EC49C2F7CB23}"/>
              </a:ext>
            </a:extLst>
          </p:cNvPr>
          <p:cNvSpPr txBox="1"/>
          <p:nvPr/>
        </p:nvSpPr>
        <p:spPr>
          <a:xfrm>
            <a:off x="6649612" y="1741309"/>
            <a:ext cx="5083516" cy="330637"/>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defTabSz="1039203"/>
            <a:r>
              <a:rPr lang="da-DK" sz="1100" noProof="0" dirty="0">
                <a:latin typeface="Arial" panose="020B0604020202020204"/>
              </a:rPr>
              <a:t>Bankdatas 10 teknologiprincipper</a:t>
            </a:r>
          </a:p>
        </p:txBody>
      </p:sp>
      <p:grpSp>
        <p:nvGrpSpPr>
          <p:cNvPr id="6" name="Group 5">
            <a:extLst>
              <a:ext uri="{FF2B5EF4-FFF2-40B4-BE49-F238E27FC236}">
                <a16:creationId xmlns:a16="http://schemas.microsoft.com/office/drawing/2014/main" id="{0807D046-C41A-92C0-8404-028F2F3C6E75}"/>
              </a:ext>
              <a:ext uri="{C183D7F6-B498-43B3-948B-1728B52AA6E4}">
                <adec:decorative xmlns:adec="http://schemas.microsoft.com/office/drawing/2017/decorative" val="1"/>
              </a:ext>
            </a:extLst>
          </p:cNvPr>
          <p:cNvGrpSpPr/>
          <p:nvPr/>
        </p:nvGrpSpPr>
        <p:grpSpPr>
          <a:xfrm>
            <a:off x="-2176" y="-3192"/>
            <a:ext cx="176966" cy="6862681"/>
            <a:chOff x="-10502" y="0"/>
            <a:chExt cx="176971" cy="6859588"/>
          </a:xfrm>
          <a:solidFill>
            <a:srgbClr val="024D78"/>
          </a:solidFill>
        </p:grpSpPr>
        <p:sp>
          <p:nvSpPr>
            <p:cNvPr id="13" name="Rectangle 12">
              <a:extLst>
                <a:ext uri="{FF2B5EF4-FFF2-40B4-BE49-F238E27FC236}">
                  <a16:creationId xmlns:a16="http://schemas.microsoft.com/office/drawing/2014/main" id="{3BE16737-E719-38B3-F782-A586AC9255EC}"/>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14" name="Rectangle 13">
              <a:extLst>
                <a:ext uri="{FF2B5EF4-FFF2-40B4-BE49-F238E27FC236}">
                  <a16:creationId xmlns:a16="http://schemas.microsoft.com/office/drawing/2014/main" id="{19AB7225-26D1-93F0-1501-BAD9E2285AA3}"/>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b="1" noProof="0" dirty="0">
                  <a:solidFill>
                    <a:srgbClr val="FFFFFF"/>
                  </a:solidFill>
                  <a:latin typeface="Arial" panose="020B0604020202020204"/>
                </a:rPr>
                <a:t>Case Katalog</a:t>
              </a:r>
            </a:p>
          </p:txBody>
        </p:sp>
      </p:grpSp>
      <p:sp>
        <p:nvSpPr>
          <p:cNvPr id="25" name="Rectangle: Rounded Corners 24">
            <a:extLst>
              <a:ext uri="{FF2B5EF4-FFF2-40B4-BE49-F238E27FC236}">
                <a16:creationId xmlns:a16="http://schemas.microsoft.com/office/drawing/2014/main" id="{B57B0F57-6E86-8EAD-7562-81913E1957C4}"/>
              </a:ext>
            </a:extLst>
          </p:cNvPr>
          <p:cNvSpPr/>
          <p:nvPr/>
        </p:nvSpPr>
        <p:spPr>
          <a:xfrm>
            <a:off x="6891767" y="2284197"/>
            <a:ext cx="2224986" cy="672985"/>
          </a:xfrm>
          <a:prstGeom prst="roundRect">
            <a:avLst>
              <a:gd name="adj" fmla="val 11905"/>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Ins="71998" rtlCol="0" anchor="t"/>
          <a:lstStyle/>
          <a:p>
            <a:pPr defTabSz="1039203"/>
            <a:r>
              <a:rPr lang="da-DK" sz="900" noProof="0" dirty="0">
                <a:solidFill>
                  <a:srgbClr val="CC1D63"/>
                </a:solidFill>
                <a:latin typeface="Arial" panose="020B0604020202020204"/>
              </a:rPr>
              <a:t>1 | </a:t>
            </a:r>
            <a:r>
              <a:rPr lang="da-DK" sz="900" noProof="0" dirty="0">
                <a:solidFill>
                  <a:srgbClr val="024D78"/>
                </a:solidFill>
                <a:latin typeface="Arial" panose="020B0604020202020204"/>
              </a:rPr>
              <a:t>Vi bygger domænetilpassede, løst koblede og selvstændige services.</a:t>
            </a:r>
          </a:p>
        </p:txBody>
      </p:sp>
      <p:sp>
        <p:nvSpPr>
          <p:cNvPr id="26" name="Rectangle: Rounded Corners 25">
            <a:extLst>
              <a:ext uri="{FF2B5EF4-FFF2-40B4-BE49-F238E27FC236}">
                <a16:creationId xmlns:a16="http://schemas.microsoft.com/office/drawing/2014/main" id="{082013EF-9A19-4535-1DE4-EB8F24062564}"/>
              </a:ext>
            </a:extLst>
          </p:cNvPr>
          <p:cNvSpPr/>
          <p:nvPr/>
        </p:nvSpPr>
        <p:spPr>
          <a:xfrm>
            <a:off x="6891767" y="3060872"/>
            <a:ext cx="2224986" cy="672985"/>
          </a:xfrm>
          <a:prstGeom prst="roundRect">
            <a:avLst>
              <a:gd name="adj" fmla="val 11905"/>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Ins="71998" rtlCol="0" anchor="t"/>
          <a:lstStyle/>
          <a:p>
            <a:pPr defTabSz="1039203"/>
            <a:r>
              <a:rPr lang="da-DK" sz="900" noProof="0" dirty="0">
                <a:solidFill>
                  <a:srgbClr val="CC1D63"/>
                </a:solidFill>
                <a:latin typeface="Arial" panose="020B0604020202020204"/>
              </a:rPr>
              <a:t>2 | </a:t>
            </a:r>
            <a:r>
              <a:rPr lang="da-DK" sz="900" noProof="0" dirty="0">
                <a:solidFill>
                  <a:srgbClr val="024D78"/>
                </a:solidFill>
                <a:latin typeface="Arial" panose="020B0604020202020204"/>
              </a:rPr>
              <a:t>Vi beskytter mainframe-kapacitet for stabile driftsforhold.</a:t>
            </a:r>
          </a:p>
        </p:txBody>
      </p:sp>
      <p:sp>
        <p:nvSpPr>
          <p:cNvPr id="27" name="Rectangle: Rounded Corners 26">
            <a:extLst>
              <a:ext uri="{FF2B5EF4-FFF2-40B4-BE49-F238E27FC236}">
                <a16:creationId xmlns:a16="http://schemas.microsoft.com/office/drawing/2014/main" id="{5BC19977-FF1F-E20A-C703-3F0E7C3011BE}"/>
              </a:ext>
            </a:extLst>
          </p:cNvPr>
          <p:cNvSpPr/>
          <p:nvPr/>
        </p:nvSpPr>
        <p:spPr>
          <a:xfrm>
            <a:off x="6891767" y="3827660"/>
            <a:ext cx="2224986" cy="672985"/>
          </a:xfrm>
          <a:prstGeom prst="roundRect">
            <a:avLst>
              <a:gd name="adj" fmla="val 11905"/>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lIns="89998" rIns="0" rtlCol="0" anchor="t"/>
          <a:lstStyle/>
          <a:p>
            <a:pPr defTabSz="1039203"/>
            <a:r>
              <a:rPr lang="da-DK" sz="900" noProof="0" dirty="0">
                <a:solidFill>
                  <a:srgbClr val="CC1D63"/>
                </a:solidFill>
                <a:latin typeface="Arial" panose="020B0604020202020204"/>
              </a:rPr>
              <a:t>3 | </a:t>
            </a:r>
            <a:r>
              <a:rPr lang="da-DK" sz="900" noProof="0" dirty="0">
                <a:solidFill>
                  <a:srgbClr val="024D78"/>
                </a:solidFill>
                <a:latin typeface="Arial" panose="020B0604020202020204"/>
              </a:rPr>
              <a:t>Vi ser den offentlige cloud som vores endelige destination og er forpligtet til at flytte dertil på en kontrolleret, sikker og pålidelig måde.</a:t>
            </a:r>
          </a:p>
        </p:txBody>
      </p:sp>
      <p:sp>
        <p:nvSpPr>
          <p:cNvPr id="28" name="Rectangle: Rounded Corners 27">
            <a:extLst>
              <a:ext uri="{FF2B5EF4-FFF2-40B4-BE49-F238E27FC236}">
                <a16:creationId xmlns:a16="http://schemas.microsoft.com/office/drawing/2014/main" id="{3B6F0596-3771-E07F-5443-BA0E28A75B65}"/>
              </a:ext>
            </a:extLst>
          </p:cNvPr>
          <p:cNvSpPr/>
          <p:nvPr/>
        </p:nvSpPr>
        <p:spPr>
          <a:xfrm>
            <a:off x="6891767" y="4599392"/>
            <a:ext cx="2224986" cy="672985"/>
          </a:xfrm>
          <a:prstGeom prst="roundRect">
            <a:avLst>
              <a:gd name="adj" fmla="val 11905"/>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Ins="71998" rtlCol="0" anchor="t"/>
          <a:lstStyle/>
          <a:p>
            <a:pPr defTabSz="1039203"/>
            <a:r>
              <a:rPr lang="da-DK" sz="900" noProof="0" dirty="0">
                <a:solidFill>
                  <a:srgbClr val="CC1D63"/>
                </a:solidFill>
                <a:latin typeface="Arial" panose="020B0604020202020204"/>
              </a:rPr>
              <a:t>4 | </a:t>
            </a:r>
            <a:r>
              <a:rPr lang="da-DK" sz="900" noProof="0" dirty="0">
                <a:solidFill>
                  <a:srgbClr val="024D78"/>
                </a:solidFill>
                <a:latin typeface="Arial" panose="020B0604020202020204"/>
              </a:rPr>
              <a:t>Vi organiserer vores teams omkring forretningskapabiliteter, ikke teknologistakken.</a:t>
            </a:r>
          </a:p>
        </p:txBody>
      </p:sp>
      <p:sp>
        <p:nvSpPr>
          <p:cNvPr id="29" name="Rectangle: Rounded Corners 28">
            <a:extLst>
              <a:ext uri="{FF2B5EF4-FFF2-40B4-BE49-F238E27FC236}">
                <a16:creationId xmlns:a16="http://schemas.microsoft.com/office/drawing/2014/main" id="{D666DFC9-3697-DB8F-D932-C45CC30F47FE}"/>
              </a:ext>
            </a:extLst>
          </p:cNvPr>
          <p:cNvSpPr/>
          <p:nvPr/>
        </p:nvSpPr>
        <p:spPr>
          <a:xfrm>
            <a:off x="6891767" y="5371124"/>
            <a:ext cx="2224986" cy="672985"/>
          </a:xfrm>
          <a:prstGeom prst="roundRect">
            <a:avLst>
              <a:gd name="adj" fmla="val 11905"/>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Ins="71998" rtlCol="0" anchor="t"/>
          <a:lstStyle/>
          <a:p>
            <a:pPr defTabSz="1039203"/>
            <a:r>
              <a:rPr lang="da-DK" sz="900" noProof="0" dirty="0">
                <a:solidFill>
                  <a:srgbClr val="CC1D63"/>
                </a:solidFill>
                <a:latin typeface="Arial" panose="020B0604020202020204"/>
              </a:rPr>
              <a:t>5 | </a:t>
            </a:r>
            <a:r>
              <a:rPr lang="da-DK" sz="900" noProof="0" dirty="0">
                <a:solidFill>
                  <a:srgbClr val="024D78"/>
                </a:solidFill>
                <a:latin typeface="Arial" panose="020B0604020202020204"/>
              </a:rPr>
              <a:t>Vores platforme muliggør fokus på levering af kerneforretnings-kapabiliteter.</a:t>
            </a:r>
          </a:p>
        </p:txBody>
      </p:sp>
      <p:sp>
        <p:nvSpPr>
          <p:cNvPr id="30" name="Rectangle: Rounded Corners 29">
            <a:extLst>
              <a:ext uri="{FF2B5EF4-FFF2-40B4-BE49-F238E27FC236}">
                <a16:creationId xmlns:a16="http://schemas.microsoft.com/office/drawing/2014/main" id="{15DEE1B4-4804-A7C8-D865-680D30C1C0AE}"/>
              </a:ext>
            </a:extLst>
          </p:cNvPr>
          <p:cNvSpPr/>
          <p:nvPr/>
        </p:nvSpPr>
        <p:spPr>
          <a:xfrm>
            <a:off x="9508143" y="2284197"/>
            <a:ext cx="2224986" cy="672985"/>
          </a:xfrm>
          <a:prstGeom prst="roundRect">
            <a:avLst>
              <a:gd name="adj" fmla="val 11905"/>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Ins="71998" rtlCol="0" anchor="t"/>
          <a:lstStyle/>
          <a:p>
            <a:pPr defTabSz="1039203"/>
            <a:r>
              <a:rPr lang="da-DK" sz="900" noProof="0" dirty="0">
                <a:solidFill>
                  <a:srgbClr val="CC1D63"/>
                </a:solidFill>
                <a:latin typeface="Arial" panose="020B0604020202020204"/>
              </a:rPr>
              <a:t>6 | </a:t>
            </a:r>
            <a:r>
              <a:rPr lang="da-DK" sz="900" noProof="0" dirty="0">
                <a:solidFill>
                  <a:srgbClr val="024D78"/>
                </a:solidFill>
                <a:latin typeface="Arial" panose="020B0604020202020204"/>
              </a:rPr>
              <a:t>Vi foretrækker open source-baserede løsninger i den offentlige cloud.</a:t>
            </a:r>
          </a:p>
        </p:txBody>
      </p:sp>
      <p:sp>
        <p:nvSpPr>
          <p:cNvPr id="31" name="Rectangle: Rounded Corners 30">
            <a:extLst>
              <a:ext uri="{FF2B5EF4-FFF2-40B4-BE49-F238E27FC236}">
                <a16:creationId xmlns:a16="http://schemas.microsoft.com/office/drawing/2014/main" id="{714B1CCC-0917-A86C-23B9-569E95D4D316}"/>
              </a:ext>
            </a:extLst>
          </p:cNvPr>
          <p:cNvSpPr/>
          <p:nvPr/>
        </p:nvSpPr>
        <p:spPr>
          <a:xfrm>
            <a:off x="9508143" y="3055929"/>
            <a:ext cx="2224986" cy="672985"/>
          </a:xfrm>
          <a:prstGeom prst="roundRect">
            <a:avLst>
              <a:gd name="adj" fmla="val 11905"/>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Ins="71998" rtlCol="0" anchor="t"/>
          <a:lstStyle/>
          <a:p>
            <a:pPr defTabSz="1039203"/>
            <a:r>
              <a:rPr lang="da-DK" sz="900" noProof="0" dirty="0">
                <a:solidFill>
                  <a:srgbClr val="CC1D63"/>
                </a:solidFill>
                <a:latin typeface="Arial" panose="020B0604020202020204"/>
              </a:rPr>
              <a:t>7 | </a:t>
            </a:r>
            <a:r>
              <a:rPr lang="da-DK" sz="900" noProof="0" dirty="0">
                <a:solidFill>
                  <a:srgbClr val="024D78"/>
                </a:solidFill>
                <a:latin typeface="Arial" panose="020B0604020202020204"/>
              </a:rPr>
              <a:t>Vi foretrækker standardapplikationer (</a:t>
            </a:r>
            <a:r>
              <a:rPr lang="da-DK" sz="900" noProof="0" dirty="0" err="1">
                <a:solidFill>
                  <a:srgbClr val="024D78"/>
                </a:solidFill>
                <a:latin typeface="Arial" panose="020B0604020202020204"/>
              </a:rPr>
              <a:t>off</a:t>
            </a:r>
            <a:r>
              <a:rPr lang="da-DK" sz="900" noProof="0" dirty="0">
                <a:solidFill>
                  <a:srgbClr val="024D78"/>
                </a:solidFill>
                <a:latin typeface="Arial" panose="020B0604020202020204"/>
              </a:rPr>
              <a:t>‑the‑</a:t>
            </a:r>
            <a:r>
              <a:rPr lang="da-DK" sz="900" noProof="0" dirty="0" err="1">
                <a:solidFill>
                  <a:srgbClr val="024D78"/>
                </a:solidFill>
                <a:latin typeface="Arial" panose="020B0604020202020204"/>
              </a:rPr>
              <a:t>shelf</a:t>
            </a:r>
            <a:r>
              <a:rPr lang="da-DK" sz="900" noProof="0" dirty="0">
                <a:solidFill>
                  <a:srgbClr val="024D78"/>
                </a:solidFill>
                <a:latin typeface="Arial" panose="020B0604020202020204"/>
              </a:rPr>
              <a:t>) til interne systemer.</a:t>
            </a:r>
          </a:p>
        </p:txBody>
      </p:sp>
      <p:sp>
        <p:nvSpPr>
          <p:cNvPr id="32" name="Rectangle: Rounded Corners 31">
            <a:extLst>
              <a:ext uri="{FF2B5EF4-FFF2-40B4-BE49-F238E27FC236}">
                <a16:creationId xmlns:a16="http://schemas.microsoft.com/office/drawing/2014/main" id="{747985C9-A877-A678-E387-F8AC4B4BC306}"/>
              </a:ext>
            </a:extLst>
          </p:cNvPr>
          <p:cNvSpPr/>
          <p:nvPr/>
        </p:nvSpPr>
        <p:spPr>
          <a:xfrm>
            <a:off x="9508143" y="3827660"/>
            <a:ext cx="2224986" cy="672985"/>
          </a:xfrm>
          <a:prstGeom prst="roundRect">
            <a:avLst>
              <a:gd name="adj" fmla="val 11905"/>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Ins="71998" rtlCol="0" anchor="t"/>
          <a:lstStyle/>
          <a:p>
            <a:pPr defTabSz="1039203"/>
            <a:r>
              <a:rPr lang="da-DK" sz="900" noProof="0" dirty="0">
                <a:solidFill>
                  <a:srgbClr val="CC1D63"/>
                </a:solidFill>
                <a:latin typeface="Arial" panose="020B0604020202020204"/>
              </a:rPr>
              <a:t>8 | </a:t>
            </a:r>
            <a:r>
              <a:rPr lang="da-DK" sz="900" noProof="0" dirty="0">
                <a:solidFill>
                  <a:srgbClr val="024D78"/>
                </a:solidFill>
                <a:latin typeface="Arial" panose="020B0604020202020204"/>
              </a:rPr>
              <a:t>Vi foretrækker konsistens frem for autonomi i teknologivalg.</a:t>
            </a:r>
          </a:p>
        </p:txBody>
      </p:sp>
      <p:sp>
        <p:nvSpPr>
          <p:cNvPr id="33" name="Rectangle: Rounded Corners 32">
            <a:extLst>
              <a:ext uri="{FF2B5EF4-FFF2-40B4-BE49-F238E27FC236}">
                <a16:creationId xmlns:a16="http://schemas.microsoft.com/office/drawing/2014/main" id="{4B97B84C-6EE7-E285-48D6-EC9001EEA52D}"/>
              </a:ext>
            </a:extLst>
          </p:cNvPr>
          <p:cNvSpPr/>
          <p:nvPr/>
        </p:nvSpPr>
        <p:spPr>
          <a:xfrm>
            <a:off x="9508143" y="4599392"/>
            <a:ext cx="2224986" cy="672985"/>
          </a:xfrm>
          <a:prstGeom prst="roundRect">
            <a:avLst>
              <a:gd name="adj" fmla="val 11905"/>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Ins="71998" rtlCol="0" anchor="t"/>
          <a:lstStyle/>
          <a:p>
            <a:pPr defTabSz="1039203"/>
            <a:r>
              <a:rPr lang="da-DK" sz="900" noProof="0" dirty="0">
                <a:solidFill>
                  <a:srgbClr val="CC1D63"/>
                </a:solidFill>
                <a:latin typeface="Arial" panose="020B0604020202020204"/>
              </a:rPr>
              <a:t>9 | </a:t>
            </a:r>
            <a:r>
              <a:rPr lang="da-DK" sz="900" noProof="0" dirty="0">
                <a:solidFill>
                  <a:srgbClr val="024D78"/>
                </a:solidFill>
                <a:latin typeface="Arial" panose="020B0604020202020204"/>
              </a:rPr>
              <a:t>Vi forstår omkostningerne ved vores services.</a:t>
            </a:r>
          </a:p>
        </p:txBody>
      </p:sp>
      <p:sp>
        <p:nvSpPr>
          <p:cNvPr id="34" name="Rectangle: Rounded Corners 33">
            <a:extLst>
              <a:ext uri="{FF2B5EF4-FFF2-40B4-BE49-F238E27FC236}">
                <a16:creationId xmlns:a16="http://schemas.microsoft.com/office/drawing/2014/main" id="{6C1B55D4-F315-140F-BB21-78872CC49CBB}"/>
              </a:ext>
            </a:extLst>
          </p:cNvPr>
          <p:cNvSpPr/>
          <p:nvPr/>
        </p:nvSpPr>
        <p:spPr>
          <a:xfrm>
            <a:off x="9508143" y="5371124"/>
            <a:ext cx="2224986" cy="672985"/>
          </a:xfrm>
          <a:prstGeom prst="roundRect">
            <a:avLst>
              <a:gd name="adj" fmla="val 11905"/>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Ins="71998" rtlCol="0" anchor="t"/>
          <a:lstStyle/>
          <a:p>
            <a:pPr defTabSz="1039203"/>
            <a:r>
              <a:rPr lang="da-DK" sz="900" noProof="0" dirty="0">
                <a:solidFill>
                  <a:srgbClr val="CC1D63"/>
                </a:solidFill>
                <a:latin typeface="Arial" panose="020B0604020202020204"/>
              </a:rPr>
              <a:t>10 | </a:t>
            </a:r>
            <a:r>
              <a:rPr lang="da-DK" sz="900" noProof="0" dirty="0">
                <a:solidFill>
                  <a:srgbClr val="024D78"/>
                </a:solidFill>
                <a:latin typeface="Arial" panose="020B0604020202020204"/>
              </a:rPr>
              <a:t>Driftsstabilitet vægtes højere end funktionalitet.</a:t>
            </a:r>
          </a:p>
        </p:txBody>
      </p:sp>
      <p:pic>
        <p:nvPicPr>
          <p:cNvPr id="17" name="Billede 16">
            <a:extLst>
              <a:ext uri="{FF2B5EF4-FFF2-40B4-BE49-F238E27FC236}">
                <a16:creationId xmlns:a16="http://schemas.microsoft.com/office/drawing/2014/main" id="{32BAC909-4D2F-C6BA-A551-D1113E320F72}"/>
              </a:ext>
              <a:ext uri="{C183D7F6-B498-43B3-948B-1728B52AA6E4}">
                <adec:decorative xmlns:adec="http://schemas.microsoft.com/office/drawing/2017/decorative" val="1"/>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9625237" y="194715"/>
            <a:ext cx="2353728" cy="835453"/>
          </a:xfrm>
          <a:prstGeom prst="rect">
            <a:avLst/>
          </a:prstGeom>
        </p:spPr>
      </p:pic>
    </p:spTree>
    <p:extLst>
      <p:ext uri="{BB962C8B-B14F-4D97-AF65-F5344CB8AC3E}">
        <p14:creationId xmlns:p14="http://schemas.microsoft.com/office/powerpoint/2010/main" val="3139569590"/>
      </p:ext>
    </p:extLst>
  </p:cSld>
  <p:clrMapOvr>
    <a:masterClrMapping/>
  </p:clrMapOvr>
  <p:transition>
    <p:fade/>
  </p:transition>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CDBC9D3-E971-3E94-20B0-1693AB7A4D9B}"/>
            </a:ext>
          </a:extLst>
        </p:cNvPr>
        <p:cNvGrpSpPr/>
        <p:nvPr/>
      </p:nvGrpSpPr>
      <p:grpSpPr>
        <a:xfrm>
          <a:off x="0" y="0"/>
          <a:ext cx="0" cy="0"/>
          <a:chOff x="0" y="0"/>
          <a:chExt cx="0" cy="0"/>
        </a:xfrm>
      </p:grpSpPr>
      <p:sp>
        <p:nvSpPr>
          <p:cNvPr id="32" name="Rectangle: Rounded Corners 31">
            <a:extLst>
              <a:ext uri="{FF2B5EF4-FFF2-40B4-BE49-F238E27FC236}">
                <a16:creationId xmlns:a16="http://schemas.microsoft.com/office/drawing/2014/main" id="{0A2241D5-0EB2-DE01-5CF9-9E66F1B44142}"/>
              </a:ext>
            </a:extLst>
          </p:cNvPr>
          <p:cNvSpPr/>
          <p:nvPr/>
        </p:nvSpPr>
        <p:spPr>
          <a:xfrm>
            <a:off x="169477" y="11834"/>
            <a:ext cx="8203337" cy="562973"/>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1600" b="1" noProof="0" dirty="0">
                <a:solidFill>
                  <a:srgbClr val="36465A"/>
                </a:solidFill>
                <a:latin typeface="Arial" panose="020B0604020202020204"/>
              </a:rPr>
              <a:t>Case 15 | Øget digital suverænitet via hybridmiljøer og open source-løsninger</a:t>
            </a:r>
          </a:p>
        </p:txBody>
      </p:sp>
      <p:sp>
        <p:nvSpPr>
          <p:cNvPr id="52" name="Rectangle: Rounded Corners 51">
            <a:extLst>
              <a:ext uri="{FF2B5EF4-FFF2-40B4-BE49-F238E27FC236}">
                <a16:creationId xmlns:a16="http://schemas.microsoft.com/office/drawing/2014/main" id="{99B6FE9A-195B-CA4D-01E1-EFDCE32E0DDB}"/>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787" y="1703300"/>
            <a:ext cx="5341075" cy="4607867"/>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181" name="Rectangle: Rounded Corners 180">
            <a:extLst>
              <a:ext uri="{FF2B5EF4-FFF2-40B4-BE49-F238E27FC236}">
                <a16:creationId xmlns:a16="http://schemas.microsoft.com/office/drawing/2014/main" id="{64D6E9C9-FB5C-50F5-837D-AC7B923A5B39}"/>
              </a:ext>
              <a:ext uri="{C183D7F6-B498-43B3-948B-1728B52AA6E4}">
                <adec:decorative xmlns:adec="http://schemas.microsoft.com/office/drawing/2017/decorative" val="1"/>
              </a:ext>
            </a:extLst>
          </p:cNvPr>
          <p:cNvSpPr/>
          <p:nvPr/>
        </p:nvSpPr>
        <p:spPr>
          <a:xfrm>
            <a:off x="6727660" y="1778707"/>
            <a:ext cx="2479072" cy="4459405"/>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2" name="Title 1">
            <a:extLst>
              <a:ext uri="{FF2B5EF4-FFF2-40B4-BE49-F238E27FC236}">
                <a16:creationId xmlns:a16="http://schemas.microsoft.com/office/drawing/2014/main" id="{A47078D8-E77C-F3BB-2210-89E343ADE5AF}"/>
              </a:ext>
            </a:extLst>
          </p:cNvPr>
          <p:cNvSpPr>
            <a:spLocks noGrp="1"/>
          </p:cNvSpPr>
          <p:nvPr>
            <p:ph type="title"/>
          </p:nvPr>
        </p:nvSpPr>
        <p:spPr/>
        <p:txBody>
          <a:bodyPr/>
          <a:lstStyle/>
          <a:p>
            <a:r>
              <a:rPr lang="da-DK" sz="2199" noProof="0" dirty="0"/>
              <a:t>Side 3/3 | </a:t>
            </a:r>
            <a:r>
              <a:rPr lang="da-DK" sz="2199" b="1" noProof="0" dirty="0"/>
              <a:t>Teknologisk og organisatorisk transformation</a:t>
            </a:r>
            <a:endParaRPr lang="da-DK" sz="2199" noProof="0" dirty="0"/>
          </a:p>
        </p:txBody>
      </p:sp>
      <p:sp>
        <p:nvSpPr>
          <p:cNvPr id="10" name="Rectangle: Rounded Corners 9">
            <a:extLst>
              <a:ext uri="{FF2B5EF4-FFF2-40B4-BE49-F238E27FC236}">
                <a16:creationId xmlns:a16="http://schemas.microsoft.com/office/drawing/2014/main" id="{0084A8DA-8280-D1AC-A6FB-9427C43194C8}"/>
              </a:ext>
            </a:extLst>
          </p:cNvPr>
          <p:cNvSpPr>
            <a:spLocks/>
          </p:cNvSpPr>
          <p:nvPr/>
        </p:nvSpPr>
        <p:spPr>
          <a:xfrm>
            <a:off x="909839" y="1675957"/>
            <a:ext cx="2383803" cy="395989"/>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1100" b="1" noProof="0" dirty="0">
                <a:solidFill>
                  <a:srgbClr val="36465A"/>
                </a:solidFill>
                <a:latin typeface="Arial" panose="020B0604020202020204"/>
              </a:rPr>
              <a:t>Teknologisk transformation</a:t>
            </a:r>
          </a:p>
        </p:txBody>
      </p:sp>
      <p:sp>
        <p:nvSpPr>
          <p:cNvPr id="3" name="Rectangle 2">
            <a:extLst>
              <a:ext uri="{FF2B5EF4-FFF2-40B4-BE49-F238E27FC236}">
                <a16:creationId xmlns:a16="http://schemas.microsoft.com/office/drawing/2014/main" id="{80E4328D-55E7-9EE4-409F-967CB81E6607}"/>
              </a:ext>
            </a:extLst>
          </p:cNvPr>
          <p:cNvSpPr/>
          <p:nvPr/>
        </p:nvSpPr>
        <p:spPr>
          <a:xfrm>
            <a:off x="540389" y="2069064"/>
            <a:ext cx="3016370" cy="42421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defTabSz="1039203">
              <a:spcAft>
                <a:spcPts val="350"/>
              </a:spcAft>
            </a:pPr>
            <a:r>
              <a:rPr lang="da-DK" sz="900" b="1" noProof="0" dirty="0">
                <a:solidFill>
                  <a:srgbClr val="36465A"/>
                </a:solidFill>
                <a:latin typeface="Arial" panose="020B0604020202020204"/>
              </a:rPr>
              <a:t>Teknologisk målbillede</a:t>
            </a:r>
            <a:br>
              <a:rPr lang="da-DK" sz="900" b="1" noProof="0" dirty="0">
                <a:solidFill>
                  <a:srgbClr val="000000"/>
                </a:solidFill>
                <a:latin typeface="Arial" panose="020B0604020202020204"/>
              </a:rPr>
            </a:br>
            <a:r>
              <a:rPr lang="da-DK" sz="900" noProof="0" dirty="0">
                <a:solidFill>
                  <a:srgbClr val="000000"/>
                </a:solidFill>
                <a:latin typeface="Arial" panose="020B0604020202020204"/>
              </a:rPr>
              <a:t>Bankdata har arbejdet med en række forskellige tiltag for at realisere en mere åben og modulær it-arkitektur for at sikre øget digital handlefrihed.</a:t>
            </a:r>
          </a:p>
          <a:p>
            <a:pPr marL="171433" indent="-171433" defTabSz="1039203">
              <a:spcAft>
                <a:spcPts val="350"/>
              </a:spcAft>
              <a:buFont typeface="Arial" panose="020B0604020202020204" pitchFamily="34" charset="0"/>
              <a:buChar char="•"/>
            </a:pPr>
            <a:r>
              <a:rPr lang="da-DK" sz="900" b="1" noProof="0" dirty="0">
                <a:solidFill>
                  <a:srgbClr val="000000"/>
                </a:solidFill>
                <a:latin typeface="Arial" panose="020B0604020202020204"/>
              </a:rPr>
              <a:t>Krav om brug af open source </a:t>
            </a:r>
            <a:r>
              <a:rPr lang="da-DK" sz="900" noProof="0" dirty="0">
                <a:solidFill>
                  <a:srgbClr val="000000"/>
                </a:solidFill>
                <a:latin typeface="Arial" panose="020B0604020202020204"/>
              </a:rPr>
              <a:t>både ifm. </a:t>
            </a:r>
            <a:r>
              <a:rPr lang="da-DK" sz="900" noProof="0" dirty="0" err="1">
                <a:solidFill>
                  <a:srgbClr val="000000"/>
                </a:solidFill>
                <a:latin typeface="Arial" panose="020B0604020202020204"/>
              </a:rPr>
              <a:t>egenudvikling</a:t>
            </a:r>
            <a:r>
              <a:rPr lang="da-DK" sz="900" noProof="0" dirty="0">
                <a:solidFill>
                  <a:srgbClr val="000000"/>
                </a:solidFill>
                <a:latin typeface="Arial" panose="020B0604020202020204"/>
              </a:rPr>
              <a:t> og ifm. køb af standardløsninger hvor der købes en ”</a:t>
            </a:r>
            <a:r>
              <a:rPr lang="da-DK" sz="900" noProof="0" dirty="0" err="1">
                <a:solidFill>
                  <a:srgbClr val="000000"/>
                </a:solidFill>
                <a:latin typeface="Arial" panose="020B0604020202020204"/>
              </a:rPr>
              <a:t>managed</a:t>
            </a:r>
            <a:r>
              <a:rPr lang="da-DK" sz="900" noProof="0" dirty="0">
                <a:solidFill>
                  <a:srgbClr val="000000"/>
                </a:solidFill>
                <a:latin typeface="Arial" panose="020B0604020202020204"/>
              </a:rPr>
              <a:t> service” med licenser, support, videreudvikling mv. </a:t>
            </a:r>
          </a:p>
          <a:p>
            <a:pPr marL="171433" indent="-171433" defTabSz="1039203">
              <a:spcAft>
                <a:spcPts val="350"/>
              </a:spcAft>
              <a:buFont typeface="Arial" panose="020B0604020202020204" pitchFamily="34" charset="0"/>
              <a:buChar char="•"/>
            </a:pPr>
            <a:r>
              <a:rPr lang="da-DK" sz="900" b="1" noProof="0" dirty="0">
                <a:solidFill>
                  <a:srgbClr val="000000"/>
                </a:solidFill>
                <a:latin typeface="Arial" panose="020B0604020202020204"/>
              </a:rPr>
              <a:t>80% standardløsninger og 20% </a:t>
            </a:r>
            <a:r>
              <a:rPr lang="da-DK" sz="900" b="1" noProof="0" dirty="0" err="1">
                <a:solidFill>
                  <a:srgbClr val="000000"/>
                </a:solidFill>
                <a:latin typeface="Arial" panose="020B0604020202020204"/>
              </a:rPr>
              <a:t>egenudvikling</a:t>
            </a:r>
            <a:r>
              <a:rPr lang="da-DK" sz="900" noProof="0" dirty="0">
                <a:solidFill>
                  <a:srgbClr val="000000"/>
                </a:solidFill>
                <a:latin typeface="Arial" panose="020B0604020202020204"/>
              </a:rPr>
              <a:t>, hvor standardløsninger både omfatter løsninger baseret på open source og </a:t>
            </a:r>
            <a:r>
              <a:rPr lang="da-DK" sz="900" noProof="0" dirty="0" err="1">
                <a:solidFill>
                  <a:srgbClr val="000000"/>
                </a:solidFill>
                <a:latin typeface="Arial" panose="020B0604020202020204"/>
              </a:rPr>
              <a:t>closed</a:t>
            </a:r>
            <a:r>
              <a:rPr lang="da-DK" sz="900" noProof="0" dirty="0">
                <a:solidFill>
                  <a:srgbClr val="000000"/>
                </a:solidFill>
                <a:latin typeface="Arial" panose="020B0604020202020204"/>
              </a:rPr>
              <a:t> source.</a:t>
            </a:r>
          </a:p>
          <a:p>
            <a:pPr marL="171433" indent="-171433" defTabSz="1039203">
              <a:spcAft>
                <a:spcPts val="350"/>
              </a:spcAft>
              <a:buFont typeface="Arial" panose="020B0604020202020204" pitchFamily="34" charset="0"/>
              <a:buChar char="•"/>
            </a:pPr>
            <a:r>
              <a:rPr lang="da-DK" sz="900" b="1" noProof="0" dirty="0">
                <a:solidFill>
                  <a:srgbClr val="000000"/>
                </a:solidFill>
                <a:latin typeface="Arial" panose="020B0604020202020204"/>
              </a:rPr>
              <a:t>Containerbaseret arkitektur</a:t>
            </a:r>
            <a:r>
              <a:rPr lang="da-DK" sz="900" noProof="0" dirty="0">
                <a:solidFill>
                  <a:srgbClr val="000000"/>
                </a:solidFill>
                <a:latin typeface="Arial" panose="020B0604020202020204"/>
              </a:rPr>
              <a:t>, hvor applikationer og </a:t>
            </a:r>
            <a:r>
              <a:rPr lang="da-DK" sz="900" noProof="0" dirty="0" err="1">
                <a:solidFill>
                  <a:srgbClr val="000000"/>
                </a:solidFill>
                <a:latin typeface="Arial" panose="020B0604020202020204"/>
              </a:rPr>
              <a:t>microservices</a:t>
            </a:r>
            <a:r>
              <a:rPr lang="da-DK" sz="900" noProof="0" dirty="0">
                <a:solidFill>
                  <a:srgbClr val="000000"/>
                </a:solidFill>
                <a:latin typeface="Arial" panose="020B0604020202020204"/>
              </a:rPr>
              <a:t> ”pakkes” i små, selvstændige enheder – som byggeklodser. Hver enhed håndterer en specifik forretningsfunktion og kan nemt udskiftes eller opdateres uden at påvirke resten af systemet. Det giver os fleksibilitet, hurtigere udvikling og mulighed for at skalere effektivt.</a:t>
            </a:r>
            <a:endParaRPr lang="da-DK" sz="900" b="1" noProof="0" dirty="0">
              <a:solidFill>
                <a:srgbClr val="000000"/>
              </a:solidFill>
              <a:latin typeface="Arial" panose="020B0604020202020204"/>
            </a:endParaRPr>
          </a:p>
          <a:p>
            <a:pPr marL="171433" indent="-171433" defTabSz="1039203">
              <a:spcAft>
                <a:spcPts val="350"/>
              </a:spcAft>
              <a:buFont typeface="Arial" panose="020B0604020202020204" pitchFamily="34" charset="0"/>
              <a:buChar char="•"/>
            </a:pPr>
            <a:r>
              <a:rPr lang="da-DK" sz="900" b="1" noProof="0" dirty="0" err="1">
                <a:solidFill>
                  <a:srgbClr val="000000"/>
                </a:solidFill>
                <a:latin typeface="Arial" panose="020B0604020202020204"/>
              </a:rPr>
              <a:t>Optionalitet</a:t>
            </a:r>
            <a:r>
              <a:rPr lang="da-DK" sz="900" b="1" noProof="0" dirty="0">
                <a:solidFill>
                  <a:srgbClr val="000000"/>
                </a:solidFill>
                <a:latin typeface="Arial" panose="020B0604020202020204"/>
              </a:rPr>
              <a:t> ifm. cloud og </a:t>
            </a:r>
            <a:r>
              <a:rPr lang="da-DK" sz="900" b="1" noProof="0" dirty="0" err="1">
                <a:solidFill>
                  <a:srgbClr val="000000"/>
                </a:solidFill>
                <a:latin typeface="Arial" panose="020B0604020202020204"/>
              </a:rPr>
              <a:t>hosting</a:t>
            </a:r>
            <a:r>
              <a:rPr lang="da-DK" sz="900" b="1" noProof="0" dirty="0">
                <a:solidFill>
                  <a:srgbClr val="000000"/>
                </a:solidFill>
                <a:latin typeface="Arial" panose="020B0604020202020204"/>
              </a:rPr>
              <a:t> </a:t>
            </a:r>
            <a:r>
              <a:rPr lang="da-DK" sz="900" noProof="0" dirty="0">
                <a:solidFill>
                  <a:srgbClr val="000000"/>
                </a:solidFill>
                <a:latin typeface="Arial" panose="020B0604020202020204"/>
              </a:rPr>
              <a:t>med tre mulige datacentre (AWS, </a:t>
            </a:r>
            <a:r>
              <a:rPr lang="da-DK" sz="900" noProof="0" dirty="0" err="1">
                <a:solidFill>
                  <a:srgbClr val="000000"/>
                </a:solidFill>
                <a:latin typeface="Arial" panose="020B0604020202020204"/>
              </a:rPr>
              <a:t>Azure</a:t>
            </a:r>
            <a:r>
              <a:rPr lang="da-DK" sz="900" noProof="0" dirty="0">
                <a:solidFill>
                  <a:srgbClr val="000000"/>
                </a:solidFill>
                <a:latin typeface="Arial" panose="020B0604020202020204"/>
              </a:rPr>
              <a:t>, egen private cloud) for at sikre mulighed for at flytte </a:t>
            </a:r>
            <a:r>
              <a:rPr lang="da-DK" sz="900" noProof="0" dirty="0" err="1">
                <a:solidFill>
                  <a:srgbClr val="000000"/>
                </a:solidFill>
                <a:latin typeface="Arial" panose="020B0604020202020204"/>
              </a:rPr>
              <a:t>workloads</a:t>
            </a:r>
            <a:r>
              <a:rPr lang="da-DK" sz="900" noProof="0" dirty="0">
                <a:solidFill>
                  <a:srgbClr val="000000"/>
                </a:solidFill>
                <a:latin typeface="Arial" panose="020B0604020202020204"/>
              </a:rPr>
              <a:t> efter behov. Største </a:t>
            </a:r>
            <a:r>
              <a:rPr lang="da-DK" sz="900" noProof="0" dirty="0" err="1">
                <a:solidFill>
                  <a:srgbClr val="000000"/>
                </a:solidFill>
                <a:latin typeface="Arial" panose="020B0604020202020204"/>
              </a:rPr>
              <a:t>workload</a:t>
            </a:r>
            <a:r>
              <a:rPr lang="da-DK" sz="900" noProof="0" dirty="0">
                <a:solidFill>
                  <a:srgbClr val="000000"/>
                </a:solidFill>
                <a:latin typeface="Arial" panose="020B0604020202020204"/>
              </a:rPr>
              <a:t> af på eget datacenter via JN Data.</a:t>
            </a:r>
          </a:p>
          <a:p>
            <a:pPr defTabSz="1039203">
              <a:spcAft>
                <a:spcPts val="350"/>
              </a:spcAft>
            </a:pPr>
            <a:r>
              <a:rPr lang="da-DK" sz="900" b="1" noProof="0" dirty="0">
                <a:solidFill>
                  <a:srgbClr val="36465A"/>
                </a:solidFill>
                <a:latin typeface="Arial" panose="020B0604020202020204"/>
              </a:rPr>
              <a:t>Øvrige strategiske virkemidler</a:t>
            </a:r>
          </a:p>
          <a:p>
            <a:pPr marL="171433" indent="-171433" defTabSz="1039203">
              <a:spcAft>
                <a:spcPts val="350"/>
              </a:spcAft>
              <a:buFont typeface="Arial" panose="020B0604020202020204" pitchFamily="34" charset="0"/>
              <a:buChar char="•"/>
            </a:pPr>
            <a:r>
              <a:rPr lang="da-DK" sz="900" b="1" noProof="0" dirty="0">
                <a:solidFill>
                  <a:srgbClr val="000000"/>
                </a:solidFill>
                <a:latin typeface="Arial" panose="020B0604020202020204"/>
              </a:rPr>
              <a:t>Exit-strategier</a:t>
            </a:r>
            <a:r>
              <a:rPr lang="da-DK" sz="900" noProof="0" dirty="0">
                <a:solidFill>
                  <a:srgbClr val="000000"/>
                </a:solidFill>
                <a:latin typeface="Arial" panose="020B0604020202020204"/>
              </a:rPr>
              <a:t> – ofte med ni måneders-horisont –sikrer reelle handlemuligheder.</a:t>
            </a:r>
          </a:p>
          <a:p>
            <a:pPr marL="171433" indent="-171433" defTabSz="1039203">
              <a:spcAft>
                <a:spcPts val="350"/>
              </a:spcAft>
              <a:buFont typeface="Arial" panose="020B0604020202020204" pitchFamily="34" charset="0"/>
              <a:buChar char="•"/>
            </a:pPr>
            <a:r>
              <a:rPr lang="da-DK" sz="900" b="1" noProof="0" dirty="0">
                <a:solidFill>
                  <a:srgbClr val="000000"/>
                </a:solidFill>
                <a:latin typeface="Arial" panose="020B0604020202020204"/>
              </a:rPr>
              <a:t>Partnerskaber</a:t>
            </a:r>
            <a:r>
              <a:rPr lang="da-DK" sz="900" noProof="0" dirty="0">
                <a:solidFill>
                  <a:srgbClr val="000000"/>
                </a:solidFill>
                <a:latin typeface="Arial" panose="020B0604020202020204"/>
              </a:rPr>
              <a:t> enten med fastprisaftaler eller tid- og materiale-kontrakter med lang kontraktvarighed for at sikre stabile vilkår, mulighed for forhandling inden for kontraktperioden samt tid til evt. exit. </a:t>
            </a:r>
          </a:p>
          <a:p>
            <a:pPr marL="171433" indent="-171433" defTabSz="1039203">
              <a:spcAft>
                <a:spcPts val="350"/>
              </a:spcAft>
              <a:buFont typeface="Arial" panose="020B0604020202020204" pitchFamily="34" charset="0"/>
              <a:buChar char="•"/>
            </a:pPr>
            <a:endParaRPr lang="da-DK" sz="900" noProof="0" dirty="0">
              <a:solidFill>
                <a:srgbClr val="000000"/>
              </a:solidFill>
              <a:latin typeface="Arial" panose="020B0604020202020204"/>
            </a:endParaRPr>
          </a:p>
        </p:txBody>
      </p:sp>
      <p:sp>
        <p:nvSpPr>
          <p:cNvPr id="11" name="Rectangle: Rounded Corners 10">
            <a:extLst>
              <a:ext uri="{FF2B5EF4-FFF2-40B4-BE49-F238E27FC236}">
                <a16:creationId xmlns:a16="http://schemas.microsoft.com/office/drawing/2014/main" id="{4A50F004-4D4E-3F0B-8647-2AB38B8CD6FF}"/>
              </a:ext>
            </a:extLst>
          </p:cNvPr>
          <p:cNvSpPr>
            <a:spLocks/>
          </p:cNvSpPr>
          <p:nvPr/>
        </p:nvSpPr>
        <p:spPr>
          <a:xfrm>
            <a:off x="3942336" y="1675957"/>
            <a:ext cx="2483563" cy="395989"/>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1100" b="1" noProof="0" dirty="0">
                <a:solidFill>
                  <a:srgbClr val="36465A"/>
                </a:solidFill>
                <a:latin typeface="Arial" panose="020B0604020202020204"/>
              </a:rPr>
              <a:t>Organisatorisk transformation</a:t>
            </a:r>
          </a:p>
        </p:txBody>
      </p:sp>
      <p:sp>
        <p:nvSpPr>
          <p:cNvPr id="5" name="Rectangle 4">
            <a:extLst>
              <a:ext uri="{FF2B5EF4-FFF2-40B4-BE49-F238E27FC236}">
                <a16:creationId xmlns:a16="http://schemas.microsoft.com/office/drawing/2014/main" id="{9DD5CCA8-F7A8-6A26-0E24-7B47A41AA9F4}"/>
              </a:ext>
            </a:extLst>
          </p:cNvPr>
          <p:cNvSpPr/>
          <p:nvPr/>
        </p:nvSpPr>
        <p:spPr>
          <a:xfrm>
            <a:off x="3565492" y="2069065"/>
            <a:ext cx="2911816" cy="4303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defTabSz="1039203"/>
            <a:r>
              <a:rPr lang="da-DK" sz="900" b="1" noProof="0" dirty="0">
                <a:solidFill>
                  <a:srgbClr val="36465A"/>
                </a:solidFill>
                <a:latin typeface="Arial" panose="020B0604020202020204"/>
                <a:sym typeface="Wingdings" panose="05000000000000000000" pitchFamily="2" charset="2"/>
              </a:rPr>
              <a:t>Projektorganisering </a:t>
            </a:r>
          </a:p>
          <a:p>
            <a:pPr defTabSz="1039203"/>
            <a:r>
              <a:rPr lang="da-DK" sz="900" noProof="0" dirty="0">
                <a:solidFill>
                  <a:srgbClr val="000000"/>
                </a:solidFill>
                <a:latin typeface="Arial" panose="020B0604020202020204"/>
                <a:sym typeface="Wingdings" panose="05000000000000000000" pitchFamily="2" charset="2"/>
              </a:rPr>
              <a:t>Projektorganiseringen i Bankdata er bygget op omkring forretningsbehov og kapabiliteter frem for teknologistakken. Det betyder, at teams struktureres efter den værdi og funktionalitet, de skal levere, og ikke efter de teknologier, der ligger bag. </a:t>
            </a:r>
          </a:p>
          <a:p>
            <a:pPr defTabSz="1039203"/>
            <a:r>
              <a:rPr lang="da-DK" sz="900" noProof="0" dirty="0">
                <a:solidFill>
                  <a:srgbClr val="000000"/>
                </a:solidFill>
                <a:latin typeface="Arial" panose="020B0604020202020204"/>
                <a:sym typeface="Wingdings" panose="05000000000000000000" pitchFamily="2" charset="2"/>
              </a:rPr>
              <a:t>Organisationen er decentral og arbejder med høj grad af autonomi, hvor de enkelte agile teams har mandat til at træffe teknologivalg inden for rammerne af de fælles teknologiprincipper. </a:t>
            </a:r>
          </a:p>
          <a:p>
            <a:pPr defTabSz="1039203"/>
            <a:r>
              <a:rPr lang="da-DK" sz="900" noProof="0" dirty="0">
                <a:solidFill>
                  <a:srgbClr val="000000"/>
                </a:solidFill>
                <a:latin typeface="Arial" panose="020B0604020202020204"/>
                <a:sym typeface="Wingdings" panose="05000000000000000000" pitchFamily="2" charset="2"/>
              </a:rPr>
              <a:t>Denne arbejdsform forudsætter et betydeligt kompetenceniveau, da teams både udvikler, drifter og videreudvikler egne løsninger efter princippet “</a:t>
            </a:r>
            <a:r>
              <a:rPr lang="da-DK" sz="900" noProof="0" dirty="0" err="1">
                <a:solidFill>
                  <a:srgbClr val="000000"/>
                </a:solidFill>
                <a:latin typeface="Arial" panose="020B0604020202020204"/>
                <a:sym typeface="Wingdings" panose="05000000000000000000" pitchFamily="2" charset="2"/>
              </a:rPr>
              <a:t>you</a:t>
            </a:r>
            <a:r>
              <a:rPr lang="da-DK" sz="900" noProof="0" dirty="0">
                <a:solidFill>
                  <a:srgbClr val="000000"/>
                </a:solidFill>
                <a:latin typeface="Arial" panose="020B0604020202020204"/>
                <a:sym typeface="Wingdings" panose="05000000000000000000" pitchFamily="2" charset="2"/>
              </a:rPr>
              <a:t> </a:t>
            </a:r>
            <a:r>
              <a:rPr lang="da-DK" sz="900" noProof="0" dirty="0" err="1">
                <a:solidFill>
                  <a:srgbClr val="000000"/>
                </a:solidFill>
                <a:latin typeface="Arial" panose="020B0604020202020204"/>
                <a:sym typeface="Wingdings" panose="05000000000000000000" pitchFamily="2" charset="2"/>
              </a:rPr>
              <a:t>build</a:t>
            </a:r>
            <a:r>
              <a:rPr lang="da-DK" sz="900" noProof="0" dirty="0">
                <a:solidFill>
                  <a:srgbClr val="000000"/>
                </a:solidFill>
                <a:latin typeface="Arial" panose="020B0604020202020204"/>
                <a:sym typeface="Wingdings" panose="05000000000000000000" pitchFamily="2" charset="2"/>
              </a:rPr>
              <a:t> it, </a:t>
            </a:r>
            <a:r>
              <a:rPr lang="da-DK" sz="900" noProof="0" dirty="0" err="1">
                <a:solidFill>
                  <a:srgbClr val="000000"/>
                </a:solidFill>
                <a:latin typeface="Arial" panose="020B0604020202020204"/>
                <a:sym typeface="Wingdings" panose="05000000000000000000" pitchFamily="2" charset="2"/>
              </a:rPr>
              <a:t>you</a:t>
            </a:r>
            <a:r>
              <a:rPr lang="da-DK" sz="900" noProof="0" dirty="0">
                <a:solidFill>
                  <a:srgbClr val="000000"/>
                </a:solidFill>
                <a:latin typeface="Arial" panose="020B0604020202020204"/>
                <a:sym typeface="Wingdings" panose="05000000000000000000" pitchFamily="2" charset="2"/>
              </a:rPr>
              <a:t> run it”. </a:t>
            </a:r>
          </a:p>
          <a:p>
            <a:pPr defTabSz="1039203"/>
            <a:r>
              <a:rPr lang="da-DK" sz="900" noProof="0" dirty="0">
                <a:solidFill>
                  <a:srgbClr val="000000"/>
                </a:solidFill>
                <a:latin typeface="Arial" panose="020B0604020202020204"/>
                <a:sym typeface="Wingdings" panose="05000000000000000000" pitchFamily="2" charset="2"/>
              </a:rPr>
              <a:t>Det stiller krav om dyb teknisk forståelse, ansvar for hele livscyklussen og evnen til at arbejde på tværs af både udviklings- og driftsdomæner. Der arbejdes med OSS primært gennem en </a:t>
            </a:r>
            <a:r>
              <a:rPr lang="da-DK" sz="900" noProof="0" dirty="0" err="1">
                <a:solidFill>
                  <a:srgbClr val="000000"/>
                </a:solidFill>
                <a:latin typeface="Arial" panose="020B0604020202020204"/>
                <a:sym typeface="Wingdings" panose="05000000000000000000" pitchFamily="2" charset="2"/>
              </a:rPr>
              <a:t>inbound</a:t>
            </a:r>
            <a:r>
              <a:rPr lang="da-DK" sz="900" noProof="0" dirty="0">
                <a:solidFill>
                  <a:srgbClr val="000000"/>
                </a:solidFill>
                <a:latin typeface="Arial" panose="020B0604020202020204"/>
                <a:sym typeface="Wingdings" panose="05000000000000000000" pitchFamily="2" charset="2"/>
              </a:rPr>
              <a:t> tilgang.</a:t>
            </a:r>
          </a:p>
          <a:p>
            <a:pPr defTabSz="1039203"/>
            <a:endParaRPr lang="da-DK" sz="900" b="1" noProof="0" dirty="0">
              <a:solidFill>
                <a:srgbClr val="000000"/>
              </a:solidFill>
              <a:highlight>
                <a:srgbClr val="FFFF00"/>
              </a:highlight>
              <a:latin typeface="Arial" panose="020B0604020202020204"/>
              <a:sym typeface="Wingdings" panose="05000000000000000000" pitchFamily="2" charset="2"/>
            </a:endParaRPr>
          </a:p>
          <a:p>
            <a:pPr defTabSz="1039203"/>
            <a:r>
              <a:rPr lang="da-DK" sz="900" b="1" noProof="0" dirty="0">
                <a:solidFill>
                  <a:srgbClr val="36465A"/>
                </a:solidFill>
                <a:latin typeface="Arial" panose="020B0604020202020204"/>
                <a:sym typeface="Wingdings" panose="05000000000000000000" pitchFamily="2" charset="2"/>
              </a:rPr>
              <a:t>Forandringsledelse</a:t>
            </a:r>
          </a:p>
          <a:p>
            <a:pPr defTabSz="1039203"/>
            <a:r>
              <a:rPr lang="da-DK" sz="900" noProof="0" dirty="0">
                <a:solidFill>
                  <a:srgbClr val="000000"/>
                </a:solidFill>
                <a:latin typeface="Arial" panose="020B0604020202020204"/>
                <a:sym typeface="Wingdings" panose="05000000000000000000" pitchFamily="2" charset="2"/>
              </a:rPr>
              <a:t>Forandringsledelsen fokuserer på at sikre organisatorisk modenhed til at arbejde med høj autonomi, teknologisk fleksibilitet og kontinuerlige teknologiskift. Da digital suverænitet og exit-muligheder er integrerede principper, indebærer forandringen et skift i mindset: fra at tænke i monolitiske mainframe-løsninger til at arbejde med containerbaseret, udskiftelige komponenter og løbende teknologivalg i overensstemmelse med Bankdatas 10 teknologiprincipper samt strategisk deltagelse i open source-fællesskaber som Cloud Native Computing Foundation (CNCF).</a:t>
            </a:r>
          </a:p>
          <a:p>
            <a:pPr defTabSz="1039203"/>
            <a:endParaRPr lang="da-DK" sz="900" b="1" noProof="0" dirty="0">
              <a:solidFill>
                <a:srgbClr val="000000"/>
              </a:solidFill>
              <a:latin typeface="Arial" panose="020B0604020202020204"/>
              <a:sym typeface="Wingdings" panose="05000000000000000000" pitchFamily="2" charset="2"/>
            </a:endParaRPr>
          </a:p>
          <a:p>
            <a:pPr defTabSz="1039203"/>
            <a:endParaRPr lang="da-DK" sz="900" b="1" noProof="0" dirty="0">
              <a:solidFill>
                <a:srgbClr val="000000"/>
              </a:solidFill>
              <a:latin typeface="Arial" panose="020B0604020202020204"/>
              <a:sym typeface="Wingdings" panose="05000000000000000000" pitchFamily="2" charset="2"/>
            </a:endParaRPr>
          </a:p>
          <a:p>
            <a:pPr defTabSz="1039203">
              <a:spcAft>
                <a:spcPts val="350"/>
              </a:spcAft>
            </a:pPr>
            <a:endParaRPr lang="da-DK" sz="900" b="1" noProof="0" dirty="0">
              <a:solidFill>
                <a:srgbClr val="000000"/>
              </a:solidFill>
              <a:latin typeface="Arial" panose="020B0604020202020204"/>
            </a:endParaRPr>
          </a:p>
        </p:txBody>
      </p:sp>
      <p:sp>
        <p:nvSpPr>
          <p:cNvPr id="7" name="Rectangle 6">
            <a:extLst>
              <a:ext uri="{FF2B5EF4-FFF2-40B4-BE49-F238E27FC236}">
                <a16:creationId xmlns:a16="http://schemas.microsoft.com/office/drawing/2014/main" id="{19A6FCBB-9C67-DCBC-B1DA-A6335015DA00}"/>
              </a:ext>
              <a:ext uri="{C183D7F6-B498-43B3-948B-1728B52AA6E4}">
                <adec:decorative xmlns:adec="http://schemas.microsoft.com/office/drawing/2017/decorative" val="1"/>
              </a:ext>
            </a:extLst>
          </p:cNvPr>
          <p:cNvSpPr>
            <a:spLocks/>
          </p:cNvSpPr>
          <p:nvPr/>
        </p:nvSpPr>
        <p:spPr>
          <a:xfrm rot="5400000">
            <a:off x="1243825" y="3998234"/>
            <a:ext cx="4607866" cy="17999"/>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endParaRPr lang="da-DK" sz="1100" noProof="0" dirty="0">
              <a:solidFill>
                <a:srgbClr val="FFFFFF"/>
              </a:solidFill>
              <a:latin typeface="Arial" panose="020B0604020202020204"/>
            </a:endParaRPr>
          </a:p>
        </p:txBody>
      </p:sp>
      <p:cxnSp>
        <p:nvCxnSpPr>
          <p:cNvPr id="8" name="Straight Connector 7">
            <a:extLst>
              <a:ext uri="{FF2B5EF4-FFF2-40B4-BE49-F238E27FC236}">
                <a16:creationId xmlns:a16="http://schemas.microsoft.com/office/drawing/2014/main" id="{6F9DB17D-EB47-5870-E49E-F5077D78C21B}"/>
              </a:ext>
              <a:ext uri="{C183D7F6-B498-43B3-948B-1728B52AA6E4}">
                <adec:decorative xmlns:adec="http://schemas.microsoft.com/office/drawing/2017/decorative" val="1"/>
              </a:ext>
            </a:extLst>
          </p:cNvPr>
          <p:cNvCxnSpPr>
            <a:cxnSpLocks/>
          </p:cNvCxnSpPr>
          <p:nvPr/>
        </p:nvCxnSpPr>
        <p:spPr>
          <a:xfrm>
            <a:off x="652961" y="2069065"/>
            <a:ext cx="2771919"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7FD3C9E0-DC1E-B109-3163-2856829EDD85}"/>
              </a:ext>
              <a:ext uri="{C183D7F6-B498-43B3-948B-1728B52AA6E4}">
                <adec:decorative xmlns:adec="http://schemas.microsoft.com/office/drawing/2017/decorative" val="1"/>
              </a:ext>
            </a:extLst>
          </p:cNvPr>
          <p:cNvCxnSpPr>
            <a:cxnSpLocks/>
          </p:cNvCxnSpPr>
          <p:nvPr/>
        </p:nvCxnSpPr>
        <p:spPr>
          <a:xfrm>
            <a:off x="3647554" y="2069065"/>
            <a:ext cx="2771919"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682AE1AF-BAB3-AD43-DD35-814680393BC5}"/>
              </a:ext>
              <a:ext uri="{C183D7F6-B498-43B3-948B-1728B52AA6E4}">
                <adec:decorative xmlns:adec="http://schemas.microsoft.com/office/drawing/2017/decorative" val="1"/>
              </a:ext>
            </a:extLst>
          </p:cNvPr>
          <p:cNvSpPr>
            <a:spLocks/>
          </p:cNvSpPr>
          <p:nvPr/>
        </p:nvSpPr>
        <p:spPr>
          <a:xfrm rot="5400000">
            <a:off x="-1754544" y="3998234"/>
            <a:ext cx="4607866" cy="17999"/>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endParaRPr lang="da-DK" sz="1100" noProof="0" dirty="0">
              <a:solidFill>
                <a:srgbClr val="FFFFFF"/>
              </a:solidFill>
              <a:latin typeface="Arial" panose="020B0604020202020204"/>
            </a:endParaRPr>
          </a:p>
        </p:txBody>
      </p:sp>
      <p:sp>
        <p:nvSpPr>
          <p:cNvPr id="66" name="Rectangle 65">
            <a:extLst>
              <a:ext uri="{FF2B5EF4-FFF2-40B4-BE49-F238E27FC236}">
                <a16:creationId xmlns:a16="http://schemas.microsoft.com/office/drawing/2014/main" id="{AF52F044-4D82-5FB6-9A86-BCA760D17BE2}"/>
              </a:ext>
              <a:ext uri="{C183D7F6-B498-43B3-948B-1728B52AA6E4}">
                <adec:decorative xmlns:adec="http://schemas.microsoft.com/office/drawing/2017/decorative" val="1"/>
              </a:ext>
            </a:extLst>
          </p:cNvPr>
          <p:cNvSpPr>
            <a:spLocks/>
          </p:cNvSpPr>
          <p:nvPr/>
        </p:nvSpPr>
        <p:spPr>
          <a:xfrm rot="5400000">
            <a:off x="4210083" y="3998234"/>
            <a:ext cx="4607866" cy="17999"/>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endParaRPr lang="da-DK" sz="1100" noProof="0" dirty="0">
              <a:solidFill>
                <a:srgbClr val="FFFFFF"/>
              </a:solidFill>
              <a:latin typeface="Arial" panose="020B0604020202020204"/>
            </a:endParaRPr>
          </a:p>
        </p:txBody>
      </p:sp>
      <p:sp>
        <p:nvSpPr>
          <p:cNvPr id="6" name="Freeform 29">
            <a:extLst>
              <a:ext uri="{FF2B5EF4-FFF2-40B4-BE49-F238E27FC236}">
                <a16:creationId xmlns:a16="http://schemas.microsoft.com/office/drawing/2014/main" id="{CAA9BA69-F1DF-1A2B-05B5-705C36229D95}"/>
              </a:ext>
              <a:ext uri="{C183D7F6-B498-43B3-948B-1728B52AA6E4}">
                <adec:decorative xmlns:adec="http://schemas.microsoft.com/office/drawing/2017/decorative" val="1"/>
              </a:ext>
            </a:extLst>
          </p:cNvPr>
          <p:cNvSpPr>
            <a:spLocks noEditPoints="1"/>
          </p:cNvSpPr>
          <p:nvPr/>
        </p:nvSpPr>
        <p:spPr bwMode="auto">
          <a:xfrm>
            <a:off x="3646991" y="1757487"/>
            <a:ext cx="288616" cy="249936"/>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12" name="Freeform 21">
            <a:extLst>
              <a:ext uri="{FF2B5EF4-FFF2-40B4-BE49-F238E27FC236}">
                <a16:creationId xmlns:a16="http://schemas.microsoft.com/office/drawing/2014/main" id="{A0D040B8-067D-1A2C-4318-2E7EE4F4E56B}"/>
              </a:ext>
              <a:ext uri="{C183D7F6-B498-43B3-948B-1728B52AA6E4}">
                <adec:decorative xmlns:adec="http://schemas.microsoft.com/office/drawing/2017/decorative" val="1"/>
              </a:ext>
            </a:extLst>
          </p:cNvPr>
          <p:cNvSpPr>
            <a:spLocks noEditPoints="1"/>
          </p:cNvSpPr>
          <p:nvPr/>
        </p:nvSpPr>
        <p:spPr bwMode="auto">
          <a:xfrm>
            <a:off x="643754" y="1776371"/>
            <a:ext cx="269690" cy="212166"/>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33" name="TextBox 32">
            <a:extLst>
              <a:ext uri="{FF2B5EF4-FFF2-40B4-BE49-F238E27FC236}">
                <a16:creationId xmlns:a16="http://schemas.microsoft.com/office/drawing/2014/main" id="{98F3B17F-B109-D860-F69D-35BADB44AD8A}"/>
              </a:ext>
            </a:extLst>
          </p:cNvPr>
          <p:cNvSpPr txBox="1"/>
          <p:nvPr/>
        </p:nvSpPr>
        <p:spPr>
          <a:xfrm>
            <a:off x="6763169" y="1783513"/>
            <a:ext cx="1609645" cy="246214"/>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defTabSz="1039203"/>
            <a:r>
              <a:rPr lang="da-DK" sz="1100" noProof="0" dirty="0">
                <a:latin typeface="Arial" panose="020B0604020202020204"/>
              </a:rPr>
              <a:t>Omkostningsdrivere</a:t>
            </a:r>
          </a:p>
        </p:txBody>
      </p:sp>
      <p:sp>
        <p:nvSpPr>
          <p:cNvPr id="29" name="Content Placeholder 5">
            <a:extLst>
              <a:ext uri="{FF2B5EF4-FFF2-40B4-BE49-F238E27FC236}">
                <a16:creationId xmlns:a16="http://schemas.microsoft.com/office/drawing/2014/main" id="{D94BC694-2606-673D-0A19-667F31098B46}"/>
              </a:ext>
            </a:extLst>
          </p:cNvPr>
          <p:cNvSpPr txBox="1">
            <a:spLocks/>
          </p:cNvSpPr>
          <p:nvPr/>
        </p:nvSpPr>
        <p:spPr>
          <a:xfrm>
            <a:off x="6858601" y="2022503"/>
            <a:ext cx="2112444" cy="228145"/>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04" indent="-87304" defTabSz="203872">
              <a:spcAft>
                <a:spcPts val="300"/>
              </a:spcAft>
            </a:pPr>
            <a:r>
              <a:rPr lang="da-DK" sz="700" b="0" i="1" noProof="0" dirty="0">
                <a:solidFill>
                  <a:srgbClr val="000000"/>
                </a:solidFill>
                <a:latin typeface="Arial" panose="020B0604020202020204"/>
              </a:rPr>
              <a:t>Omkostningsniveauer er udtryk for en relativ vurdering på tværs af cases foretaget af PA</a:t>
            </a:r>
          </a:p>
        </p:txBody>
      </p:sp>
      <p:grpSp>
        <p:nvGrpSpPr>
          <p:cNvPr id="55" name="Group 54" descr="Projektledelse er en lille til mellem midlertidig omkostningsdriver">
            <a:extLst>
              <a:ext uri="{FF2B5EF4-FFF2-40B4-BE49-F238E27FC236}">
                <a16:creationId xmlns:a16="http://schemas.microsoft.com/office/drawing/2014/main" id="{C943F1EB-CE4B-89C1-F74C-2834806C6957}"/>
              </a:ext>
              <a:ext uri="{C183D7F6-B498-43B3-948B-1728B52AA6E4}">
                <adec:decorative xmlns:adec="http://schemas.microsoft.com/office/drawing/2017/decorative" val="0"/>
              </a:ext>
            </a:extLst>
          </p:cNvPr>
          <p:cNvGrpSpPr/>
          <p:nvPr/>
        </p:nvGrpSpPr>
        <p:grpSpPr>
          <a:xfrm>
            <a:off x="7290728" y="2791225"/>
            <a:ext cx="1577695" cy="263067"/>
            <a:chOff x="860772" y="4886922"/>
            <a:chExt cx="1487909" cy="248095"/>
          </a:xfrm>
        </p:grpSpPr>
        <p:grpSp>
          <p:nvGrpSpPr>
            <p:cNvPr id="56" name="Group 55">
              <a:extLst>
                <a:ext uri="{FF2B5EF4-FFF2-40B4-BE49-F238E27FC236}">
                  <a16:creationId xmlns:a16="http://schemas.microsoft.com/office/drawing/2014/main" id="{DC652433-BD31-FE60-CA7A-A29E138379BF}"/>
                </a:ext>
              </a:extLst>
            </p:cNvPr>
            <p:cNvGrpSpPr/>
            <p:nvPr/>
          </p:nvGrpSpPr>
          <p:grpSpPr>
            <a:xfrm>
              <a:off x="860772" y="4886922"/>
              <a:ext cx="1487909" cy="209845"/>
              <a:chOff x="5354949" y="3012219"/>
              <a:chExt cx="1645739" cy="200250"/>
            </a:xfrm>
          </p:grpSpPr>
          <p:grpSp>
            <p:nvGrpSpPr>
              <p:cNvPr id="58" name="Group 57">
                <a:extLst>
                  <a:ext uri="{FF2B5EF4-FFF2-40B4-BE49-F238E27FC236}">
                    <a16:creationId xmlns:a16="http://schemas.microsoft.com/office/drawing/2014/main" id="{BD132B0D-AE50-641A-0B88-35B1FC9D8E51}"/>
                  </a:ext>
                </a:extLst>
              </p:cNvPr>
              <p:cNvGrpSpPr/>
              <p:nvPr/>
            </p:nvGrpSpPr>
            <p:grpSpPr>
              <a:xfrm>
                <a:off x="5458296" y="3153610"/>
                <a:ext cx="1445092" cy="45719"/>
                <a:chOff x="5458296" y="3153610"/>
                <a:chExt cx="1445092" cy="45719"/>
              </a:xfrm>
            </p:grpSpPr>
            <p:cxnSp>
              <p:nvCxnSpPr>
                <p:cNvPr id="62" name="Straight Connector 61">
                  <a:extLst>
                    <a:ext uri="{FF2B5EF4-FFF2-40B4-BE49-F238E27FC236}">
                      <a16:creationId xmlns:a16="http://schemas.microsoft.com/office/drawing/2014/main" id="{9265546E-0DE7-22AC-4AB0-CB6F80B5C163}"/>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63" name="Oval 62">
                  <a:extLst>
                    <a:ext uri="{FF2B5EF4-FFF2-40B4-BE49-F238E27FC236}">
                      <a16:creationId xmlns:a16="http://schemas.microsoft.com/office/drawing/2014/main" id="{4CB0F73C-41DC-931C-C63A-21D63B056B8C}"/>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sp>
              <p:nvSpPr>
                <p:cNvPr id="64" name="Oval 63">
                  <a:extLst>
                    <a:ext uri="{FF2B5EF4-FFF2-40B4-BE49-F238E27FC236}">
                      <a16:creationId xmlns:a16="http://schemas.microsoft.com/office/drawing/2014/main" id="{ED5B7288-09CD-08F2-1D4A-B5757EAB8D18}"/>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cxnSp>
            <p:nvCxnSpPr>
              <p:cNvPr id="59" name="Straight Connector 58">
                <a:extLst>
                  <a:ext uri="{FF2B5EF4-FFF2-40B4-BE49-F238E27FC236}">
                    <a16:creationId xmlns:a16="http://schemas.microsoft.com/office/drawing/2014/main" id="{F0509D26-B2DD-30EA-3AC0-0E1A0EBB4669}"/>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0" name="TextBox 59">
                <a:extLst>
                  <a:ext uri="{FF2B5EF4-FFF2-40B4-BE49-F238E27FC236}">
                    <a16:creationId xmlns:a16="http://schemas.microsoft.com/office/drawing/2014/main" id="{06530144-FD9C-C059-8F30-788B410B5855}"/>
                  </a:ext>
                </a:extLst>
              </p:cNvPr>
              <p:cNvSpPr txBox="1"/>
              <p:nvPr/>
            </p:nvSpPr>
            <p:spPr>
              <a:xfrm>
                <a:off x="5354949" y="3012219"/>
                <a:ext cx="252411" cy="83094"/>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Lille</a:t>
                </a:r>
              </a:p>
            </p:txBody>
          </p:sp>
          <p:sp>
            <p:nvSpPr>
              <p:cNvPr id="61" name="TextBox 60">
                <a:extLst>
                  <a:ext uri="{FF2B5EF4-FFF2-40B4-BE49-F238E27FC236}">
                    <a16:creationId xmlns:a16="http://schemas.microsoft.com/office/drawing/2014/main" id="{AAA21A56-E02B-F55B-D71A-10BE0C9F0694}"/>
                  </a:ext>
                </a:extLst>
              </p:cNvPr>
              <p:cNvSpPr txBox="1"/>
              <p:nvPr/>
            </p:nvSpPr>
            <p:spPr>
              <a:xfrm>
                <a:off x="6748277" y="3012234"/>
                <a:ext cx="252411" cy="83095"/>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Stor</a:t>
                </a:r>
              </a:p>
            </p:txBody>
          </p:sp>
        </p:grpSp>
        <p:sp>
          <p:nvSpPr>
            <p:cNvPr id="57" name="Oval 56">
              <a:extLst>
                <a:ext uri="{FF2B5EF4-FFF2-40B4-BE49-F238E27FC236}">
                  <a16:creationId xmlns:a16="http://schemas.microsoft.com/office/drawing/2014/main" id="{4D352ED5-2BB9-7BEA-6D57-A0BD2624FBB5}"/>
                </a:ext>
              </a:extLst>
            </p:cNvPr>
            <p:cNvSpPr/>
            <p:nvPr/>
          </p:nvSpPr>
          <p:spPr>
            <a:xfrm>
              <a:off x="119612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grpSp>
        <p:nvGrpSpPr>
          <p:cNvPr id="131" name="Group 130" descr="Organisatorisk implementering er en lille til mellem midlertidig omkostningsdriver">
            <a:extLst>
              <a:ext uri="{FF2B5EF4-FFF2-40B4-BE49-F238E27FC236}">
                <a16:creationId xmlns:a16="http://schemas.microsoft.com/office/drawing/2014/main" id="{6D14EC04-80AB-6FD0-9163-E53AFA9673BE}"/>
              </a:ext>
              <a:ext uri="{C183D7F6-B498-43B3-948B-1728B52AA6E4}">
                <adec:decorative xmlns:adec="http://schemas.microsoft.com/office/drawing/2017/decorative" val="0"/>
              </a:ext>
            </a:extLst>
          </p:cNvPr>
          <p:cNvGrpSpPr/>
          <p:nvPr/>
        </p:nvGrpSpPr>
        <p:grpSpPr>
          <a:xfrm>
            <a:off x="7290728" y="3347397"/>
            <a:ext cx="1577695" cy="263067"/>
            <a:chOff x="860772" y="4886922"/>
            <a:chExt cx="1487909" cy="248095"/>
          </a:xfrm>
        </p:grpSpPr>
        <p:grpSp>
          <p:nvGrpSpPr>
            <p:cNvPr id="132" name="Group 131">
              <a:extLst>
                <a:ext uri="{FF2B5EF4-FFF2-40B4-BE49-F238E27FC236}">
                  <a16:creationId xmlns:a16="http://schemas.microsoft.com/office/drawing/2014/main" id="{BB15816C-F468-22B7-2EFE-831BDF367E0E}"/>
                </a:ext>
              </a:extLst>
            </p:cNvPr>
            <p:cNvGrpSpPr/>
            <p:nvPr/>
          </p:nvGrpSpPr>
          <p:grpSpPr>
            <a:xfrm>
              <a:off x="860772" y="4886922"/>
              <a:ext cx="1487909" cy="209845"/>
              <a:chOff x="5354949" y="3012219"/>
              <a:chExt cx="1645739" cy="200250"/>
            </a:xfrm>
          </p:grpSpPr>
          <p:grpSp>
            <p:nvGrpSpPr>
              <p:cNvPr id="134" name="Group 133">
                <a:extLst>
                  <a:ext uri="{FF2B5EF4-FFF2-40B4-BE49-F238E27FC236}">
                    <a16:creationId xmlns:a16="http://schemas.microsoft.com/office/drawing/2014/main" id="{D9851436-83E8-FC28-CCD7-0C4D72B54AA7}"/>
                  </a:ext>
                </a:extLst>
              </p:cNvPr>
              <p:cNvGrpSpPr/>
              <p:nvPr/>
            </p:nvGrpSpPr>
            <p:grpSpPr>
              <a:xfrm>
                <a:off x="5458296" y="3153610"/>
                <a:ext cx="1445092" cy="45719"/>
                <a:chOff x="5458296" y="3153610"/>
                <a:chExt cx="1445092" cy="45719"/>
              </a:xfrm>
            </p:grpSpPr>
            <p:cxnSp>
              <p:nvCxnSpPr>
                <p:cNvPr id="138" name="Straight Connector 137">
                  <a:extLst>
                    <a:ext uri="{FF2B5EF4-FFF2-40B4-BE49-F238E27FC236}">
                      <a16:creationId xmlns:a16="http://schemas.microsoft.com/office/drawing/2014/main" id="{A82602E4-C934-E115-77D5-69F7F7C7E2CE}"/>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39" name="Oval 138">
                  <a:extLst>
                    <a:ext uri="{FF2B5EF4-FFF2-40B4-BE49-F238E27FC236}">
                      <a16:creationId xmlns:a16="http://schemas.microsoft.com/office/drawing/2014/main" id="{0876B183-ABB8-1BD0-97C6-6D6E63324DC0}"/>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sp>
              <p:nvSpPr>
                <p:cNvPr id="140" name="Oval 139">
                  <a:extLst>
                    <a:ext uri="{FF2B5EF4-FFF2-40B4-BE49-F238E27FC236}">
                      <a16:creationId xmlns:a16="http://schemas.microsoft.com/office/drawing/2014/main" id="{66146F30-E3FE-E5AC-2DEC-EB260F160457}"/>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cxnSp>
            <p:nvCxnSpPr>
              <p:cNvPr id="135" name="Straight Connector 134">
                <a:extLst>
                  <a:ext uri="{FF2B5EF4-FFF2-40B4-BE49-F238E27FC236}">
                    <a16:creationId xmlns:a16="http://schemas.microsoft.com/office/drawing/2014/main" id="{5585763E-41EA-9318-2036-BE1EFD58DD5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36" name="TextBox 135">
                <a:extLst>
                  <a:ext uri="{FF2B5EF4-FFF2-40B4-BE49-F238E27FC236}">
                    <a16:creationId xmlns:a16="http://schemas.microsoft.com/office/drawing/2014/main" id="{6C7EC092-1141-AE54-19E7-D352DF705366}"/>
                  </a:ext>
                </a:extLst>
              </p:cNvPr>
              <p:cNvSpPr txBox="1"/>
              <p:nvPr/>
            </p:nvSpPr>
            <p:spPr>
              <a:xfrm>
                <a:off x="5354949" y="3012219"/>
                <a:ext cx="252411" cy="83094"/>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Lille</a:t>
                </a:r>
              </a:p>
            </p:txBody>
          </p:sp>
          <p:sp>
            <p:nvSpPr>
              <p:cNvPr id="137" name="TextBox 136">
                <a:extLst>
                  <a:ext uri="{FF2B5EF4-FFF2-40B4-BE49-F238E27FC236}">
                    <a16:creationId xmlns:a16="http://schemas.microsoft.com/office/drawing/2014/main" id="{BFB7C7ED-7E8B-CF03-AC86-B521F1EC3E16}"/>
                  </a:ext>
                </a:extLst>
              </p:cNvPr>
              <p:cNvSpPr txBox="1"/>
              <p:nvPr/>
            </p:nvSpPr>
            <p:spPr>
              <a:xfrm>
                <a:off x="6748277" y="3012234"/>
                <a:ext cx="252411" cy="83095"/>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Stor</a:t>
                </a:r>
              </a:p>
            </p:txBody>
          </p:sp>
        </p:grpSp>
        <p:sp>
          <p:nvSpPr>
            <p:cNvPr id="133" name="Oval 132">
              <a:extLst>
                <a:ext uri="{FF2B5EF4-FFF2-40B4-BE49-F238E27FC236}">
                  <a16:creationId xmlns:a16="http://schemas.microsoft.com/office/drawing/2014/main" id="{6032F469-33A7-D58B-719D-B60943B93A98}"/>
                </a:ext>
              </a:extLst>
            </p:cNvPr>
            <p:cNvSpPr/>
            <p:nvPr/>
          </p:nvSpPr>
          <p:spPr>
            <a:xfrm>
              <a:off x="1197508"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grpSp>
        <p:nvGrpSpPr>
          <p:cNvPr id="231" name="Group 230" descr="Teknisk implementering er en lille til mellem midlertidig omkostningsdriver">
            <a:extLst>
              <a:ext uri="{FF2B5EF4-FFF2-40B4-BE49-F238E27FC236}">
                <a16:creationId xmlns:a16="http://schemas.microsoft.com/office/drawing/2014/main" id="{2B6AD2D4-7E10-4019-8D7F-060F6ED3D09B}"/>
              </a:ext>
              <a:ext uri="{C183D7F6-B498-43B3-948B-1728B52AA6E4}">
                <adec:decorative xmlns:adec="http://schemas.microsoft.com/office/drawing/2017/decorative" val="0"/>
              </a:ext>
            </a:extLst>
          </p:cNvPr>
          <p:cNvGrpSpPr/>
          <p:nvPr/>
        </p:nvGrpSpPr>
        <p:grpSpPr>
          <a:xfrm>
            <a:off x="7290728" y="3925540"/>
            <a:ext cx="1577694" cy="263067"/>
            <a:chOff x="860772" y="4886922"/>
            <a:chExt cx="1487909" cy="248095"/>
          </a:xfrm>
        </p:grpSpPr>
        <p:grpSp>
          <p:nvGrpSpPr>
            <p:cNvPr id="232" name="Group 231">
              <a:extLst>
                <a:ext uri="{FF2B5EF4-FFF2-40B4-BE49-F238E27FC236}">
                  <a16:creationId xmlns:a16="http://schemas.microsoft.com/office/drawing/2014/main" id="{1903228C-6BBC-591F-E80F-90E393C68ED3}"/>
                </a:ext>
              </a:extLst>
            </p:cNvPr>
            <p:cNvGrpSpPr/>
            <p:nvPr/>
          </p:nvGrpSpPr>
          <p:grpSpPr>
            <a:xfrm>
              <a:off x="860772" y="4886922"/>
              <a:ext cx="1487909" cy="209845"/>
              <a:chOff x="5354949" y="3012219"/>
              <a:chExt cx="1645739" cy="200250"/>
            </a:xfrm>
          </p:grpSpPr>
          <p:grpSp>
            <p:nvGrpSpPr>
              <p:cNvPr id="234" name="Group 233">
                <a:extLst>
                  <a:ext uri="{FF2B5EF4-FFF2-40B4-BE49-F238E27FC236}">
                    <a16:creationId xmlns:a16="http://schemas.microsoft.com/office/drawing/2014/main" id="{A741AA1A-A681-CB5A-A6E4-2B39E68AE767}"/>
                  </a:ext>
                </a:extLst>
              </p:cNvPr>
              <p:cNvGrpSpPr/>
              <p:nvPr/>
            </p:nvGrpSpPr>
            <p:grpSpPr>
              <a:xfrm>
                <a:off x="5458296" y="3153610"/>
                <a:ext cx="1445092" cy="45719"/>
                <a:chOff x="5458296" y="3153610"/>
                <a:chExt cx="1445092" cy="45719"/>
              </a:xfrm>
            </p:grpSpPr>
            <p:cxnSp>
              <p:nvCxnSpPr>
                <p:cNvPr id="238" name="Straight Connector 237">
                  <a:extLst>
                    <a:ext uri="{FF2B5EF4-FFF2-40B4-BE49-F238E27FC236}">
                      <a16:creationId xmlns:a16="http://schemas.microsoft.com/office/drawing/2014/main" id="{31C739D7-E0D9-430B-F555-C69F1F1B9E0B}"/>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239" name="Oval 238">
                  <a:extLst>
                    <a:ext uri="{FF2B5EF4-FFF2-40B4-BE49-F238E27FC236}">
                      <a16:creationId xmlns:a16="http://schemas.microsoft.com/office/drawing/2014/main" id="{EB88A163-059B-6545-A6DE-A1ED103DDDDB}"/>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sp>
              <p:nvSpPr>
                <p:cNvPr id="240" name="Oval 239">
                  <a:extLst>
                    <a:ext uri="{FF2B5EF4-FFF2-40B4-BE49-F238E27FC236}">
                      <a16:creationId xmlns:a16="http://schemas.microsoft.com/office/drawing/2014/main" id="{BB9F7027-E6C7-35CF-54BD-491169521D3D}"/>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cxnSp>
            <p:nvCxnSpPr>
              <p:cNvPr id="235" name="Straight Connector 234">
                <a:extLst>
                  <a:ext uri="{FF2B5EF4-FFF2-40B4-BE49-F238E27FC236}">
                    <a16:creationId xmlns:a16="http://schemas.microsoft.com/office/drawing/2014/main" id="{C7122CB9-60AE-390C-7A13-8D647B24D599}"/>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36" name="TextBox 235">
                <a:extLst>
                  <a:ext uri="{FF2B5EF4-FFF2-40B4-BE49-F238E27FC236}">
                    <a16:creationId xmlns:a16="http://schemas.microsoft.com/office/drawing/2014/main" id="{4D907230-450E-F0A5-67B2-6F80899D60E1}"/>
                  </a:ext>
                </a:extLst>
              </p:cNvPr>
              <p:cNvSpPr txBox="1"/>
              <p:nvPr/>
            </p:nvSpPr>
            <p:spPr>
              <a:xfrm>
                <a:off x="5354949" y="3012219"/>
                <a:ext cx="252411" cy="83094"/>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Lille</a:t>
                </a:r>
              </a:p>
            </p:txBody>
          </p:sp>
          <p:sp>
            <p:nvSpPr>
              <p:cNvPr id="237" name="TextBox 236">
                <a:extLst>
                  <a:ext uri="{FF2B5EF4-FFF2-40B4-BE49-F238E27FC236}">
                    <a16:creationId xmlns:a16="http://schemas.microsoft.com/office/drawing/2014/main" id="{29983562-9426-2A70-9C94-E99CFCD11E2E}"/>
                  </a:ext>
                </a:extLst>
              </p:cNvPr>
              <p:cNvSpPr txBox="1"/>
              <p:nvPr/>
            </p:nvSpPr>
            <p:spPr>
              <a:xfrm>
                <a:off x="6748277" y="3012234"/>
                <a:ext cx="252411" cy="83095"/>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Stor</a:t>
                </a:r>
              </a:p>
            </p:txBody>
          </p:sp>
        </p:grpSp>
        <p:sp>
          <p:nvSpPr>
            <p:cNvPr id="233" name="Oval 232">
              <a:extLst>
                <a:ext uri="{FF2B5EF4-FFF2-40B4-BE49-F238E27FC236}">
                  <a16:creationId xmlns:a16="http://schemas.microsoft.com/office/drawing/2014/main" id="{F2735999-2638-227D-9746-17001E025F7A}"/>
                </a:ext>
              </a:extLst>
            </p:cNvPr>
            <p:cNvSpPr/>
            <p:nvPr/>
          </p:nvSpPr>
          <p:spPr>
            <a:xfrm>
              <a:off x="119612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grpSp>
        <p:nvGrpSpPr>
          <p:cNvPr id="151" name="Group 150" descr="Teknologi er en mellem driftsomkostning">
            <a:extLst>
              <a:ext uri="{FF2B5EF4-FFF2-40B4-BE49-F238E27FC236}">
                <a16:creationId xmlns:a16="http://schemas.microsoft.com/office/drawing/2014/main" id="{DA814406-561C-0765-D35B-E43F8DE5FCBA}"/>
              </a:ext>
              <a:ext uri="{C183D7F6-B498-43B3-948B-1728B52AA6E4}">
                <adec:decorative xmlns:adec="http://schemas.microsoft.com/office/drawing/2017/decorative" val="0"/>
              </a:ext>
            </a:extLst>
          </p:cNvPr>
          <p:cNvGrpSpPr/>
          <p:nvPr/>
        </p:nvGrpSpPr>
        <p:grpSpPr>
          <a:xfrm>
            <a:off x="7290728" y="4821198"/>
            <a:ext cx="1577695" cy="263067"/>
            <a:chOff x="860772" y="4886922"/>
            <a:chExt cx="1487909" cy="248095"/>
          </a:xfrm>
        </p:grpSpPr>
        <p:grpSp>
          <p:nvGrpSpPr>
            <p:cNvPr id="152" name="Group 151">
              <a:extLst>
                <a:ext uri="{FF2B5EF4-FFF2-40B4-BE49-F238E27FC236}">
                  <a16:creationId xmlns:a16="http://schemas.microsoft.com/office/drawing/2014/main" id="{287D6409-7F7D-0144-8342-A141B51E0717}"/>
                </a:ext>
              </a:extLst>
            </p:cNvPr>
            <p:cNvGrpSpPr/>
            <p:nvPr/>
          </p:nvGrpSpPr>
          <p:grpSpPr>
            <a:xfrm>
              <a:off x="860772" y="4886922"/>
              <a:ext cx="1487909" cy="209845"/>
              <a:chOff x="5354949" y="3012219"/>
              <a:chExt cx="1645739" cy="200250"/>
            </a:xfrm>
          </p:grpSpPr>
          <p:grpSp>
            <p:nvGrpSpPr>
              <p:cNvPr id="154" name="Group 153">
                <a:extLst>
                  <a:ext uri="{FF2B5EF4-FFF2-40B4-BE49-F238E27FC236}">
                    <a16:creationId xmlns:a16="http://schemas.microsoft.com/office/drawing/2014/main" id="{5CBD33AC-B4C2-C0F9-93F6-4256A04FB286}"/>
                  </a:ext>
                </a:extLst>
              </p:cNvPr>
              <p:cNvGrpSpPr/>
              <p:nvPr/>
            </p:nvGrpSpPr>
            <p:grpSpPr>
              <a:xfrm>
                <a:off x="5458296" y="3153610"/>
                <a:ext cx="1445092" cy="45719"/>
                <a:chOff x="5458296" y="3153610"/>
                <a:chExt cx="1445092" cy="45719"/>
              </a:xfrm>
            </p:grpSpPr>
            <p:cxnSp>
              <p:nvCxnSpPr>
                <p:cNvPr id="158" name="Straight Connector 157">
                  <a:extLst>
                    <a:ext uri="{FF2B5EF4-FFF2-40B4-BE49-F238E27FC236}">
                      <a16:creationId xmlns:a16="http://schemas.microsoft.com/office/drawing/2014/main" id="{852276AA-EE69-355F-99C7-78C1FBA97BB4}"/>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59" name="Oval 158">
                  <a:extLst>
                    <a:ext uri="{FF2B5EF4-FFF2-40B4-BE49-F238E27FC236}">
                      <a16:creationId xmlns:a16="http://schemas.microsoft.com/office/drawing/2014/main" id="{D347BE94-2A3E-8018-D098-354936144E3D}"/>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sp>
              <p:nvSpPr>
                <p:cNvPr id="160" name="Oval 159">
                  <a:extLst>
                    <a:ext uri="{FF2B5EF4-FFF2-40B4-BE49-F238E27FC236}">
                      <a16:creationId xmlns:a16="http://schemas.microsoft.com/office/drawing/2014/main" id="{C228FEF3-379E-6091-E624-F4FD2170D660}"/>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cxnSp>
            <p:nvCxnSpPr>
              <p:cNvPr id="155" name="Straight Connector 154">
                <a:extLst>
                  <a:ext uri="{FF2B5EF4-FFF2-40B4-BE49-F238E27FC236}">
                    <a16:creationId xmlns:a16="http://schemas.microsoft.com/office/drawing/2014/main" id="{0842D8BA-1786-0651-8A76-FE8213AF54C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56" name="TextBox 155">
                <a:extLst>
                  <a:ext uri="{FF2B5EF4-FFF2-40B4-BE49-F238E27FC236}">
                    <a16:creationId xmlns:a16="http://schemas.microsoft.com/office/drawing/2014/main" id="{255123C8-ABB5-F35D-6E08-AA5874249EBB}"/>
                  </a:ext>
                </a:extLst>
              </p:cNvPr>
              <p:cNvSpPr txBox="1"/>
              <p:nvPr/>
            </p:nvSpPr>
            <p:spPr>
              <a:xfrm>
                <a:off x="5354949" y="3012219"/>
                <a:ext cx="252411" cy="83094"/>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Lille</a:t>
                </a:r>
              </a:p>
            </p:txBody>
          </p:sp>
          <p:sp>
            <p:nvSpPr>
              <p:cNvPr id="157" name="TextBox 156">
                <a:extLst>
                  <a:ext uri="{FF2B5EF4-FFF2-40B4-BE49-F238E27FC236}">
                    <a16:creationId xmlns:a16="http://schemas.microsoft.com/office/drawing/2014/main" id="{F6502D52-B068-628F-DA10-E0FFF424B76F}"/>
                  </a:ext>
                </a:extLst>
              </p:cNvPr>
              <p:cNvSpPr txBox="1"/>
              <p:nvPr/>
            </p:nvSpPr>
            <p:spPr>
              <a:xfrm>
                <a:off x="6748277" y="3012234"/>
                <a:ext cx="252411" cy="83095"/>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Stor</a:t>
                </a:r>
              </a:p>
            </p:txBody>
          </p:sp>
        </p:grpSp>
        <p:sp>
          <p:nvSpPr>
            <p:cNvPr id="153" name="Oval 152">
              <a:extLst>
                <a:ext uri="{FF2B5EF4-FFF2-40B4-BE49-F238E27FC236}">
                  <a16:creationId xmlns:a16="http://schemas.microsoft.com/office/drawing/2014/main" id="{A9A65E33-BB51-FDBD-1175-4BD40CD94B00}"/>
                </a:ext>
              </a:extLst>
            </p:cNvPr>
            <p:cNvSpPr/>
            <p:nvPr/>
          </p:nvSpPr>
          <p:spPr>
            <a:xfrm>
              <a:off x="1539542"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grpSp>
        <p:nvGrpSpPr>
          <p:cNvPr id="161" name="Group 160" descr="Nye kompetencer er en lille til mellem driftsomkostning">
            <a:extLst>
              <a:ext uri="{FF2B5EF4-FFF2-40B4-BE49-F238E27FC236}">
                <a16:creationId xmlns:a16="http://schemas.microsoft.com/office/drawing/2014/main" id="{E6621CB3-FB0C-E269-1A51-98763F23B5CC}"/>
              </a:ext>
              <a:ext uri="{C183D7F6-B498-43B3-948B-1728B52AA6E4}">
                <adec:decorative xmlns:adec="http://schemas.microsoft.com/office/drawing/2017/decorative" val="0"/>
              </a:ext>
            </a:extLst>
          </p:cNvPr>
          <p:cNvGrpSpPr/>
          <p:nvPr/>
        </p:nvGrpSpPr>
        <p:grpSpPr>
          <a:xfrm>
            <a:off x="7290728" y="5353613"/>
            <a:ext cx="1577695" cy="263067"/>
            <a:chOff x="860772" y="4886922"/>
            <a:chExt cx="1487909" cy="248095"/>
          </a:xfrm>
        </p:grpSpPr>
        <p:grpSp>
          <p:nvGrpSpPr>
            <p:cNvPr id="162" name="Group 161">
              <a:extLst>
                <a:ext uri="{FF2B5EF4-FFF2-40B4-BE49-F238E27FC236}">
                  <a16:creationId xmlns:a16="http://schemas.microsoft.com/office/drawing/2014/main" id="{3EC0CA37-4C03-F8FB-6AA9-D1A2E91DF19D}"/>
                </a:ext>
              </a:extLst>
            </p:cNvPr>
            <p:cNvGrpSpPr/>
            <p:nvPr/>
          </p:nvGrpSpPr>
          <p:grpSpPr>
            <a:xfrm>
              <a:off x="860772" y="4886922"/>
              <a:ext cx="1487909" cy="209845"/>
              <a:chOff x="5354949" y="3012219"/>
              <a:chExt cx="1645739" cy="200250"/>
            </a:xfrm>
          </p:grpSpPr>
          <p:grpSp>
            <p:nvGrpSpPr>
              <p:cNvPr id="164" name="Group 163">
                <a:extLst>
                  <a:ext uri="{FF2B5EF4-FFF2-40B4-BE49-F238E27FC236}">
                    <a16:creationId xmlns:a16="http://schemas.microsoft.com/office/drawing/2014/main" id="{5B2B41B7-E6CC-72EA-B65B-A7707F2C1B6A}"/>
                  </a:ext>
                </a:extLst>
              </p:cNvPr>
              <p:cNvGrpSpPr/>
              <p:nvPr/>
            </p:nvGrpSpPr>
            <p:grpSpPr>
              <a:xfrm>
                <a:off x="5458296" y="3153610"/>
                <a:ext cx="1445092" cy="45719"/>
                <a:chOff x="5458296" y="3153610"/>
                <a:chExt cx="1445092" cy="45719"/>
              </a:xfrm>
            </p:grpSpPr>
            <p:cxnSp>
              <p:nvCxnSpPr>
                <p:cNvPr id="168" name="Straight Connector 167">
                  <a:extLst>
                    <a:ext uri="{FF2B5EF4-FFF2-40B4-BE49-F238E27FC236}">
                      <a16:creationId xmlns:a16="http://schemas.microsoft.com/office/drawing/2014/main" id="{995832D9-3AAC-2E95-9C2E-2D9D8FEDF241}"/>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69" name="Oval 168">
                  <a:extLst>
                    <a:ext uri="{FF2B5EF4-FFF2-40B4-BE49-F238E27FC236}">
                      <a16:creationId xmlns:a16="http://schemas.microsoft.com/office/drawing/2014/main" id="{0874F42D-8DC2-0CE8-3DDF-CD6CE3548F3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sp>
              <p:nvSpPr>
                <p:cNvPr id="170" name="Oval 169">
                  <a:extLst>
                    <a:ext uri="{FF2B5EF4-FFF2-40B4-BE49-F238E27FC236}">
                      <a16:creationId xmlns:a16="http://schemas.microsoft.com/office/drawing/2014/main" id="{CA3EE899-66AD-AFEA-BD64-4C616BE0328C}"/>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cxnSp>
            <p:nvCxnSpPr>
              <p:cNvPr id="165" name="Straight Connector 164">
                <a:extLst>
                  <a:ext uri="{FF2B5EF4-FFF2-40B4-BE49-F238E27FC236}">
                    <a16:creationId xmlns:a16="http://schemas.microsoft.com/office/drawing/2014/main" id="{14D06167-19D1-A0C8-BA11-380B9866AA73}"/>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6" name="TextBox 165">
                <a:extLst>
                  <a:ext uri="{FF2B5EF4-FFF2-40B4-BE49-F238E27FC236}">
                    <a16:creationId xmlns:a16="http://schemas.microsoft.com/office/drawing/2014/main" id="{8B28558F-8A45-34EE-2C43-7AB13B942502}"/>
                  </a:ext>
                </a:extLst>
              </p:cNvPr>
              <p:cNvSpPr txBox="1"/>
              <p:nvPr/>
            </p:nvSpPr>
            <p:spPr>
              <a:xfrm>
                <a:off x="5354949" y="3012219"/>
                <a:ext cx="252411" cy="83094"/>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Lille</a:t>
                </a:r>
              </a:p>
            </p:txBody>
          </p:sp>
          <p:sp>
            <p:nvSpPr>
              <p:cNvPr id="167" name="TextBox 166">
                <a:extLst>
                  <a:ext uri="{FF2B5EF4-FFF2-40B4-BE49-F238E27FC236}">
                    <a16:creationId xmlns:a16="http://schemas.microsoft.com/office/drawing/2014/main" id="{D7A1E5FB-103C-59E7-ADC1-FCF639995DBA}"/>
                  </a:ext>
                </a:extLst>
              </p:cNvPr>
              <p:cNvSpPr txBox="1"/>
              <p:nvPr/>
            </p:nvSpPr>
            <p:spPr>
              <a:xfrm>
                <a:off x="6748277" y="3012234"/>
                <a:ext cx="252411" cy="83095"/>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Stor</a:t>
                </a:r>
              </a:p>
            </p:txBody>
          </p:sp>
        </p:grpSp>
        <p:sp>
          <p:nvSpPr>
            <p:cNvPr id="163" name="Oval 162">
              <a:extLst>
                <a:ext uri="{FF2B5EF4-FFF2-40B4-BE49-F238E27FC236}">
                  <a16:creationId xmlns:a16="http://schemas.microsoft.com/office/drawing/2014/main" id="{05F77C62-A945-A477-B7D9-1573F82B7A3D}"/>
                </a:ext>
              </a:extLst>
            </p:cNvPr>
            <p:cNvSpPr/>
            <p:nvPr/>
          </p:nvSpPr>
          <p:spPr>
            <a:xfrm>
              <a:off x="1196121"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grpSp>
        <p:nvGrpSpPr>
          <p:cNvPr id="171" name="Group 170" descr="Drift og support er en mellem driftsomkostning">
            <a:extLst>
              <a:ext uri="{FF2B5EF4-FFF2-40B4-BE49-F238E27FC236}">
                <a16:creationId xmlns:a16="http://schemas.microsoft.com/office/drawing/2014/main" id="{B5A6A8A1-7DD5-AC80-F8D6-6F4226BAF1D2}"/>
              </a:ext>
              <a:ext uri="{C183D7F6-B498-43B3-948B-1728B52AA6E4}">
                <adec:decorative xmlns:adec="http://schemas.microsoft.com/office/drawing/2017/decorative" val="0"/>
              </a:ext>
            </a:extLst>
          </p:cNvPr>
          <p:cNvGrpSpPr/>
          <p:nvPr/>
        </p:nvGrpSpPr>
        <p:grpSpPr>
          <a:xfrm>
            <a:off x="7290728" y="5886028"/>
            <a:ext cx="1577695" cy="263067"/>
            <a:chOff x="860772" y="4886922"/>
            <a:chExt cx="1487909" cy="248095"/>
          </a:xfrm>
        </p:grpSpPr>
        <p:grpSp>
          <p:nvGrpSpPr>
            <p:cNvPr id="172" name="Group 171">
              <a:extLst>
                <a:ext uri="{FF2B5EF4-FFF2-40B4-BE49-F238E27FC236}">
                  <a16:creationId xmlns:a16="http://schemas.microsoft.com/office/drawing/2014/main" id="{6E4F9AA4-7C7C-4480-2663-7097C9933BD7}"/>
                </a:ext>
              </a:extLst>
            </p:cNvPr>
            <p:cNvGrpSpPr/>
            <p:nvPr/>
          </p:nvGrpSpPr>
          <p:grpSpPr>
            <a:xfrm>
              <a:off x="860772" y="4886922"/>
              <a:ext cx="1487909" cy="209845"/>
              <a:chOff x="5354949" y="3012219"/>
              <a:chExt cx="1645739" cy="200250"/>
            </a:xfrm>
          </p:grpSpPr>
          <p:grpSp>
            <p:nvGrpSpPr>
              <p:cNvPr id="174" name="Group 173">
                <a:extLst>
                  <a:ext uri="{FF2B5EF4-FFF2-40B4-BE49-F238E27FC236}">
                    <a16:creationId xmlns:a16="http://schemas.microsoft.com/office/drawing/2014/main" id="{DC12B784-3996-CA3D-871F-BE227F809FF9}"/>
                  </a:ext>
                </a:extLst>
              </p:cNvPr>
              <p:cNvGrpSpPr/>
              <p:nvPr/>
            </p:nvGrpSpPr>
            <p:grpSpPr>
              <a:xfrm>
                <a:off x="5458296" y="3153610"/>
                <a:ext cx="1445092" cy="45719"/>
                <a:chOff x="5458296" y="3153610"/>
                <a:chExt cx="1445092" cy="45719"/>
              </a:xfrm>
            </p:grpSpPr>
            <p:cxnSp>
              <p:nvCxnSpPr>
                <p:cNvPr id="178" name="Straight Connector 177">
                  <a:extLst>
                    <a:ext uri="{FF2B5EF4-FFF2-40B4-BE49-F238E27FC236}">
                      <a16:creationId xmlns:a16="http://schemas.microsoft.com/office/drawing/2014/main" id="{D6A946B8-27FD-F000-4EA1-1D2933643EE3}"/>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79" name="Oval 178">
                  <a:extLst>
                    <a:ext uri="{FF2B5EF4-FFF2-40B4-BE49-F238E27FC236}">
                      <a16:creationId xmlns:a16="http://schemas.microsoft.com/office/drawing/2014/main" id="{8E52E8A2-7CEF-C9C3-DFDF-DB937F46459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sp>
              <p:nvSpPr>
                <p:cNvPr id="180" name="Oval 179">
                  <a:extLst>
                    <a:ext uri="{FF2B5EF4-FFF2-40B4-BE49-F238E27FC236}">
                      <a16:creationId xmlns:a16="http://schemas.microsoft.com/office/drawing/2014/main" id="{724852F5-AC4E-CBBB-1239-865EC73B3A3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cxnSp>
            <p:nvCxnSpPr>
              <p:cNvPr id="175" name="Straight Connector 174">
                <a:extLst>
                  <a:ext uri="{FF2B5EF4-FFF2-40B4-BE49-F238E27FC236}">
                    <a16:creationId xmlns:a16="http://schemas.microsoft.com/office/drawing/2014/main" id="{C65B309A-3F25-DA2C-80E1-82CE26DD9F0A}"/>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6" name="TextBox 175">
                <a:extLst>
                  <a:ext uri="{FF2B5EF4-FFF2-40B4-BE49-F238E27FC236}">
                    <a16:creationId xmlns:a16="http://schemas.microsoft.com/office/drawing/2014/main" id="{061E1D37-98A6-7C89-D677-82F26DE9E09B}"/>
                  </a:ext>
                </a:extLst>
              </p:cNvPr>
              <p:cNvSpPr txBox="1"/>
              <p:nvPr/>
            </p:nvSpPr>
            <p:spPr>
              <a:xfrm>
                <a:off x="5354949" y="3012219"/>
                <a:ext cx="252411" cy="83094"/>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Lille</a:t>
                </a:r>
              </a:p>
            </p:txBody>
          </p:sp>
          <p:sp>
            <p:nvSpPr>
              <p:cNvPr id="177" name="TextBox 176">
                <a:extLst>
                  <a:ext uri="{FF2B5EF4-FFF2-40B4-BE49-F238E27FC236}">
                    <a16:creationId xmlns:a16="http://schemas.microsoft.com/office/drawing/2014/main" id="{60B946F1-E432-3559-0E42-37C1AF5A7386}"/>
                  </a:ext>
                </a:extLst>
              </p:cNvPr>
              <p:cNvSpPr txBox="1"/>
              <p:nvPr/>
            </p:nvSpPr>
            <p:spPr>
              <a:xfrm>
                <a:off x="6748277" y="3012234"/>
                <a:ext cx="252411" cy="83095"/>
              </a:xfrm>
              <a:prstGeom prst="rect">
                <a:avLst/>
              </a:prstGeom>
              <a:noFill/>
            </p:spPr>
            <p:txBody>
              <a:bodyPr wrap="square" lIns="0" tIns="0" rIns="0" bIns="0" rtlCol="0" anchor="ctr">
                <a:spAutoFit/>
              </a:bodyPr>
              <a:lstStyle/>
              <a:p>
                <a:pPr algn="ctr" defTabSz="1039203"/>
                <a:r>
                  <a:rPr lang="da-DK" sz="600" noProof="0" dirty="0">
                    <a:solidFill>
                      <a:srgbClr val="000000"/>
                    </a:solidFill>
                    <a:latin typeface="KBH Tekst" panose="00000500000000000000" pitchFamily="2" charset="0"/>
                  </a:rPr>
                  <a:t>Stor</a:t>
                </a:r>
              </a:p>
            </p:txBody>
          </p:sp>
        </p:grpSp>
        <p:sp>
          <p:nvSpPr>
            <p:cNvPr id="173" name="Oval 172">
              <a:extLst>
                <a:ext uri="{FF2B5EF4-FFF2-40B4-BE49-F238E27FC236}">
                  <a16:creationId xmlns:a16="http://schemas.microsoft.com/office/drawing/2014/main" id="{1FA1E1EF-9E8E-6DF6-4442-CF898492B3A8}"/>
                </a:ext>
              </a:extLst>
            </p:cNvPr>
            <p:cNvSpPr/>
            <p:nvPr/>
          </p:nvSpPr>
          <p:spPr>
            <a:xfrm>
              <a:off x="1541248"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1039203"/>
              <a:endParaRPr lang="da-DK" sz="1999" noProof="0" dirty="0">
                <a:solidFill>
                  <a:srgbClr val="FFFFFF"/>
                </a:solidFill>
                <a:latin typeface="KBH Tekst" panose="00000500000000000000" pitchFamily="2" charset="0"/>
              </a:endParaRPr>
            </a:p>
          </p:txBody>
        </p:sp>
      </p:grpSp>
      <p:sp>
        <p:nvSpPr>
          <p:cNvPr id="40" name="TextBox 39">
            <a:extLst>
              <a:ext uri="{FF2B5EF4-FFF2-40B4-BE49-F238E27FC236}">
                <a16:creationId xmlns:a16="http://schemas.microsoft.com/office/drawing/2014/main" id="{78090D21-06DE-B4D2-0A5C-DD0EE37155B2}"/>
              </a:ext>
              <a:ext uri="{C183D7F6-B498-43B3-948B-1728B52AA6E4}">
                <adec:decorative xmlns:adec="http://schemas.microsoft.com/office/drawing/2017/decorative" val="1"/>
              </a:ext>
            </a:extLst>
          </p:cNvPr>
          <p:cNvSpPr txBox="1"/>
          <p:nvPr/>
        </p:nvSpPr>
        <p:spPr>
          <a:xfrm>
            <a:off x="7216826" y="2314673"/>
            <a:ext cx="2155679" cy="3923439"/>
          </a:xfrm>
          <a:prstGeom prst="rect">
            <a:avLst/>
          </a:prstGeom>
          <a:noFill/>
        </p:spPr>
        <p:txBody>
          <a:bodyPr wrap="square" rtlCol="0" anchor="t">
            <a:noAutofit/>
          </a:bodyPr>
          <a:lstStyle/>
          <a:p>
            <a:pPr defTabSz="1039203">
              <a:lnSpc>
                <a:spcPct val="150000"/>
              </a:lnSpc>
            </a:pPr>
            <a:r>
              <a:rPr lang="da-DK" sz="900" b="1" noProof="0" dirty="0">
                <a:solidFill>
                  <a:srgbClr val="000000"/>
                </a:solidFill>
                <a:latin typeface="Arial" panose="020B0604020202020204"/>
              </a:rPr>
              <a:t>Midlertidige omkostninger</a:t>
            </a:r>
            <a:endParaRPr lang="da-DK" sz="900" noProof="0" dirty="0">
              <a:solidFill>
                <a:srgbClr val="000000"/>
              </a:solidFill>
              <a:latin typeface="Arial" panose="020B0604020202020204"/>
            </a:endParaRPr>
          </a:p>
          <a:p>
            <a:pPr defTabSz="1039203">
              <a:lnSpc>
                <a:spcPct val="200000"/>
              </a:lnSpc>
            </a:pPr>
            <a:r>
              <a:rPr lang="da-DK" sz="900" noProof="0" dirty="0">
                <a:solidFill>
                  <a:srgbClr val="000000"/>
                </a:solidFill>
                <a:latin typeface="Arial" panose="020B0604020202020204"/>
              </a:rPr>
              <a:t>  Projektledelse </a:t>
            </a:r>
          </a:p>
          <a:p>
            <a:pPr defTabSz="1039203">
              <a:lnSpc>
                <a:spcPct val="200000"/>
              </a:lnSpc>
            </a:pPr>
            <a:endParaRPr lang="da-DK" sz="900" noProof="0" dirty="0">
              <a:solidFill>
                <a:srgbClr val="000000"/>
              </a:solidFill>
              <a:latin typeface="Arial" panose="020B0604020202020204"/>
            </a:endParaRPr>
          </a:p>
          <a:p>
            <a:pPr defTabSz="1039203">
              <a:lnSpc>
                <a:spcPct val="200000"/>
              </a:lnSpc>
            </a:pPr>
            <a:r>
              <a:rPr lang="da-DK" sz="900" noProof="0" dirty="0">
                <a:solidFill>
                  <a:srgbClr val="000000"/>
                </a:solidFill>
                <a:latin typeface="Arial" panose="020B0604020202020204"/>
              </a:rPr>
              <a:t>  Organisatorisk implementering</a:t>
            </a:r>
          </a:p>
          <a:p>
            <a:pPr defTabSz="1039203">
              <a:lnSpc>
                <a:spcPct val="200000"/>
              </a:lnSpc>
            </a:pPr>
            <a:r>
              <a:rPr lang="da-DK" sz="900" noProof="0" dirty="0">
                <a:solidFill>
                  <a:srgbClr val="000000"/>
                </a:solidFill>
                <a:latin typeface="Arial" panose="020B0604020202020204"/>
              </a:rPr>
              <a:t> </a:t>
            </a:r>
          </a:p>
          <a:p>
            <a:pPr defTabSz="1039203">
              <a:lnSpc>
                <a:spcPct val="200000"/>
              </a:lnSpc>
            </a:pPr>
            <a:r>
              <a:rPr lang="da-DK" sz="900" noProof="0" dirty="0">
                <a:solidFill>
                  <a:srgbClr val="000000"/>
                </a:solidFill>
                <a:latin typeface="Arial" panose="020B0604020202020204"/>
              </a:rPr>
              <a:t>  Teknisk implementering</a:t>
            </a:r>
          </a:p>
          <a:p>
            <a:pPr defTabSz="1039203">
              <a:lnSpc>
                <a:spcPct val="150000"/>
              </a:lnSpc>
            </a:pPr>
            <a:endParaRPr lang="da-DK" sz="900" noProof="0" dirty="0">
              <a:solidFill>
                <a:srgbClr val="000000"/>
              </a:solidFill>
              <a:latin typeface="Arial" panose="020B0604020202020204"/>
            </a:endParaRPr>
          </a:p>
          <a:p>
            <a:pPr defTabSz="1039203">
              <a:lnSpc>
                <a:spcPct val="150000"/>
              </a:lnSpc>
            </a:pPr>
            <a:endParaRPr lang="da-DK" sz="900" b="1" noProof="0" dirty="0">
              <a:solidFill>
                <a:srgbClr val="36465A"/>
              </a:solidFill>
              <a:latin typeface="Arial" panose="020B0604020202020204"/>
            </a:endParaRPr>
          </a:p>
          <a:p>
            <a:pPr defTabSz="1039203">
              <a:lnSpc>
                <a:spcPct val="150000"/>
              </a:lnSpc>
            </a:pPr>
            <a:r>
              <a:rPr lang="da-DK" sz="900" b="1" noProof="0" dirty="0">
                <a:solidFill>
                  <a:srgbClr val="36465A"/>
                </a:solidFill>
                <a:latin typeface="Arial" panose="020B0604020202020204"/>
              </a:rPr>
              <a:t>Driftsomkostninger</a:t>
            </a:r>
          </a:p>
          <a:p>
            <a:pPr defTabSz="1039203">
              <a:lnSpc>
                <a:spcPct val="200000"/>
              </a:lnSpc>
            </a:pPr>
            <a:r>
              <a:rPr lang="da-DK" sz="900" noProof="0" dirty="0">
                <a:solidFill>
                  <a:srgbClr val="64778A">
                    <a:lumMod val="50000"/>
                  </a:srgbClr>
                </a:solidFill>
                <a:latin typeface="Arial" panose="020B0604020202020204"/>
              </a:rPr>
              <a:t>  Teknologi</a:t>
            </a:r>
          </a:p>
          <a:p>
            <a:pPr defTabSz="1039203">
              <a:lnSpc>
                <a:spcPct val="200000"/>
              </a:lnSpc>
            </a:pPr>
            <a:endParaRPr lang="da-DK" sz="900" noProof="0" dirty="0">
              <a:solidFill>
                <a:srgbClr val="64778A">
                  <a:lumMod val="50000"/>
                </a:srgbClr>
              </a:solidFill>
              <a:latin typeface="Arial" panose="020B0604020202020204"/>
            </a:endParaRPr>
          </a:p>
          <a:p>
            <a:pPr defTabSz="1039203">
              <a:lnSpc>
                <a:spcPct val="200000"/>
              </a:lnSpc>
            </a:pPr>
            <a:r>
              <a:rPr lang="da-DK" sz="900" noProof="0" dirty="0">
                <a:solidFill>
                  <a:srgbClr val="64778A">
                    <a:lumMod val="50000"/>
                  </a:srgbClr>
                </a:solidFill>
                <a:latin typeface="Arial" panose="020B0604020202020204"/>
              </a:rPr>
              <a:t>  Nye kompetencer </a:t>
            </a:r>
          </a:p>
          <a:p>
            <a:pPr defTabSz="1039203">
              <a:lnSpc>
                <a:spcPct val="200000"/>
              </a:lnSpc>
            </a:pPr>
            <a:endParaRPr lang="da-DK" sz="900" noProof="0" dirty="0">
              <a:solidFill>
                <a:srgbClr val="64778A">
                  <a:lumMod val="50000"/>
                </a:srgbClr>
              </a:solidFill>
              <a:latin typeface="Arial" panose="020B0604020202020204"/>
            </a:endParaRPr>
          </a:p>
          <a:p>
            <a:pPr defTabSz="1039203">
              <a:lnSpc>
                <a:spcPct val="200000"/>
              </a:lnSpc>
            </a:pPr>
            <a:r>
              <a:rPr lang="da-DK" sz="900" noProof="0" dirty="0">
                <a:solidFill>
                  <a:srgbClr val="64778A">
                    <a:lumMod val="50000"/>
                  </a:srgbClr>
                </a:solidFill>
                <a:latin typeface="Arial" panose="020B0604020202020204"/>
              </a:rPr>
              <a:t>  Drift og support</a:t>
            </a:r>
          </a:p>
        </p:txBody>
      </p:sp>
      <p:grpSp>
        <p:nvGrpSpPr>
          <p:cNvPr id="41" name="Group 40">
            <a:extLst>
              <a:ext uri="{FF2B5EF4-FFF2-40B4-BE49-F238E27FC236}">
                <a16:creationId xmlns:a16="http://schemas.microsoft.com/office/drawing/2014/main" id="{C21F51BD-63CE-29A1-F58E-330BC5AFA98D}"/>
              </a:ext>
              <a:ext uri="{C183D7F6-B498-43B3-948B-1728B52AA6E4}">
                <adec:decorative xmlns:adec="http://schemas.microsoft.com/office/drawing/2017/decorative" val="1"/>
              </a:ext>
            </a:extLst>
          </p:cNvPr>
          <p:cNvGrpSpPr/>
          <p:nvPr/>
        </p:nvGrpSpPr>
        <p:grpSpPr>
          <a:xfrm>
            <a:off x="6886238" y="2293913"/>
            <a:ext cx="345439" cy="332754"/>
            <a:chOff x="7461780" y="2062121"/>
            <a:chExt cx="345449" cy="332764"/>
          </a:xfrm>
        </p:grpSpPr>
        <p:sp>
          <p:nvSpPr>
            <p:cNvPr id="42" name="Oval 41">
              <a:extLst>
                <a:ext uri="{FF2B5EF4-FFF2-40B4-BE49-F238E27FC236}">
                  <a16:creationId xmlns:a16="http://schemas.microsoft.com/office/drawing/2014/main" id="{FD6BE03D-1432-8B62-B6F7-AB913385C9C5}"/>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43" name="Freeform 11">
              <a:extLst>
                <a:ext uri="{FF2B5EF4-FFF2-40B4-BE49-F238E27FC236}">
                  <a16:creationId xmlns:a16="http://schemas.microsoft.com/office/drawing/2014/main" id="{23609848-986F-4DAA-04B9-6D459B479892}"/>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grpSp>
      <p:grpSp>
        <p:nvGrpSpPr>
          <p:cNvPr id="212" name="Group 211">
            <a:extLst>
              <a:ext uri="{FF2B5EF4-FFF2-40B4-BE49-F238E27FC236}">
                <a16:creationId xmlns:a16="http://schemas.microsoft.com/office/drawing/2014/main" id="{69A4E0E6-CD2C-AEBC-379B-F4CF40D60FCE}"/>
              </a:ext>
              <a:ext uri="{C183D7F6-B498-43B3-948B-1728B52AA6E4}">
                <adec:decorative xmlns:adec="http://schemas.microsoft.com/office/drawing/2017/decorative" val="1"/>
              </a:ext>
            </a:extLst>
          </p:cNvPr>
          <p:cNvGrpSpPr/>
          <p:nvPr/>
        </p:nvGrpSpPr>
        <p:grpSpPr>
          <a:xfrm>
            <a:off x="6886238" y="4303649"/>
            <a:ext cx="345439" cy="332754"/>
            <a:chOff x="6886260" y="3722941"/>
            <a:chExt cx="345449" cy="332764"/>
          </a:xfrm>
        </p:grpSpPr>
        <p:sp>
          <p:nvSpPr>
            <p:cNvPr id="129" name="Oval 128">
              <a:extLst>
                <a:ext uri="{FF2B5EF4-FFF2-40B4-BE49-F238E27FC236}">
                  <a16:creationId xmlns:a16="http://schemas.microsoft.com/office/drawing/2014/main" id="{5C4E3A39-70E0-F13B-CB8B-0988EFB371EE}"/>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130" name="Freeform 19">
              <a:extLst>
                <a:ext uri="{FF2B5EF4-FFF2-40B4-BE49-F238E27FC236}">
                  <a16:creationId xmlns:a16="http://schemas.microsoft.com/office/drawing/2014/main" id="{21C564E0-1665-CDC2-1DB7-0FAA8CF6C6CE}"/>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grpSp>
      <p:pic>
        <p:nvPicPr>
          <p:cNvPr id="219" name="Graphic 9">
            <a:extLst>
              <a:ext uri="{FF2B5EF4-FFF2-40B4-BE49-F238E27FC236}">
                <a16:creationId xmlns:a16="http://schemas.microsoft.com/office/drawing/2014/main" id="{8DCB5DAB-3374-0010-5C3A-4C36E230D1F9}"/>
              </a:ext>
              <a:ext uri="{C183D7F6-B498-43B3-948B-1728B52AA6E4}">
                <adec:decorative xmlns:adec="http://schemas.microsoft.com/office/drawing/2017/decorative" val="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336578" y="4023068"/>
            <a:ext cx="431788" cy="349240"/>
          </a:xfrm>
          <a:prstGeom prst="rect">
            <a:avLst/>
          </a:prstGeom>
        </p:spPr>
      </p:pic>
      <p:sp>
        <p:nvSpPr>
          <p:cNvPr id="220" name="TextBox 219">
            <a:extLst>
              <a:ext uri="{FF2B5EF4-FFF2-40B4-BE49-F238E27FC236}">
                <a16:creationId xmlns:a16="http://schemas.microsoft.com/office/drawing/2014/main" id="{D632A465-4A1D-2968-340F-5A88376D45D7}"/>
              </a:ext>
            </a:extLst>
          </p:cNvPr>
          <p:cNvSpPr txBox="1"/>
          <p:nvPr/>
        </p:nvSpPr>
        <p:spPr>
          <a:xfrm>
            <a:off x="9424632" y="1773206"/>
            <a:ext cx="2013806" cy="261603"/>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defTabSz="1039203"/>
            <a:r>
              <a:rPr lang="da-DK" sz="1100" noProof="0" dirty="0">
                <a:latin typeface="Arial" panose="020B0604020202020204"/>
              </a:rPr>
              <a:t>Nøgletal</a:t>
            </a:r>
          </a:p>
        </p:txBody>
      </p:sp>
      <p:sp>
        <p:nvSpPr>
          <p:cNvPr id="222" name="TextBox 221">
            <a:extLst>
              <a:ext uri="{FF2B5EF4-FFF2-40B4-BE49-F238E27FC236}">
                <a16:creationId xmlns:a16="http://schemas.microsoft.com/office/drawing/2014/main" id="{E23E34EE-2DD8-61FB-FC7C-5D8A1DF4A3C0}"/>
              </a:ext>
            </a:extLst>
          </p:cNvPr>
          <p:cNvSpPr txBox="1"/>
          <p:nvPr/>
        </p:nvSpPr>
        <p:spPr>
          <a:xfrm>
            <a:off x="10330003" y="2033158"/>
            <a:ext cx="1578625" cy="677089"/>
          </a:xfrm>
          <a:prstGeom prst="rect">
            <a:avLst/>
          </a:prstGeom>
          <a:noFill/>
        </p:spPr>
        <p:txBody>
          <a:bodyPr wrap="square">
            <a:spAutoFit/>
          </a:bodyPr>
          <a:lstStyle/>
          <a:p>
            <a:pPr defTabSz="1039203"/>
            <a:r>
              <a:rPr lang="da-DK" sz="1400" noProof="0" dirty="0">
                <a:solidFill>
                  <a:srgbClr val="EE2F66"/>
                </a:solidFill>
                <a:latin typeface="Arial" panose="020B0604020202020204"/>
              </a:rPr>
              <a:t>86 mio. </a:t>
            </a:r>
          </a:p>
          <a:p>
            <a:pPr defTabSz="1039203"/>
            <a:r>
              <a:rPr lang="da-DK" sz="800" noProof="0" dirty="0">
                <a:solidFill>
                  <a:srgbClr val="000000"/>
                </a:solidFill>
                <a:latin typeface="Arial" panose="020B0604020202020204"/>
              </a:rPr>
              <a:t>transaktioner håndteres dagligt af Bankdatas kernesystemer.</a:t>
            </a:r>
          </a:p>
        </p:txBody>
      </p:sp>
      <p:sp>
        <p:nvSpPr>
          <p:cNvPr id="225" name="TextBox 224">
            <a:extLst>
              <a:ext uri="{FF2B5EF4-FFF2-40B4-BE49-F238E27FC236}">
                <a16:creationId xmlns:a16="http://schemas.microsoft.com/office/drawing/2014/main" id="{55C89012-E0B8-909C-CB2E-85B4B9723A3B}"/>
              </a:ext>
            </a:extLst>
          </p:cNvPr>
          <p:cNvSpPr txBox="1"/>
          <p:nvPr/>
        </p:nvSpPr>
        <p:spPr>
          <a:xfrm>
            <a:off x="10330003" y="3445740"/>
            <a:ext cx="1519817" cy="800196"/>
          </a:xfrm>
          <a:prstGeom prst="rect">
            <a:avLst/>
          </a:prstGeom>
          <a:noFill/>
        </p:spPr>
        <p:txBody>
          <a:bodyPr wrap="square">
            <a:spAutoFit/>
          </a:bodyPr>
          <a:lstStyle/>
          <a:p>
            <a:pPr defTabSz="1039203"/>
            <a:r>
              <a:rPr lang="da-DK" sz="1400" noProof="0" dirty="0">
                <a:solidFill>
                  <a:srgbClr val="EE2F66"/>
                </a:solidFill>
                <a:latin typeface="Arial" panose="020B0604020202020204"/>
              </a:rPr>
              <a:t>86% </a:t>
            </a:r>
          </a:p>
          <a:p>
            <a:pPr defTabSz="1039203"/>
            <a:r>
              <a:rPr lang="da-DK" sz="800" noProof="0" dirty="0">
                <a:solidFill>
                  <a:srgbClr val="000000"/>
                </a:solidFill>
                <a:latin typeface="Arial" panose="020B0604020202020204"/>
              </a:rPr>
              <a:t>i realiseret rabat på listepris ved at have en styrket forhandlingsposition gennem alternativer.</a:t>
            </a:r>
          </a:p>
        </p:txBody>
      </p:sp>
      <p:sp>
        <p:nvSpPr>
          <p:cNvPr id="228" name="TextBox 227">
            <a:extLst>
              <a:ext uri="{FF2B5EF4-FFF2-40B4-BE49-F238E27FC236}">
                <a16:creationId xmlns:a16="http://schemas.microsoft.com/office/drawing/2014/main" id="{67173A32-87D8-829C-C611-B59698041F8D}"/>
              </a:ext>
            </a:extLst>
          </p:cNvPr>
          <p:cNvSpPr txBox="1"/>
          <p:nvPr/>
        </p:nvSpPr>
        <p:spPr>
          <a:xfrm>
            <a:off x="10330003" y="2786411"/>
            <a:ext cx="1519817" cy="677089"/>
          </a:xfrm>
          <a:prstGeom prst="rect">
            <a:avLst/>
          </a:prstGeom>
          <a:noFill/>
        </p:spPr>
        <p:txBody>
          <a:bodyPr wrap="square">
            <a:spAutoFit/>
          </a:bodyPr>
          <a:lstStyle/>
          <a:p>
            <a:pPr defTabSz="1039203"/>
            <a:r>
              <a:rPr lang="da-DK" sz="1400" noProof="0" dirty="0">
                <a:solidFill>
                  <a:srgbClr val="EE2F66"/>
                </a:solidFill>
                <a:latin typeface="Arial" panose="020B0604020202020204"/>
              </a:rPr>
              <a:t>1.000 </a:t>
            </a:r>
            <a:endParaRPr lang="da-DK" sz="1400" noProof="0" dirty="0">
              <a:solidFill>
                <a:srgbClr val="2C8027"/>
              </a:solidFill>
              <a:latin typeface="Arial" panose="020B0604020202020204"/>
            </a:endParaRPr>
          </a:p>
          <a:p>
            <a:pPr defTabSz="1039203"/>
            <a:r>
              <a:rPr lang="da-DK" sz="800" noProof="0" dirty="0">
                <a:solidFill>
                  <a:srgbClr val="000000"/>
                </a:solidFill>
                <a:latin typeface="Arial" panose="020B0604020202020204"/>
              </a:rPr>
              <a:t>medarbejdere udvikler, leverer og drifter it-løsninger til medlemsbankerne.</a:t>
            </a:r>
          </a:p>
        </p:txBody>
      </p:sp>
      <p:sp>
        <p:nvSpPr>
          <p:cNvPr id="4" name="Content Placeholder 5">
            <a:extLst>
              <a:ext uri="{FF2B5EF4-FFF2-40B4-BE49-F238E27FC236}">
                <a16:creationId xmlns:a16="http://schemas.microsoft.com/office/drawing/2014/main" id="{22E94DF0-D6FB-FB20-C8F7-41A97F4FB322}"/>
              </a:ext>
              <a:ext uri="{C183D7F6-B498-43B3-948B-1728B52AA6E4}">
                <adec:decorative xmlns:adec="http://schemas.microsoft.com/office/drawing/2017/decorative" val="1"/>
              </a:ext>
            </a:extLst>
          </p:cNvPr>
          <p:cNvSpPr txBox="1">
            <a:spLocks/>
          </p:cNvSpPr>
          <p:nvPr/>
        </p:nvSpPr>
        <p:spPr>
          <a:xfrm>
            <a:off x="513137" y="6493161"/>
            <a:ext cx="8135765" cy="215994"/>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04" indent="-87304" defTabSz="203872">
              <a:spcAft>
                <a:spcPts val="300"/>
              </a:spcAft>
            </a:pPr>
            <a:endParaRPr lang="da-DK" sz="800" b="0" noProof="0" dirty="0">
              <a:solidFill>
                <a:srgbClr val="000000"/>
              </a:solidFill>
              <a:latin typeface="Arial" panose="020B0604020202020204"/>
            </a:endParaRPr>
          </a:p>
        </p:txBody>
      </p:sp>
      <p:grpSp>
        <p:nvGrpSpPr>
          <p:cNvPr id="13" name="Group 12">
            <a:extLst>
              <a:ext uri="{FF2B5EF4-FFF2-40B4-BE49-F238E27FC236}">
                <a16:creationId xmlns:a16="http://schemas.microsoft.com/office/drawing/2014/main" id="{7B64B7E6-C971-8950-C25B-072AE6A9F81B}"/>
              </a:ext>
              <a:ext uri="{C183D7F6-B498-43B3-948B-1728B52AA6E4}">
                <adec:decorative xmlns:adec="http://schemas.microsoft.com/office/drawing/2017/decorative" val="1"/>
              </a:ext>
            </a:extLst>
          </p:cNvPr>
          <p:cNvGrpSpPr/>
          <p:nvPr/>
        </p:nvGrpSpPr>
        <p:grpSpPr>
          <a:xfrm>
            <a:off x="-2176" y="-3192"/>
            <a:ext cx="176966" cy="6862681"/>
            <a:chOff x="-10502" y="0"/>
            <a:chExt cx="176971" cy="6859588"/>
          </a:xfrm>
          <a:solidFill>
            <a:srgbClr val="024D78"/>
          </a:solidFill>
        </p:grpSpPr>
        <p:sp>
          <p:nvSpPr>
            <p:cNvPr id="14" name="Rectangle 13">
              <a:extLst>
                <a:ext uri="{FF2B5EF4-FFF2-40B4-BE49-F238E27FC236}">
                  <a16:creationId xmlns:a16="http://schemas.microsoft.com/office/drawing/2014/main" id="{689A3D5B-FF41-9800-8DA6-141FA88F2B8D}"/>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dirty="0">
                <a:solidFill>
                  <a:srgbClr val="FFFFFF"/>
                </a:solidFill>
                <a:latin typeface="Arial" panose="020B0604020202020204"/>
              </a:endParaRPr>
            </a:p>
          </p:txBody>
        </p:sp>
        <p:sp>
          <p:nvSpPr>
            <p:cNvPr id="15" name="Rectangle 14">
              <a:extLst>
                <a:ext uri="{FF2B5EF4-FFF2-40B4-BE49-F238E27FC236}">
                  <a16:creationId xmlns:a16="http://schemas.microsoft.com/office/drawing/2014/main" id="{08B77E16-E7D4-799D-F735-1653EED9A142}"/>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1039203"/>
              <a:r>
                <a:rPr lang="da-DK" sz="900" b="1" noProof="0" dirty="0">
                  <a:solidFill>
                    <a:srgbClr val="FFFFFF"/>
                  </a:solidFill>
                  <a:latin typeface="Arial" panose="020B0604020202020204"/>
                </a:rPr>
                <a:t>Case Katalog</a:t>
              </a:r>
            </a:p>
          </p:txBody>
        </p:sp>
      </p:grpSp>
      <p:sp>
        <p:nvSpPr>
          <p:cNvPr id="17" name="Freeform 33">
            <a:extLst>
              <a:ext uri="{FF2B5EF4-FFF2-40B4-BE49-F238E27FC236}">
                <a16:creationId xmlns:a16="http://schemas.microsoft.com/office/drawing/2014/main" id="{E8788F62-CBA6-0AFF-15A2-C57017959078}"/>
              </a:ext>
              <a:ext uri="{C183D7F6-B498-43B3-948B-1728B52AA6E4}">
                <adec:decorative xmlns:adec="http://schemas.microsoft.com/office/drawing/2017/decorative" val="1"/>
              </a:ext>
            </a:extLst>
          </p:cNvPr>
          <p:cNvSpPr>
            <a:spLocks noEditPoints="1"/>
          </p:cNvSpPr>
          <p:nvPr/>
        </p:nvSpPr>
        <p:spPr bwMode="auto">
          <a:xfrm>
            <a:off x="9698547" y="2197571"/>
            <a:ext cx="404485" cy="375433"/>
          </a:xfrm>
          <a:custGeom>
            <a:avLst/>
            <a:gdLst>
              <a:gd name="T0" fmla="*/ 208 w 224"/>
              <a:gd name="T1" fmla="*/ 64 h 208"/>
              <a:gd name="T2" fmla="*/ 160 w 224"/>
              <a:gd name="T3" fmla="*/ 0 h 208"/>
              <a:gd name="T4" fmla="*/ 112 w 224"/>
              <a:gd name="T5" fmla="*/ 64 h 208"/>
              <a:gd name="T6" fmla="*/ 16 w 224"/>
              <a:gd name="T7" fmla="*/ 88 h 208"/>
              <a:gd name="T8" fmla="*/ 16 w 224"/>
              <a:gd name="T9" fmla="*/ 208 h 208"/>
              <a:gd name="T10" fmla="*/ 168 w 224"/>
              <a:gd name="T11" fmla="*/ 152 h 208"/>
              <a:gd name="T12" fmla="*/ 128 w 224"/>
              <a:gd name="T13" fmla="*/ 40 h 208"/>
              <a:gd name="T14" fmla="*/ 192 w 224"/>
              <a:gd name="T15" fmla="*/ 64 h 208"/>
              <a:gd name="T16" fmla="*/ 160 w 224"/>
              <a:gd name="T17" fmla="*/ 16 h 208"/>
              <a:gd name="T18" fmla="*/ 128 w 224"/>
              <a:gd name="T19" fmla="*/ 64 h 208"/>
              <a:gd name="T20" fmla="*/ 176 w 224"/>
              <a:gd name="T21" fmla="*/ 64 h 208"/>
              <a:gd name="T22" fmla="*/ 160 w 224"/>
              <a:gd name="T23" fmla="*/ 24 h 208"/>
              <a:gd name="T24" fmla="*/ 152 w 224"/>
              <a:gd name="T25" fmla="*/ 200 h 208"/>
              <a:gd name="T26" fmla="*/ 8 w 224"/>
              <a:gd name="T27" fmla="*/ 104 h 208"/>
              <a:gd name="T28" fmla="*/ 96 w 224"/>
              <a:gd name="T29" fmla="*/ 136 h 208"/>
              <a:gd name="T30" fmla="*/ 160 w 224"/>
              <a:gd name="T31" fmla="*/ 192 h 208"/>
              <a:gd name="T32" fmla="*/ 112 w 224"/>
              <a:gd name="T33" fmla="*/ 144 h 208"/>
              <a:gd name="T34" fmla="*/ 112 w 224"/>
              <a:gd name="T35" fmla="*/ 72 h 208"/>
              <a:gd name="T36" fmla="*/ 216 w 224"/>
              <a:gd name="T37" fmla="*/ 136 h 208"/>
              <a:gd name="T38" fmla="*/ 156 w 224"/>
              <a:gd name="T39" fmla="*/ 111 h 208"/>
              <a:gd name="T40" fmla="*/ 164 w 224"/>
              <a:gd name="T41" fmla="*/ 124 h 208"/>
              <a:gd name="T42" fmla="*/ 160 w 224"/>
              <a:gd name="T43" fmla="*/ 88 h 208"/>
              <a:gd name="T44" fmla="*/ 160 w 224"/>
              <a:gd name="T45" fmla="*/ 104 h 208"/>
              <a:gd name="T46" fmla="*/ 164 w 224"/>
              <a:gd name="T47" fmla="*/ 100 h 208"/>
              <a:gd name="T48" fmla="*/ 52 w 224"/>
              <a:gd name="T49" fmla="*/ 144 h 208"/>
              <a:gd name="T50" fmla="*/ 56 w 224"/>
              <a:gd name="T51" fmla="*/ 116 h 208"/>
              <a:gd name="T52" fmla="*/ 28 w 224"/>
              <a:gd name="T53" fmla="*/ 112 h 208"/>
              <a:gd name="T54" fmla="*/ 24 w 224"/>
              <a:gd name="T55" fmla="*/ 140 h 208"/>
              <a:gd name="T56" fmla="*/ 32 w 224"/>
              <a:gd name="T57" fmla="*/ 120 h 208"/>
              <a:gd name="T58" fmla="*/ 32 w 224"/>
              <a:gd name="T59" fmla="*/ 136 h 208"/>
              <a:gd name="T60" fmla="*/ 44 w 224"/>
              <a:gd name="T61" fmla="*/ 168 h 208"/>
              <a:gd name="T62" fmla="*/ 28 w 224"/>
              <a:gd name="T63" fmla="*/ 160 h 208"/>
              <a:gd name="T64" fmla="*/ 76 w 224"/>
              <a:gd name="T65" fmla="*/ 176 h 208"/>
              <a:gd name="T66" fmla="*/ 28 w 224"/>
              <a:gd name="T67" fmla="*/ 184 h 208"/>
              <a:gd name="T68" fmla="*/ 76 w 224"/>
              <a:gd name="T69" fmla="*/ 176 h 208"/>
              <a:gd name="T70" fmla="*/ 56 w 224"/>
              <a:gd name="T71" fmla="*/ 164 h 208"/>
              <a:gd name="T72" fmla="*/ 80 w 224"/>
              <a:gd name="T73" fmla="*/ 164 h 208"/>
              <a:gd name="T74" fmla="*/ 92 w 224"/>
              <a:gd name="T75" fmla="*/ 160 h 208"/>
              <a:gd name="T76" fmla="*/ 108 w 224"/>
              <a:gd name="T77" fmla="*/ 168 h 208"/>
              <a:gd name="T78" fmla="*/ 124 w 224"/>
              <a:gd name="T79" fmla="*/ 168 h 208"/>
              <a:gd name="T80" fmla="*/ 140 w 224"/>
              <a:gd name="T81" fmla="*/ 160 h 208"/>
              <a:gd name="T82" fmla="*/ 124 w 224"/>
              <a:gd name="T83" fmla="*/ 168 h 208"/>
              <a:gd name="T84" fmla="*/ 73 w 224"/>
              <a:gd name="T85" fmla="*/ 47 h 208"/>
              <a:gd name="T86" fmla="*/ 32 w 224"/>
              <a:gd name="T87" fmla="*/ 60 h 208"/>
              <a:gd name="T88" fmla="*/ 73 w 224"/>
              <a:gd name="T89" fmla="*/ 73 h 208"/>
              <a:gd name="T90" fmla="*/ 79 w 224"/>
              <a:gd name="T91" fmla="*/ 79 h 208"/>
              <a:gd name="T92" fmla="*/ 96 w 224"/>
              <a:gd name="T93" fmla="*/ 62 h 208"/>
              <a:gd name="T94" fmla="*/ 96 w 224"/>
              <a:gd name="T95" fmla="*/ 60 h 208"/>
              <a:gd name="T96" fmla="*/ 95 w 224"/>
              <a:gd name="T97" fmla="*/ 58 h 208"/>
              <a:gd name="T98" fmla="*/ 73 w 224"/>
              <a:gd name="T99" fmla="*/ 41 h 208"/>
              <a:gd name="T100" fmla="*/ 33 w 224"/>
              <a:gd name="T101" fmla="*/ 47 h 208"/>
              <a:gd name="T102" fmla="*/ 39 w 224"/>
              <a:gd name="T103" fmla="*/ 41 h 208"/>
              <a:gd name="T104" fmla="*/ 80 w 224"/>
              <a:gd name="T105" fmla="*/ 28 h 208"/>
              <a:gd name="T106" fmla="*/ 39 w 224"/>
              <a:gd name="T107" fmla="*/ 15 h 208"/>
              <a:gd name="T108" fmla="*/ 17 w 224"/>
              <a:gd name="T109" fmla="*/ 25 h 208"/>
              <a:gd name="T110" fmla="*/ 17 w 224"/>
              <a:gd name="T111" fmla="*/ 3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224" h="208">
                <a:moveTo>
                  <a:pt x="224" y="136"/>
                </a:moveTo>
                <a:cubicBezTo>
                  <a:pt x="224" y="80"/>
                  <a:pt x="224" y="80"/>
                  <a:pt x="224" y="80"/>
                </a:cubicBezTo>
                <a:cubicBezTo>
                  <a:pt x="224" y="71"/>
                  <a:pt x="217" y="64"/>
                  <a:pt x="208" y="64"/>
                </a:cubicBezTo>
                <a:cubicBezTo>
                  <a:pt x="200" y="64"/>
                  <a:pt x="200" y="64"/>
                  <a:pt x="200" y="64"/>
                </a:cubicBezTo>
                <a:cubicBezTo>
                  <a:pt x="200" y="40"/>
                  <a:pt x="200" y="40"/>
                  <a:pt x="200" y="40"/>
                </a:cubicBezTo>
                <a:cubicBezTo>
                  <a:pt x="200" y="18"/>
                  <a:pt x="182" y="0"/>
                  <a:pt x="160" y="0"/>
                </a:cubicBezTo>
                <a:cubicBezTo>
                  <a:pt x="138" y="0"/>
                  <a:pt x="120" y="18"/>
                  <a:pt x="120" y="40"/>
                </a:cubicBezTo>
                <a:cubicBezTo>
                  <a:pt x="120" y="64"/>
                  <a:pt x="120" y="64"/>
                  <a:pt x="120" y="64"/>
                </a:cubicBezTo>
                <a:cubicBezTo>
                  <a:pt x="112" y="64"/>
                  <a:pt x="112" y="64"/>
                  <a:pt x="112" y="64"/>
                </a:cubicBezTo>
                <a:cubicBezTo>
                  <a:pt x="103" y="64"/>
                  <a:pt x="96" y="71"/>
                  <a:pt x="96" y="80"/>
                </a:cubicBezTo>
                <a:cubicBezTo>
                  <a:pt x="96" y="88"/>
                  <a:pt x="96" y="88"/>
                  <a:pt x="96" y="88"/>
                </a:cubicBezTo>
                <a:cubicBezTo>
                  <a:pt x="16" y="88"/>
                  <a:pt x="16" y="88"/>
                  <a:pt x="16" y="88"/>
                </a:cubicBezTo>
                <a:cubicBezTo>
                  <a:pt x="7" y="88"/>
                  <a:pt x="0" y="95"/>
                  <a:pt x="0" y="104"/>
                </a:cubicBezTo>
                <a:cubicBezTo>
                  <a:pt x="0" y="192"/>
                  <a:pt x="0" y="192"/>
                  <a:pt x="0" y="192"/>
                </a:cubicBezTo>
                <a:cubicBezTo>
                  <a:pt x="0" y="201"/>
                  <a:pt x="7" y="208"/>
                  <a:pt x="16" y="208"/>
                </a:cubicBezTo>
                <a:cubicBezTo>
                  <a:pt x="152" y="208"/>
                  <a:pt x="152" y="208"/>
                  <a:pt x="152" y="208"/>
                </a:cubicBezTo>
                <a:cubicBezTo>
                  <a:pt x="161" y="208"/>
                  <a:pt x="168" y="201"/>
                  <a:pt x="168" y="192"/>
                </a:cubicBezTo>
                <a:cubicBezTo>
                  <a:pt x="168" y="152"/>
                  <a:pt x="168" y="152"/>
                  <a:pt x="168" y="152"/>
                </a:cubicBezTo>
                <a:cubicBezTo>
                  <a:pt x="208" y="152"/>
                  <a:pt x="208" y="152"/>
                  <a:pt x="208" y="152"/>
                </a:cubicBezTo>
                <a:cubicBezTo>
                  <a:pt x="217" y="152"/>
                  <a:pt x="224" y="145"/>
                  <a:pt x="224" y="136"/>
                </a:cubicBezTo>
                <a:close/>
                <a:moveTo>
                  <a:pt x="128" y="40"/>
                </a:moveTo>
                <a:cubicBezTo>
                  <a:pt x="128" y="22"/>
                  <a:pt x="142" y="8"/>
                  <a:pt x="160" y="8"/>
                </a:cubicBezTo>
                <a:cubicBezTo>
                  <a:pt x="178" y="8"/>
                  <a:pt x="192" y="22"/>
                  <a:pt x="192" y="40"/>
                </a:cubicBezTo>
                <a:cubicBezTo>
                  <a:pt x="192" y="64"/>
                  <a:pt x="192" y="64"/>
                  <a:pt x="192" y="64"/>
                </a:cubicBezTo>
                <a:cubicBezTo>
                  <a:pt x="184" y="64"/>
                  <a:pt x="184" y="64"/>
                  <a:pt x="184" y="64"/>
                </a:cubicBezTo>
                <a:cubicBezTo>
                  <a:pt x="184" y="40"/>
                  <a:pt x="184" y="40"/>
                  <a:pt x="184" y="40"/>
                </a:cubicBezTo>
                <a:cubicBezTo>
                  <a:pt x="184" y="27"/>
                  <a:pt x="173" y="16"/>
                  <a:pt x="160" y="16"/>
                </a:cubicBezTo>
                <a:cubicBezTo>
                  <a:pt x="147" y="16"/>
                  <a:pt x="136" y="27"/>
                  <a:pt x="136" y="40"/>
                </a:cubicBezTo>
                <a:cubicBezTo>
                  <a:pt x="136" y="64"/>
                  <a:pt x="136" y="64"/>
                  <a:pt x="136" y="64"/>
                </a:cubicBezTo>
                <a:cubicBezTo>
                  <a:pt x="128" y="64"/>
                  <a:pt x="128" y="64"/>
                  <a:pt x="128" y="64"/>
                </a:cubicBezTo>
                <a:lnTo>
                  <a:pt x="128" y="40"/>
                </a:lnTo>
                <a:close/>
                <a:moveTo>
                  <a:pt x="176" y="40"/>
                </a:moveTo>
                <a:cubicBezTo>
                  <a:pt x="176" y="64"/>
                  <a:pt x="176" y="64"/>
                  <a:pt x="176" y="64"/>
                </a:cubicBezTo>
                <a:cubicBezTo>
                  <a:pt x="144" y="64"/>
                  <a:pt x="144" y="64"/>
                  <a:pt x="144" y="64"/>
                </a:cubicBezTo>
                <a:cubicBezTo>
                  <a:pt x="144" y="40"/>
                  <a:pt x="144" y="40"/>
                  <a:pt x="144" y="40"/>
                </a:cubicBezTo>
                <a:cubicBezTo>
                  <a:pt x="144" y="31"/>
                  <a:pt x="151" y="24"/>
                  <a:pt x="160" y="24"/>
                </a:cubicBezTo>
                <a:cubicBezTo>
                  <a:pt x="169" y="24"/>
                  <a:pt x="176" y="31"/>
                  <a:pt x="176" y="40"/>
                </a:cubicBezTo>
                <a:close/>
                <a:moveTo>
                  <a:pt x="160" y="192"/>
                </a:moveTo>
                <a:cubicBezTo>
                  <a:pt x="160" y="196"/>
                  <a:pt x="156" y="200"/>
                  <a:pt x="152" y="200"/>
                </a:cubicBezTo>
                <a:cubicBezTo>
                  <a:pt x="16" y="200"/>
                  <a:pt x="16" y="200"/>
                  <a:pt x="16" y="200"/>
                </a:cubicBezTo>
                <a:cubicBezTo>
                  <a:pt x="12" y="200"/>
                  <a:pt x="8" y="196"/>
                  <a:pt x="8" y="192"/>
                </a:cubicBezTo>
                <a:cubicBezTo>
                  <a:pt x="8" y="104"/>
                  <a:pt x="8" y="104"/>
                  <a:pt x="8" y="104"/>
                </a:cubicBezTo>
                <a:cubicBezTo>
                  <a:pt x="8" y="100"/>
                  <a:pt x="12" y="96"/>
                  <a:pt x="16" y="96"/>
                </a:cubicBezTo>
                <a:cubicBezTo>
                  <a:pt x="96" y="96"/>
                  <a:pt x="96" y="96"/>
                  <a:pt x="96" y="96"/>
                </a:cubicBezTo>
                <a:cubicBezTo>
                  <a:pt x="96" y="136"/>
                  <a:pt x="96" y="136"/>
                  <a:pt x="96" y="136"/>
                </a:cubicBezTo>
                <a:cubicBezTo>
                  <a:pt x="96" y="145"/>
                  <a:pt x="103" y="152"/>
                  <a:pt x="112" y="152"/>
                </a:cubicBezTo>
                <a:cubicBezTo>
                  <a:pt x="160" y="152"/>
                  <a:pt x="160" y="152"/>
                  <a:pt x="160" y="152"/>
                </a:cubicBezTo>
                <a:lnTo>
                  <a:pt x="160" y="192"/>
                </a:lnTo>
                <a:close/>
                <a:moveTo>
                  <a:pt x="216" y="136"/>
                </a:moveTo>
                <a:cubicBezTo>
                  <a:pt x="216" y="140"/>
                  <a:pt x="212" y="144"/>
                  <a:pt x="208" y="144"/>
                </a:cubicBezTo>
                <a:cubicBezTo>
                  <a:pt x="112" y="144"/>
                  <a:pt x="112" y="144"/>
                  <a:pt x="112" y="144"/>
                </a:cubicBezTo>
                <a:cubicBezTo>
                  <a:pt x="108" y="144"/>
                  <a:pt x="104" y="140"/>
                  <a:pt x="104" y="136"/>
                </a:cubicBezTo>
                <a:cubicBezTo>
                  <a:pt x="104" y="80"/>
                  <a:pt x="104" y="80"/>
                  <a:pt x="104" y="80"/>
                </a:cubicBezTo>
                <a:cubicBezTo>
                  <a:pt x="104" y="76"/>
                  <a:pt x="108" y="72"/>
                  <a:pt x="112" y="72"/>
                </a:cubicBezTo>
                <a:cubicBezTo>
                  <a:pt x="208" y="72"/>
                  <a:pt x="208" y="72"/>
                  <a:pt x="208" y="72"/>
                </a:cubicBezTo>
                <a:cubicBezTo>
                  <a:pt x="212" y="72"/>
                  <a:pt x="216" y="76"/>
                  <a:pt x="216" y="80"/>
                </a:cubicBezTo>
                <a:lnTo>
                  <a:pt x="216" y="136"/>
                </a:lnTo>
                <a:close/>
                <a:moveTo>
                  <a:pt x="160" y="88"/>
                </a:moveTo>
                <a:cubicBezTo>
                  <a:pt x="153" y="88"/>
                  <a:pt x="148" y="93"/>
                  <a:pt x="148" y="100"/>
                </a:cubicBezTo>
                <a:cubicBezTo>
                  <a:pt x="148" y="105"/>
                  <a:pt x="151" y="110"/>
                  <a:pt x="156" y="111"/>
                </a:cubicBezTo>
                <a:cubicBezTo>
                  <a:pt x="156" y="124"/>
                  <a:pt x="156" y="124"/>
                  <a:pt x="156" y="124"/>
                </a:cubicBezTo>
                <a:cubicBezTo>
                  <a:pt x="156" y="126"/>
                  <a:pt x="158" y="128"/>
                  <a:pt x="160" y="128"/>
                </a:cubicBezTo>
                <a:cubicBezTo>
                  <a:pt x="162" y="128"/>
                  <a:pt x="164" y="126"/>
                  <a:pt x="164" y="124"/>
                </a:cubicBezTo>
                <a:cubicBezTo>
                  <a:pt x="164" y="111"/>
                  <a:pt x="164" y="111"/>
                  <a:pt x="164" y="111"/>
                </a:cubicBezTo>
                <a:cubicBezTo>
                  <a:pt x="169" y="110"/>
                  <a:pt x="172" y="105"/>
                  <a:pt x="172" y="100"/>
                </a:cubicBezTo>
                <a:cubicBezTo>
                  <a:pt x="172" y="93"/>
                  <a:pt x="167" y="88"/>
                  <a:pt x="160" y="88"/>
                </a:cubicBezTo>
                <a:close/>
                <a:moveTo>
                  <a:pt x="160" y="104"/>
                </a:moveTo>
                <a:cubicBezTo>
                  <a:pt x="160" y="104"/>
                  <a:pt x="160" y="104"/>
                  <a:pt x="160" y="104"/>
                </a:cubicBezTo>
                <a:cubicBezTo>
                  <a:pt x="160" y="104"/>
                  <a:pt x="160" y="104"/>
                  <a:pt x="160" y="104"/>
                </a:cubicBezTo>
                <a:cubicBezTo>
                  <a:pt x="158" y="104"/>
                  <a:pt x="156" y="102"/>
                  <a:pt x="156" y="100"/>
                </a:cubicBezTo>
                <a:cubicBezTo>
                  <a:pt x="156" y="98"/>
                  <a:pt x="158" y="96"/>
                  <a:pt x="160" y="96"/>
                </a:cubicBezTo>
                <a:cubicBezTo>
                  <a:pt x="162" y="96"/>
                  <a:pt x="164" y="98"/>
                  <a:pt x="164" y="100"/>
                </a:cubicBezTo>
                <a:cubicBezTo>
                  <a:pt x="164" y="102"/>
                  <a:pt x="162" y="104"/>
                  <a:pt x="160" y="104"/>
                </a:cubicBezTo>
                <a:close/>
                <a:moveTo>
                  <a:pt x="28" y="144"/>
                </a:moveTo>
                <a:cubicBezTo>
                  <a:pt x="52" y="144"/>
                  <a:pt x="52" y="144"/>
                  <a:pt x="52" y="144"/>
                </a:cubicBezTo>
                <a:cubicBezTo>
                  <a:pt x="53" y="144"/>
                  <a:pt x="54" y="144"/>
                  <a:pt x="55" y="143"/>
                </a:cubicBezTo>
                <a:cubicBezTo>
                  <a:pt x="56" y="142"/>
                  <a:pt x="56" y="141"/>
                  <a:pt x="56" y="140"/>
                </a:cubicBezTo>
                <a:cubicBezTo>
                  <a:pt x="56" y="116"/>
                  <a:pt x="56" y="116"/>
                  <a:pt x="56" y="116"/>
                </a:cubicBezTo>
                <a:cubicBezTo>
                  <a:pt x="56" y="115"/>
                  <a:pt x="56" y="114"/>
                  <a:pt x="55" y="113"/>
                </a:cubicBezTo>
                <a:cubicBezTo>
                  <a:pt x="54" y="112"/>
                  <a:pt x="53" y="112"/>
                  <a:pt x="52" y="112"/>
                </a:cubicBezTo>
                <a:cubicBezTo>
                  <a:pt x="28" y="112"/>
                  <a:pt x="28" y="112"/>
                  <a:pt x="28" y="112"/>
                </a:cubicBezTo>
                <a:cubicBezTo>
                  <a:pt x="27" y="112"/>
                  <a:pt x="26" y="112"/>
                  <a:pt x="25" y="113"/>
                </a:cubicBezTo>
                <a:cubicBezTo>
                  <a:pt x="24" y="114"/>
                  <a:pt x="24" y="115"/>
                  <a:pt x="24" y="116"/>
                </a:cubicBezTo>
                <a:cubicBezTo>
                  <a:pt x="24" y="140"/>
                  <a:pt x="24" y="140"/>
                  <a:pt x="24" y="140"/>
                </a:cubicBezTo>
                <a:cubicBezTo>
                  <a:pt x="24" y="141"/>
                  <a:pt x="24" y="142"/>
                  <a:pt x="25" y="143"/>
                </a:cubicBezTo>
                <a:cubicBezTo>
                  <a:pt x="26" y="144"/>
                  <a:pt x="27" y="144"/>
                  <a:pt x="28" y="144"/>
                </a:cubicBezTo>
                <a:close/>
                <a:moveTo>
                  <a:pt x="32" y="120"/>
                </a:moveTo>
                <a:cubicBezTo>
                  <a:pt x="48" y="120"/>
                  <a:pt x="48" y="120"/>
                  <a:pt x="48" y="120"/>
                </a:cubicBezTo>
                <a:cubicBezTo>
                  <a:pt x="48" y="136"/>
                  <a:pt x="48" y="136"/>
                  <a:pt x="48" y="136"/>
                </a:cubicBezTo>
                <a:cubicBezTo>
                  <a:pt x="32" y="136"/>
                  <a:pt x="32" y="136"/>
                  <a:pt x="32" y="136"/>
                </a:cubicBezTo>
                <a:lnTo>
                  <a:pt x="32" y="120"/>
                </a:lnTo>
                <a:close/>
                <a:moveTo>
                  <a:pt x="28" y="168"/>
                </a:moveTo>
                <a:cubicBezTo>
                  <a:pt x="44" y="168"/>
                  <a:pt x="44" y="168"/>
                  <a:pt x="44" y="168"/>
                </a:cubicBezTo>
                <a:cubicBezTo>
                  <a:pt x="46" y="168"/>
                  <a:pt x="48" y="166"/>
                  <a:pt x="48" y="164"/>
                </a:cubicBezTo>
                <a:cubicBezTo>
                  <a:pt x="48" y="162"/>
                  <a:pt x="46" y="160"/>
                  <a:pt x="44" y="160"/>
                </a:cubicBezTo>
                <a:cubicBezTo>
                  <a:pt x="28" y="160"/>
                  <a:pt x="28" y="160"/>
                  <a:pt x="28" y="160"/>
                </a:cubicBezTo>
                <a:cubicBezTo>
                  <a:pt x="26" y="160"/>
                  <a:pt x="24" y="162"/>
                  <a:pt x="24" y="164"/>
                </a:cubicBezTo>
                <a:cubicBezTo>
                  <a:pt x="24" y="166"/>
                  <a:pt x="26" y="168"/>
                  <a:pt x="28" y="168"/>
                </a:cubicBezTo>
                <a:close/>
                <a:moveTo>
                  <a:pt x="76" y="176"/>
                </a:moveTo>
                <a:cubicBezTo>
                  <a:pt x="28" y="176"/>
                  <a:pt x="28" y="176"/>
                  <a:pt x="28" y="176"/>
                </a:cubicBezTo>
                <a:cubicBezTo>
                  <a:pt x="26" y="176"/>
                  <a:pt x="24" y="178"/>
                  <a:pt x="24" y="180"/>
                </a:cubicBezTo>
                <a:cubicBezTo>
                  <a:pt x="24" y="182"/>
                  <a:pt x="26" y="184"/>
                  <a:pt x="28" y="184"/>
                </a:cubicBezTo>
                <a:cubicBezTo>
                  <a:pt x="76" y="184"/>
                  <a:pt x="76" y="184"/>
                  <a:pt x="76" y="184"/>
                </a:cubicBezTo>
                <a:cubicBezTo>
                  <a:pt x="78" y="184"/>
                  <a:pt x="80" y="182"/>
                  <a:pt x="80" y="180"/>
                </a:cubicBezTo>
                <a:cubicBezTo>
                  <a:pt x="80" y="178"/>
                  <a:pt x="78" y="176"/>
                  <a:pt x="76" y="176"/>
                </a:cubicBezTo>
                <a:close/>
                <a:moveTo>
                  <a:pt x="76" y="160"/>
                </a:moveTo>
                <a:cubicBezTo>
                  <a:pt x="60" y="160"/>
                  <a:pt x="60" y="160"/>
                  <a:pt x="60" y="160"/>
                </a:cubicBezTo>
                <a:cubicBezTo>
                  <a:pt x="58" y="160"/>
                  <a:pt x="56" y="162"/>
                  <a:pt x="56" y="164"/>
                </a:cubicBezTo>
                <a:cubicBezTo>
                  <a:pt x="56" y="166"/>
                  <a:pt x="58" y="168"/>
                  <a:pt x="60" y="168"/>
                </a:cubicBezTo>
                <a:cubicBezTo>
                  <a:pt x="76" y="168"/>
                  <a:pt x="76" y="168"/>
                  <a:pt x="76" y="168"/>
                </a:cubicBezTo>
                <a:cubicBezTo>
                  <a:pt x="78" y="168"/>
                  <a:pt x="80" y="166"/>
                  <a:pt x="80" y="164"/>
                </a:cubicBezTo>
                <a:cubicBezTo>
                  <a:pt x="80" y="162"/>
                  <a:pt x="78" y="160"/>
                  <a:pt x="76" y="160"/>
                </a:cubicBezTo>
                <a:close/>
                <a:moveTo>
                  <a:pt x="108" y="160"/>
                </a:moveTo>
                <a:cubicBezTo>
                  <a:pt x="92" y="160"/>
                  <a:pt x="92" y="160"/>
                  <a:pt x="92" y="160"/>
                </a:cubicBezTo>
                <a:cubicBezTo>
                  <a:pt x="90" y="160"/>
                  <a:pt x="88" y="162"/>
                  <a:pt x="88" y="164"/>
                </a:cubicBezTo>
                <a:cubicBezTo>
                  <a:pt x="88" y="166"/>
                  <a:pt x="90" y="168"/>
                  <a:pt x="92" y="168"/>
                </a:cubicBezTo>
                <a:cubicBezTo>
                  <a:pt x="108" y="168"/>
                  <a:pt x="108" y="168"/>
                  <a:pt x="108" y="168"/>
                </a:cubicBezTo>
                <a:cubicBezTo>
                  <a:pt x="110" y="168"/>
                  <a:pt x="112" y="166"/>
                  <a:pt x="112" y="164"/>
                </a:cubicBezTo>
                <a:cubicBezTo>
                  <a:pt x="112" y="162"/>
                  <a:pt x="110" y="160"/>
                  <a:pt x="108" y="160"/>
                </a:cubicBezTo>
                <a:close/>
                <a:moveTo>
                  <a:pt x="124" y="168"/>
                </a:moveTo>
                <a:cubicBezTo>
                  <a:pt x="140" y="168"/>
                  <a:pt x="140" y="168"/>
                  <a:pt x="140" y="168"/>
                </a:cubicBezTo>
                <a:cubicBezTo>
                  <a:pt x="142" y="168"/>
                  <a:pt x="144" y="166"/>
                  <a:pt x="144" y="164"/>
                </a:cubicBezTo>
                <a:cubicBezTo>
                  <a:pt x="144" y="162"/>
                  <a:pt x="142" y="160"/>
                  <a:pt x="140" y="160"/>
                </a:cubicBezTo>
                <a:cubicBezTo>
                  <a:pt x="124" y="160"/>
                  <a:pt x="124" y="160"/>
                  <a:pt x="124" y="160"/>
                </a:cubicBezTo>
                <a:cubicBezTo>
                  <a:pt x="122" y="160"/>
                  <a:pt x="120" y="162"/>
                  <a:pt x="120" y="164"/>
                </a:cubicBezTo>
                <a:cubicBezTo>
                  <a:pt x="120" y="166"/>
                  <a:pt x="122" y="168"/>
                  <a:pt x="124" y="168"/>
                </a:cubicBezTo>
                <a:close/>
                <a:moveTo>
                  <a:pt x="73" y="41"/>
                </a:moveTo>
                <a:cubicBezTo>
                  <a:pt x="72" y="43"/>
                  <a:pt x="72" y="45"/>
                  <a:pt x="73" y="47"/>
                </a:cubicBezTo>
                <a:cubicBezTo>
                  <a:pt x="73" y="47"/>
                  <a:pt x="73" y="47"/>
                  <a:pt x="73" y="47"/>
                </a:cubicBezTo>
                <a:cubicBezTo>
                  <a:pt x="82" y="56"/>
                  <a:pt x="82" y="56"/>
                  <a:pt x="82" y="56"/>
                </a:cubicBezTo>
                <a:cubicBezTo>
                  <a:pt x="36" y="56"/>
                  <a:pt x="36" y="56"/>
                  <a:pt x="36" y="56"/>
                </a:cubicBezTo>
                <a:cubicBezTo>
                  <a:pt x="34" y="56"/>
                  <a:pt x="32" y="58"/>
                  <a:pt x="32" y="60"/>
                </a:cubicBezTo>
                <a:cubicBezTo>
                  <a:pt x="32" y="62"/>
                  <a:pt x="34" y="64"/>
                  <a:pt x="36" y="64"/>
                </a:cubicBezTo>
                <a:cubicBezTo>
                  <a:pt x="82" y="64"/>
                  <a:pt x="82" y="64"/>
                  <a:pt x="82" y="64"/>
                </a:cubicBezTo>
                <a:cubicBezTo>
                  <a:pt x="73" y="73"/>
                  <a:pt x="73" y="73"/>
                  <a:pt x="73" y="73"/>
                </a:cubicBezTo>
                <a:cubicBezTo>
                  <a:pt x="72" y="75"/>
                  <a:pt x="72" y="77"/>
                  <a:pt x="73" y="79"/>
                </a:cubicBezTo>
                <a:cubicBezTo>
                  <a:pt x="74" y="80"/>
                  <a:pt x="75" y="80"/>
                  <a:pt x="76" y="80"/>
                </a:cubicBezTo>
                <a:cubicBezTo>
                  <a:pt x="77" y="80"/>
                  <a:pt x="78" y="80"/>
                  <a:pt x="79" y="79"/>
                </a:cubicBezTo>
                <a:cubicBezTo>
                  <a:pt x="95" y="63"/>
                  <a:pt x="95" y="63"/>
                  <a:pt x="95" y="63"/>
                </a:cubicBezTo>
                <a:cubicBezTo>
                  <a:pt x="95" y="63"/>
                  <a:pt x="95" y="62"/>
                  <a:pt x="95" y="62"/>
                </a:cubicBezTo>
                <a:cubicBezTo>
                  <a:pt x="95" y="62"/>
                  <a:pt x="96" y="62"/>
                  <a:pt x="96" y="62"/>
                </a:cubicBezTo>
                <a:cubicBezTo>
                  <a:pt x="96" y="61"/>
                  <a:pt x="96" y="61"/>
                  <a:pt x="96" y="60"/>
                </a:cubicBezTo>
                <a:cubicBezTo>
                  <a:pt x="96" y="60"/>
                  <a:pt x="96" y="60"/>
                  <a:pt x="96" y="60"/>
                </a:cubicBezTo>
                <a:cubicBezTo>
                  <a:pt x="96" y="60"/>
                  <a:pt x="96" y="60"/>
                  <a:pt x="96" y="60"/>
                </a:cubicBezTo>
                <a:cubicBezTo>
                  <a:pt x="96" y="60"/>
                  <a:pt x="96" y="60"/>
                  <a:pt x="96" y="60"/>
                </a:cubicBezTo>
                <a:cubicBezTo>
                  <a:pt x="96" y="59"/>
                  <a:pt x="96" y="59"/>
                  <a:pt x="96" y="58"/>
                </a:cubicBezTo>
                <a:cubicBezTo>
                  <a:pt x="96" y="58"/>
                  <a:pt x="95" y="58"/>
                  <a:pt x="95" y="58"/>
                </a:cubicBezTo>
                <a:cubicBezTo>
                  <a:pt x="95" y="58"/>
                  <a:pt x="95" y="57"/>
                  <a:pt x="95" y="57"/>
                </a:cubicBezTo>
                <a:cubicBezTo>
                  <a:pt x="79" y="41"/>
                  <a:pt x="79" y="41"/>
                  <a:pt x="79" y="41"/>
                </a:cubicBezTo>
                <a:cubicBezTo>
                  <a:pt x="77" y="40"/>
                  <a:pt x="75" y="40"/>
                  <a:pt x="73" y="41"/>
                </a:cubicBezTo>
                <a:close/>
                <a:moveTo>
                  <a:pt x="17" y="30"/>
                </a:moveTo>
                <a:cubicBezTo>
                  <a:pt x="17" y="30"/>
                  <a:pt x="17" y="31"/>
                  <a:pt x="17" y="31"/>
                </a:cubicBezTo>
                <a:cubicBezTo>
                  <a:pt x="33" y="47"/>
                  <a:pt x="33" y="47"/>
                  <a:pt x="33" y="47"/>
                </a:cubicBezTo>
                <a:cubicBezTo>
                  <a:pt x="34" y="48"/>
                  <a:pt x="35" y="48"/>
                  <a:pt x="36" y="48"/>
                </a:cubicBezTo>
                <a:cubicBezTo>
                  <a:pt x="37" y="48"/>
                  <a:pt x="38" y="48"/>
                  <a:pt x="39" y="47"/>
                </a:cubicBezTo>
                <a:cubicBezTo>
                  <a:pt x="40" y="45"/>
                  <a:pt x="40" y="43"/>
                  <a:pt x="39" y="41"/>
                </a:cubicBezTo>
                <a:cubicBezTo>
                  <a:pt x="30" y="32"/>
                  <a:pt x="30" y="32"/>
                  <a:pt x="30" y="32"/>
                </a:cubicBezTo>
                <a:cubicBezTo>
                  <a:pt x="76" y="32"/>
                  <a:pt x="76" y="32"/>
                  <a:pt x="76" y="32"/>
                </a:cubicBezTo>
                <a:cubicBezTo>
                  <a:pt x="78" y="32"/>
                  <a:pt x="80" y="30"/>
                  <a:pt x="80" y="28"/>
                </a:cubicBezTo>
                <a:cubicBezTo>
                  <a:pt x="80" y="26"/>
                  <a:pt x="78" y="24"/>
                  <a:pt x="76" y="24"/>
                </a:cubicBezTo>
                <a:cubicBezTo>
                  <a:pt x="30" y="24"/>
                  <a:pt x="30" y="24"/>
                  <a:pt x="30" y="24"/>
                </a:cubicBezTo>
                <a:cubicBezTo>
                  <a:pt x="39" y="15"/>
                  <a:pt x="39" y="15"/>
                  <a:pt x="39" y="15"/>
                </a:cubicBezTo>
                <a:cubicBezTo>
                  <a:pt x="40" y="13"/>
                  <a:pt x="40" y="11"/>
                  <a:pt x="39" y="9"/>
                </a:cubicBezTo>
                <a:cubicBezTo>
                  <a:pt x="37" y="8"/>
                  <a:pt x="35" y="8"/>
                  <a:pt x="33" y="9"/>
                </a:cubicBezTo>
                <a:cubicBezTo>
                  <a:pt x="17" y="25"/>
                  <a:pt x="17" y="25"/>
                  <a:pt x="17" y="25"/>
                </a:cubicBezTo>
                <a:cubicBezTo>
                  <a:pt x="17" y="26"/>
                  <a:pt x="17" y="26"/>
                  <a:pt x="16" y="26"/>
                </a:cubicBezTo>
                <a:cubicBezTo>
                  <a:pt x="16" y="27"/>
                  <a:pt x="16" y="29"/>
                  <a:pt x="16" y="30"/>
                </a:cubicBezTo>
                <a:cubicBezTo>
                  <a:pt x="16" y="30"/>
                  <a:pt x="17" y="30"/>
                  <a:pt x="17" y="30"/>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grpSp>
        <p:nvGrpSpPr>
          <p:cNvPr id="18" name="Group 17">
            <a:extLst>
              <a:ext uri="{FF2B5EF4-FFF2-40B4-BE49-F238E27FC236}">
                <a16:creationId xmlns:a16="http://schemas.microsoft.com/office/drawing/2014/main" id="{4F429FBF-20D5-0EAE-50B9-F77CAA17A2E2}"/>
              </a:ext>
              <a:ext uri="{C183D7F6-B498-43B3-948B-1728B52AA6E4}">
                <adec:decorative xmlns:adec="http://schemas.microsoft.com/office/drawing/2017/decorative" val="1"/>
              </a:ext>
            </a:extLst>
          </p:cNvPr>
          <p:cNvGrpSpPr/>
          <p:nvPr/>
        </p:nvGrpSpPr>
        <p:grpSpPr>
          <a:xfrm>
            <a:off x="9692516" y="3512904"/>
            <a:ext cx="369028" cy="312848"/>
            <a:chOff x="4397141" y="4672013"/>
            <a:chExt cx="531812" cy="450850"/>
          </a:xfrm>
        </p:grpSpPr>
        <p:sp>
          <p:nvSpPr>
            <p:cNvPr id="19" name="Oval 386">
              <a:extLst>
                <a:ext uri="{FF2B5EF4-FFF2-40B4-BE49-F238E27FC236}">
                  <a16:creationId xmlns:a16="http://schemas.microsoft.com/office/drawing/2014/main" id="{39BA838F-6E07-973A-A727-E72A511B69E7}"/>
                </a:ext>
              </a:extLst>
            </p:cNvPr>
            <p:cNvSpPr>
              <a:spLocks noChangeArrowheads="1"/>
            </p:cNvSpPr>
            <p:nvPr/>
          </p:nvSpPr>
          <p:spPr bwMode="auto">
            <a:xfrm>
              <a:off x="4765441" y="4835526"/>
              <a:ext cx="41275" cy="41275"/>
            </a:xfrm>
            <a:prstGeom prst="ellipse">
              <a:avLst/>
            </a:pr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20" name="Freeform 387">
              <a:extLst>
                <a:ext uri="{FF2B5EF4-FFF2-40B4-BE49-F238E27FC236}">
                  <a16:creationId xmlns:a16="http://schemas.microsoft.com/office/drawing/2014/main" id="{89059FF2-CB7E-EDE4-535C-FA7661518487}"/>
                </a:ext>
              </a:extLst>
            </p:cNvPr>
            <p:cNvSpPr>
              <a:spLocks noEditPoints="1"/>
            </p:cNvSpPr>
            <p:nvPr/>
          </p:nvSpPr>
          <p:spPr bwMode="auto">
            <a:xfrm>
              <a:off x="4397141" y="4672013"/>
              <a:ext cx="531812" cy="450850"/>
            </a:xfrm>
            <a:custGeom>
              <a:avLst/>
              <a:gdLst>
                <a:gd name="T0" fmla="*/ 191 w 208"/>
                <a:gd name="T1" fmla="*/ 76 h 176"/>
                <a:gd name="T2" fmla="*/ 168 w 208"/>
                <a:gd name="T3" fmla="*/ 4 h 176"/>
                <a:gd name="T4" fmla="*/ 136 w 208"/>
                <a:gd name="T5" fmla="*/ 25 h 176"/>
                <a:gd name="T6" fmla="*/ 132 w 208"/>
                <a:gd name="T7" fmla="*/ 4 h 176"/>
                <a:gd name="T8" fmla="*/ 100 w 208"/>
                <a:gd name="T9" fmla="*/ 24 h 176"/>
                <a:gd name="T10" fmla="*/ 15 w 208"/>
                <a:gd name="T11" fmla="*/ 47 h 176"/>
                <a:gd name="T12" fmla="*/ 20 w 208"/>
                <a:gd name="T13" fmla="*/ 32 h 176"/>
                <a:gd name="T14" fmla="*/ 20 w 208"/>
                <a:gd name="T15" fmla="*/ 24 h 176"/>
                <a:gd name="T16" fmla="*/ 10 w 208"/>
                <a:gd name="T17" fmla="*/ 53 h 176"/>
                <a:gd name="T18" fmla="*/ 24 w 208"/>
                <a:gd name="T19" fmla="*/ 138 h 176"/>
                <a:gd name="T20" fmla="*/ 40 w 208"/>
                <a:gd name="T21" fmla="*/ 176 h 176"/>
                <a:gd name="T22" fmla="*/ 64 w 208"/>
                <a:gd name="T23" fmla="*/ 176 h 176"/>
                <a:gd name="T24" fmla="*/ 80 w 208"/>
                <a:gd name="T25" fmla="*/ 152 h 176"/>
                <a:gd name="T26" fmla="*/ 96 w 208"/>
                <a:gd name="T27" fmla="*/ 160 h 176"/>
                <a:gd name="T28" fmla="*/ 124 w 208"/>
                <a:gd name="T29" fmla="*/ 170 h 176"/>
                <a:gd name="T30" fmla="*/ 152 w 208"/>
                <a:gd name="T31" fmla="*/ 160 h 176"/>
                <a:gd name="T32" fmla="*/ 186 w 208"/>
                <a:gd name="T33" fmla="*/ 116 h 176"/>
                <a:gd name="T34" fmla="*/ 208 w 208"/>
                <a:gd name="T35" fmla="*/ 100 h 176"/>
                <a:gd name="T36" fmla="*/ 204 w 208"/>
                <a:gd name="T37" fmla="*/ 76 h 176"/>
                <a:gd name="T38" fmla="*/ 160 w 208"/>
                <a:gd name="T39" fmla="*/ 33 h 176"/>
                <a:gd name="T40" fmla="*/ 160 w 208"/>
                <a:gd name="T41" fmla="*/ 8 h 176"/>
                <a:gd name="T42" fmla="*/ 64 w 208"/>
                <a:gd name="T43" fmla="*/ 168 h 176"/>
                <a:gd name="T44" fmla="*/ 56 w 208"/>
                <a:gd name="T45" fmla="*/ 151 h 176"/>
                <a:gd name="T46" fmla="*/ 72 w 208"/>
                <a:gd name="T47" fmla="*/ 152 h 176"/>
                <a:gd name="T48" fmla="*/ 144 w 208"/>
                <a:gd name="T49" fmla="*/ 160 h 176"/>
                <a:gd name="T50" fmla="*/ 128 w 208"/>
                <a:gd name="T51" fmla="*/ 160 h 176"/>
                <a:gd name="T52" fmla="*/ 144 w 208"/>
                <a:gd name="T53" fmla="*/ 150 h 176"/>
                <a:gd name="T54" fmla="*/ 200 w 208"/>
                <a:gd name="T55" fmla="*/ 100 h 176"/>
                <a:gd name="T56" fmla="*/ 183 w 208"/>
                <a:gd name="T57" fmla="*/ 108 h 176"/>
                <a:gd name="T58" fmla="*/ 128 w 208"/>
                <a:gd name="T59" fmla="*/ 144 h 176"/>
                <a:gd name="T60" fmla="*/ 120 w 208"/>
                <a:gd name="T61" fmla="*/ 148 h 176"/>
                <a:gd name="T62" fmla="*/ 112 w 208"/>
                <a:gd name="T63" fmla="*/ 168 h 176"/>
                <a:gd name="T64" fmla="*/ 104 w 208"/>
                <a:gd name="T65" fmla="*/ 148 h 176"/>
                <a:gd name="T66" fmla="*/ 64 w 208"/>
                <a:gd name="T67" fmla="*/ 144 h 176"/>
                <a:gd name="T68" fmla="*/ 52 w 208"/>
                <a:gd name="T69" fmla="*/ 143 h 176"/>
                <a:gd name="T70" fmla="*/ 48 w 208"/>
                <a:gd name="T71" fmla="*/ 147 h 176"/>
                <a:gd name="T72" fmla="*/ 40 w 208"/>
                <a:gd name="T73" fmla="*/ 168 h 176"/>
                <a:gd name="T74" fmla="*/ 32 w 208"/>
                <a:gd name="T75" fmla="*/ 136 h 176"/>
                <a:gd name="T76" fmla="*/ 8 w 208"/>
                <a:gd name="T77" fmla="*/ 88 h 176"/>
                <a:gd name="T78" fmla="*/ 100 w 208"/>
                <a:gd name="T79" fmla="*/ 32 h 176"/>
                <a:gd name="T80" fmla="*/ 109 w 208"/>
                <a:gd name="T81" fmla="*/ 44 h 176"/>
                <a:gd name="T82" fmla="*/ 108 w 208"/>
                <a:gd name="T83" fmla="*/ 28 h 176"/>
                <a:gd name="T84" fmla="*/ 124 w 208"/>
                <a:gd name="T85" fmla="*/ 28 h 176"/>
                <a:gd name="T86" fmla="*/ 183 w 208"/>
                <a:gd name="T87" fmla="*/ 81 h 176"/>
                <a:gd name="T88" fmla="*/ 200 w 208"/>
                <a:gd name="T89" fmla="*/ 84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176">
                  <a:moveTo>
                    <a:pt x="204" y="76"/>
                  </a:moveTo>
                  <a:cubicBezTo>
                    <a:pt x="191" y="76"/>
                    <a:pt x="191" y="76"/>
                    <a:pt x="191" y="76"/>
                  </a:cubicBezTo>
                  <a:cubicBezTo>
                    <a:pt x="188" y="61"/>
                    <a:pt x="180" y="48"/>
                    <a:pt x="168" y="38"/>
                  </a:cubicBezTo>
                  <a:cubicBezTo>
                    <a:pt x="168" y="4"/>
                    <a:pt x="168" y="4"/>
                    <a:pt x="168" y="4"/>
                  </a:cubicBezTo>
                  <a:cubicBezTo>
                    <a:pt x="168" y="2"/>
                    <a:pt x="166" y="0"/>
                    <a:pt x="164" y="0"/>
                  </a:cubicBezTo>
                  <a:cubicBezTo>
                    <a:pt x="150" y="0"/>
                    <a:pt x="138" y="11"/>
                    <a:pt x="136" y="25"/>
                  </a:cubicBezTo>
                  <a:cubicBezTo>
                    <a:pt x="135" y="24"/>
                    <a:pt x="133" y="24"/>
                    <a:pt x="132" y="24"/>
                  </a:cubicBezTo>
                  <a:cubicBezTo>
                    <a:pt x="132" y="4"/>
                    <a:pt x="132" y="4"/>
                    <a:pt x="132" y="4"/>
                  </a:cubicBezTo>
                  <a:cubicBezTo>
                    <a:pt x="132" y="2"/>
                    <a:pt x="130" y="0"/>
                    <a:pt x="128" y="0"/>
                  </a:cubicBezTo>
                  <a:cubicBezTo>
                    <a:pt x="114" y="0"/>
                    <a:pt x="102" y="10"/>
                    <a:pt x="100" y="24"/>
                  </a:cubicBezTo>
                  <a:cubicBezTo>
                    <a:pt x="64" y="24"/>
                    <a:pt x="64" y="24"/>
                    <a:pt x="64" y="24"/>
                  </a:cubicBezTo>
                  <a:cubicBezTo>
                    <a:pt x="44" y="24"/>
                    <a:pt x="27" y="33"/>
                    <a:pt x="15" y="47"/>
                  </a:cubicBezTo>
                  <a:cubicBezTo>
                    <a:pt x="13" y="45"/>
                    <a:pt x="12" y="43"/>
                    <a:pt x="12" y="40"/>
                  </a:cubicBezTo>
                  <a:cubicBezTo>
                    <a:pt x="12" y="36"/>
                    <a:pt x="16" y="32"/>
                    <a:pt x="20" y="32"/>
                  </a:cubicBezTo>
                  <a:cubicBezTo>
                    <a:pt x="22" y="32"/>
                    <a:pt x="24" y="30"/>
                    <a:pt x="24" y="28"/>
                  </a:cubicBezTo>
                  <a:cubicBezTo>
                    <a:pt x="24" y="26"/>
                    <a:pt x="22" y="24"/>
                    <a:pt x="20" y="24"/>
                  </a:cubicBezTo>
                  <a:cubicBezTo>
                    <a:pt x="11" y="24"/>
                    <a:pt x="4" y="31"/>
                    <a:pt x="4" y="40"/>
                  </a:cubicBezTo>
                  <a:cubicBezTo>
                    <a:pt x="4" y="45"/>
                    <a:pt x="6" y="50"/>
                    <a:pt x="10" y="53"/>
                  </a:cubicBezTo>
                  <a:cubicBezTo>
                    <a:pt x="4" y="63"/>
                    <a:pt x="0" y="75"/>
                    <a:pt x="0" y="88"/>
                  </a:cubicBezTo>
                  <a:cubicBezTo>
                    <a:pt x="0" y="108"/>
                    <a:pt x="9" y="126"/>
                    <a:pt x="24" y="138"/>
                  </a:cubicBezTo>
                  <a:cubicBezTo>
                    <a:pt x="24" y="160"/>
                    <a:pt x="24" y="160"/>
                    <a:pt x="24" y="160"/>
                  </a:cubicBezTo>
                  <a:cubicBezTo>
                    <a:pt x="24" y="169"/>
                    <a:pt x="31" y="176"/>
                    <a:pt x="40" y="176"/>
                  </a:cubicBezTo>
                  <a:cubicBezTo>
                    <a:pt x="45" y="176"/>
                    <a:pt x="49" y="174"/>
                    <a:pt x="52" y="170"/>
                  </a:cubicBezTo>
                  <a:cubicBezTo>
                    <a:pt x="55" y="174"/>
                    <a:pt x="59" y="176"/>
                    <a:pt x="64" y="176"/>
                  </a:cubicBezTo>
                  <a:cubicBezTo>
                    <a:pt x="73" y="176"/>
                    <a:pt x="80" y="169"/>
                    <a:pt x="80" y="160"/>
                  </a:cubicBezTo>
                  <a:cubicBezTo>
                    <a:pt x="80" y="152"/>
                    <a:pt x="80" y="152"/>
                    <a:pt x="80" y="152"/>
                  </a:cubicBezTo>
                  <a:cubicBezTo>
                    <a:pt x="96" y="152"/>
                    <a:pt x="96" y="152"/>
                    <a:pt x="96" y="152"/>
                  </a:cubicBezTo>
                  <a:cubicBezTo>
                    <a:pt x="96" y="160"/>
                    <a:pt x="96" y="160"/>
                    <a:pt x="96" y="160"/>
                  </a:cubicBezTo>
                  <a:cubicBezTo>
                    <a:pt x="96" y="169"/>
                    <a:pt x="103" y="176"/>
                    <a:pt x="112" y="176"/>
                  </a:cubicBezTo>
                  <a:cubicBezTo>
                    <a:pt x="117" y="176"/>
                    <a:pt x="121" y="174"/>
                    <a:pt x="124" y="170"/>
                  </a:cubicBezTo>
                  <a:cubicBezTo>
                    <a:pt x="127" y="174"/>
                    <a:pt x="131" y="176"/>
                    <a:pt x="136" y="176"/>
                  </a:cubicBezTo>
                  <a:cubicBezTo>
                    <a:pt x="145" y="176"/>
                    <a:pt x="152" y="169"/>
                    <a:pt x="152" y="160"/>
                  </a:cubicBezTo>
                  <a:cubicBezTo>
                    <a:pt x="152" y="147"/>
                    <a:pt x="152" y="147"/>
                    <a:pt x="152" y="147"/>
                  </a:cubicBezTo>
                  <a:cubicBezTo>
                    <a:pt x="166" y="141"/>
                    <a:pt x="178" y="130"/>
                    <a:pt x="186" y="116"/>
                  </a:cubicBezTo>
                  <a:cubicBezTo>
                    <a:pt x="192" y="116"/>
                    <a:pt x="192" y="116"/>
                    <a:pt x="192" y="116"/>
                  </a:cubicBezTo>
                  <a:cubicBezTo>
                    <a:pt x="201" y="116"/>
                    <a:pt x="208" y="109"/>
                    <a:pt x="208" y="100"/>
                  </a:cubicBezTo>
                  <a:cubicBezTo>
                    <a:pt x="208" y="80"/>
                    <a:pt x="208" y="80"/>
                    <a:pt x="208" y="80"/>
                  </a:cubicBezTo>
                  <a:cubicBezTo>
                    <a:pt x="208" y="78"/>
                    <a:pt x="206" y="76"/>
                    <a:pt x="204" y="76"/>
                  </a:cubicBezTo>
                  <a:close/>
                  <a:moveTo>
                    <a:pt x="160" y="8"/>
                  </a:moveTo>
                  <a:cubicBezTo>
                    <a:pt x="160" y="33"/>
                    <a:pt x="160" y="33"/>
                    <a:pt x="160" y="33"/>
                  </a:cubicBezTo>
                  <a:cubicBezTo>
                    <a:pt x="155" y="30"/>
                    <a:pt x="150" y="28"/>
                    <a:pt x="144" y="26"/>
                  </a:cubicBezTo>
                  <a:cubicBezTo>
                    <a:pt x="145" y="17"/>
                    <a:pt x="151" y="10"/>
                    <a:pt x="160" y="8"/>
                  </a:cubicBezTo>
                  <a:close/>
                  <a:moveTo>
                    <a:pt x="72" y="160"/>
                  </a:moveTo>
                  <a:cubicBezTo>
                    <a:pt x="72" y="164"/>
                    <a:pt x="68" y="168"/>
                    <a:pt x="64" y="168"/>
                  </a:cubicBezTo>
                  <a:cubicBezTo>
                    <a:pt x="60" y="168"/>
                    <a:pt x="56" y="164"/>
                    <a:pt x="56" y="160"/>
                  </a:cubicBezTo>
                  <a:cubicBezTo>
                    <a:pt x="56" y="151"/>
                    <a:pt x="56" y="151"/>
                    <a:pt x="56" y="151"/>
                  </a:cubicBezTo>
                  <a:cubicBezTo>
                    <a:pt x="59" y="152"/>
                    <a:pt x="61" y="152"/>
                    <a:pt x="64" y="152"/>
                  </a:cubicBezTo>
                  <a:cubicBezTo>
                    <a:pt x="72" y="152"/>
                    <a:pt x="72" y="152"/>
                    <a:pt x="72" y="152"/>
                  </a:cubicBezTo>
                  <a:lnTo>
                    <a:pt x="72" y="160"/>
                  </a:lnTo>
                  <a:close/>
                  <a:moveTo>
                    <a:pt x="144" y="160"/>
                  </a:moveTo>
                  <a:cubicBezTo>
                    <a:pt x="144" y="164"/>
                    <a:pt x="140" y="168"/>
                    <a:pt x="136" y="168"/>
                  </a:cubicBezTo>
                  <a:cubicBezTo>
                    <a:pt x="132" y="168"/>
                    <a:pt x="128" y="164"/>
                    <a:pt x="128" y="160"/>
                  </a:cubicBezTo>
                  <a:cubicBezTo>
                    <a:pt x="128" y="152"/>
                    <a:pt x="128" y="152"/>
                    <a:pt x="128" y="152"/>
                  </a:cubicBezTo>
                  <a:cubicBezTo>
                    <a:pt x="133" y="152"/>
                    <a:pt x="139" y="151"/>
                    <a:pt x="144" y="150"/>
                  </a:cubicBezTo>
                  <a:lnTo>
                    <a:pt x="144" y="160"/>
                  </a:lnTo>
                  <a:close/>
                  <a:moveTo>
                    <a:pt x="200" y="100"/>
                  </a:moveTo>
                  <a:cubicBezTo>
                    <a:pt x="200" y="104"/>
                    <a:pt x="196" y="108"/>
                    <a:pt x="192" y="108"/>
                  </a:cubicBezTo>
                  <a:cubicBezTo>
                    <a:pt x="183" y="108"/>
                    <a:pt x="183" y="108"/>
                    <a:pt x="183" y="108"/>
                  </a:cubicBezTo>
                  <a:cubicBezTo>
                    <a:pt x="181" y="108"/>
                    <a:pt x="180" y="109"/>
                    <a:pt x="179" y="110"/>
                  </a:cubicBezTo>
                  <a:cubicBezTo>
                    <a:pt x="170" y="131"/>
                    <a:pt x="150" y="144"/>
                    <a:pt x="128" y="144"/>
                  </a:cubicBezTo>
                  <a:cubicBezTo>
                    <a:pt x="124" y="144"/>
                    <a:pt x="124" y="144"/>
                    <a:pt x="124" y="144"/>
                  </a:cubicBezTo>
                  <a:cubicBezTo>
                    <a:pt x="122" y="144"/>
                    <a:pt x="120" y="146"/>
                    <a:pt x="120" y="148"/>
                  </a:cubicBezTo>
                  <a:cubicBezTo>
                    <a:pt x="120" y="160"/>
                    <a:pt x="120" y="160"/>
                    <a:pt x="120" y="160"/>
                  </a:cubicBezTo>
                  <a:cubicBezTo>
                    <a:pt x="120" y="164"/>
                    <a:pt x="116" y="168"/>
                    <a:pt x="112" y="168"/>
                  </a:cubicBezTo>
                  <a:cubicBezTo>
                    <a:pt x="108" y="168"/>
                    <a:pt x="104" y="164"/>
                    <a:pt x="104" y="160"/>
                  </a:cubicBezTo>
                  <a:cubicBezTo>
                    <a:pt x="104" y="148"/>
                    <a:pt x="104" y="148"/>
                    <a:pt x="104" y="148"/>
                  </a:cubicBezTo>
                  <a:cubicBezTo>
                    <a:pt x="104" y="146"/>
                    <a:pt x="102" y="144"/>
                    <a:pt x="100" y="144"/>
                  </a:cubicBezTo>
                  <a:cubicBezTo>
                    <a:pt x="64" y="144"/>
                    <a:pt x="64" y="144"/>
                    <a:pt x="64" y="144"/>
                  </a:cubicBezTo>
                  <a:cubicBezTo>
                    <a:pt x="60" y="144"/>
                    <a:pt x="56" y="144"/>
                    <a:pt x="53" y="143"/>
                  </a:cubicBezTo>
                  <a:cubicBezTo>
                    <a:pt x="53" y="143"/>
                    <a:pt x="52" y="143"/>
                    <a:pt x="52" y="143"/>
                  </a:cubicBezTo>
                  <a:cubicBezTo>
                    <a:pt x="51" y="143"/>
                    <a:pt x="50" y="143"/>
                    <a:pt x="49" y="144"/>
                  </a:cubicBezTo>
                  <a:cubicBezTo>
                    <a:pt x="49" y="144"/>
                    <a:pt x="48" y="146"/>
                    <a:pt x="48" y="147"/>
                  </a:cubicBezTo>
                  <a:cubicBezTo>
                    <a:pt x="48" y="160"/>
                    <a:pt x="48" y="160"/>
                    <a:pt x="48" y="160"/>
                  </a:cubicBezTo>
                  <a:cubicBezTo>
                    <a:pt x="48" y="164"/>
                    <a:pt x="44" y="168"/>
                    <a:pt x="40" y="168"/>
                  </a:cubicBezTo>
                  <a:cubicBezTo>
                    <a:pt x="36" y="168"/>
                    <a:pt x="32" y="164"/>
                    <a:pt x="32" y="160"/>
                  </a:cubicBezTo>
                  <a:cubicBezTo>
                    <a:pt x="32" y="136"/>
                    <a:pt x="32" y="136"/>
                    <a:pt x="32" y="136"/>
                  </a:cubicBezTo>
                  <a:cubicBezTo>
                    <a:pt x="32" y="135"/>
                    <a:pt x="31" y="133"/>
                    <a:pt x="30" y="133"/>
                  </a:cubicBezTo>
                  <a:cubicBezTo>
                    <a:pt x="16" y="122"/>
                    <a:pt x="8" y="106"/>
                    <a:pt x="8" y="88"/>
                  </a:cubicBezTo>
                  <a:cubicBezTo>
                    <a:pt x="8" y="57"/>
                    <a:pt x="33" y="32"/>
                    <a:pt x="64" y="32"/>
                  </a:cubicBezTo>
                  <a:cubicBezTo>
                    <a:pt x="100" y="32"/>
                    <a:pt x="100" y="32"/>
                    <a:pt x="100" y="32"/>
                  </a:cubicBezTo>
                  <a:cubicBezTo>
                    <a:pt x="101" y="36"/>
                    <a:pt x="102" y="39"/>
                    <a:pt x="104" y="42"/>
                  </a:cubicBezTo>
                  <a:cubicBezTo>
                    <a:pt x="105" y="44"/>
                    <a:pt x="107" y="45"/>
                    <a:pt x="109" y="44"/>
                  </a:cubicBezTo>
                  <a:cubicBezTo>
                    <a:pt x="111" y="42"/>
                    <a:pt x="112" y="40"/>
                    <a:pt x="111" y="38"/>
                  </a:cubicBezTo>
                  <a:cubicBezTo>
                    <a:pt x="109" y="35"/>
                    <a:pt x="108" y="32"/>
                    <a:pt x="108" y="28"/>
                  </a:cubicBezTo>
                  <a:cubicBezTo>
                    <a:pt x="108" y="18"/>
                    <a:pt x="115" y="10"/>
                    <a:pt x="124" y="8"/>
                  </a:cubicBezTo>
                  <a:cubicBezTo>
                    <a:pt x="124" y="28"/>
                    <a:pt x="124" y="28"/>
                    <a:pt x="124" y="28"/>
                  </a:cubicBezTo>
                  <a:cubicBezTo>
                    <a:pt x="124" y="30"/>
                    <a:pt x="126" y="32"/>
                    <a:pt x="128" y="32"/>
                  </a:cubicBezTo>
                  <a:cubicBezTo>
                    <a:pt x="156" y="32"/>
                    <a:pt x="180" y="53"/>
                    <a:pt x="183" y="81"/>
                  </a:cubicBezTo>
                  <a:cubicBezTo>
                    <a:pt x="184" y="83"/>
                    <a:pt x="185" y="84"/>
                    <a:pt x="187" y="84"/>
                  </a:cubicBezTo>
                  <a:cubicBezTo>
                    <a:pt x="200" y="84"/>
                    <a:pt x="200" y="84"/>
                    <a:pt x="200" y="84"/>
                  </a:cubicBezTo>
                  <a:lnTo>
                    <a:pt x="200" y="100"/>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21" name="Freeform 388">
              <a:extLst>
                <a:ext uri="{FF2B5EF4-FFF2-40B4-BE49-F238E27FC236}">
                  <a16:creationId xmlns:a16="http://schemas.microsoft.com/office/drawing/2014/main" id="{8E32744E-09C6-8697-7772-21C3F4E86276}"/>
                </a:ext>
              </a:extLst>
            </p:cNvPr>
            <p:cNvSpPr>
              <a:spLocks/>
            </p:cNvSpPr>
            <p:nvPr/>
          </p:nvSpPr>
          <p:spPr bwMode="auto">
            <a:xfrm>
              <a:off x="4557478" y="4813301"/>
              <a:ext cx="128587" cy="166688"/>
            </a:xfrm>
            <a:custGeom>
              <a:avLst/>
              <a:gdLst>
                <a:gd name="T0" fmla="*/ 47 w 50"/>
                <a:gd name="T1" fmla="*/ 2 h 65"/>
                <a:gd name="T2" fmla="*/ 42 w 50"/>
                <a:gd name="T3" fmla="*/ 3 h 65"/>
                <a:gd name="T4" fmla="*/ 2 w 50"/>
                <a:gd name="T5" fmla="*/ 59 h 65"/>
                <a:gd name="T6" fmla="*/ 3 w 50"/>
                <a:gd name="T7" fmla="*/ 64 h 65"/>
                <a:gd name="T8" fmla="*/ 5 w 50"/>
                <a:gd name="T9" fmla="*/ 65 h 65"/>
                <a:gd name="T10" fmla="*/ 8 w 50"/>
                <a:gd name="T11" fmla="*/ 63 h 65"/>
                <a:gd name="T12" fmla="*/ 48 w 50"/>
                <a:gd name="T13" fmla="*/ 7 h 65"/>
                <a:gd name="T14" fmla="*/ 47 w 50"/>
                <a:gd name="T15" fmla="*/ 2 h 65"/>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50" h="65">
                  <a:moveTo>
                    <a:pt x="47" y="2"/>
                  </a:moveTo>
                  <a:cubicBezTo>
                    <a:pt x="46" y="0"/>
                    <a:pt x="43" y="1"/>
                    <a:pt x="42" y="3"/>
                  </a:cubicBezTo>
                  <a:cubicBezTo>
                    <a:pt x="2" y="59"/>
                    <a:pt x="2" y="59"/>
                    <a:pt x="2" y="59"/>
                  </a:cubicBezTo>
                  <a:cubicBezTo>
                    <a:pt x="0" y="60"/>
                    <a:pt x="1" y="63"/>
                    <a:pt x="3" y="64"/>
                  </a:cubicBezTo>
                  <a:cubicBezTo>
                    <a:pt x="3" y="65"/>
                    <a:pt x="4" y="65"/>
                    <a:pt x="5" y="65"/>
                  </a:cubicBezTo>
                  <a:cubicBezTo>
                    <a:pt x="6" y="65"/>
                    <a:pt x="7" y="64"/>
                    <a:pt x="8" y="63"/>
                  </a:cubicBezTo>
                  <a:cubicBezTo>
                    <a:pt x="48" y="7"/>
                    <a:pt x="48" y="7"/>
                    <a:pt x="48" y="7"/>
                  </a:cubicBezTo>
                  <a:cubicBezTo>
                    <a:pt x="50" y="6"/>
                    <a:pt x="49" y="3"/>
                    <a:pt x="47" y="2"/>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22" name="Freeform 389">
              <a:extLst>
                <a:ext uri="{FF2B5EF4-FFF2-40B4-BE49-F238E27FC236}">
                  <a16:creationId xmlns:a16="http://schemas.microsoft.com/office/drawing/2014/main" id="{8336866B-4602-11F2-89A1-23D61D6851EA}"/>
                </a:ext>
              </a:extLst>
            </p:cNvPr>
            <p:cNvSpPr>
              <a:spLocks noEditPoints="1"/>
            </p:cNvSpPr>
            <p:nvPr/>
          </p:nvSpPr>
          <p:spPr bwMode="auto">
            <a:xfrm>
              <a:off x="4528903" y="4814888"/>
              <a:ext cx="82550" cy="82550"/>
            </a:xfrm>
            <a:custGeom>
              <a:avLst/>
              <a:gdLst>
                <a:gd name="T0" fmla="*/ 32 w 32"/>
                <a:gd name="T1" fmla="*/ 16 h 32"/>
                <a:gd name="T2" fmla="*/ 16 w 32"/>
                <a:gd name="T3" fmla="*/ 0 h 32"/>
                <a:gd name="T4" fmla="*/ 0 w 32"/>
                <a:gd name="T5" fmla="*/ 16 h 32"/>
                <a:gd name="T6" fmla="*/ 16 w 32"/>
                <a:gd name="T7" fmla="*/ 32 h 32"/>
                <a:gd name="T8" fmla="*/ 32 w 32"/>
                <a:gd name="T9" fmla="*/ 16 h 32"/>
                <a:gd name="T10" fmla="*/ 8 w 32"/>
                <a:gd name="T11" fmla="*/ 16 h 32"/>
                <a:gd name="T12" fmla="*/ 16 w 32"/>
                <a:gd name="T13" fmla="*/ 8 h 32"/>
                <a:gd name="T14" fmla="*/ 24 w 32"/>
                <a:gd name="T15" fmla="*/ 16 h 32"/>
                <a:gd name="T16" fmla="*/ 16 w 32"/>
                <a:gd name="T17" fmla="*/ 24 h 32"/>
                <a:gd name="T18" fmla="*/ 8 w 32"/>
                <a:gd name="T19" fmla="*/ 16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2" h="32">
                  <a:moveTo>
                    <a:pt x="32" y="16"/>
                  </a:moveTo>
                  <a:cubicBezTo>
                    <a:pt x="32" y="7"/>
                    <a:pt x="25" y="0"/>
                    <a:pt x="16" y="0"/>
                  </a:cubicBezTo>
                  <a:cubicBezTo>
                    <a:pt x="7" y="0"/>
                    <a:pt x="0" y="7"/>
                    <a:pt x="0" y="16"/>
                  </a:cubicBezTo>
                  <a:cubicBezTo>
                    <a:pt x="0" y="25"/>
                    <a:pt x="7" y="32"/>
                    <a:pt x="16" y="32"/>
                  </a:cubicBezTo>
                  <a:cubicBezTo>
                    <a:pt x="25" y="32"/>
                    <a:pt x="32" y="25"/>
                    <a:pt x="32" y="16"/>
                  </a:cubicBezTo>
                  <a:close/>
                  <a:moveTo>
                    <a:pt x="8" y="16"/>
                  </a:moveTo>
                  <a:cubicBezTo>
                    <a:pt x="8" y="12"/>
                    <a:pt x="12" y="8"/>
                    <a:pt x="16" y="8"/>
                  </a:cubicBezTo>
                  <a:cubicBezTo>
                    <a:pt x="20" y="8"/>
                    <a:pt x="24" y="12"/>
                    <a:pt x="24" y="16"/>
                  </a:cubicBezTo>
                  <a:cubicBezTo>
                    <a:pt x="24" y="20"/>
                    <a:pt x="20" y="24"/>
                    <a:pt x="16" y="24"/>
                  </a:cubicBezTo>
                  <a:cubicBezTo>
                    <a:pt x="12" y="24"/>
                    <a:pt x="8" y="20"/>
                    <a:pt x="8" y="16"/>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sp>
          <p:nvSpPr>
            <p:cNvPr id="23" name="Freeform 390">
              <a:extLst>
                <a:ext uri="{FF2B5EF4-FFF2-40B4-BE49-F238E27FC236}">
                  <a16:creationId xmlns:a16="http://schemas.microsoft.com/office/drawing/2014/main" id="{0E98978D-DA29-926D-4F69-0A4A0CE11336}"/>
                </a:ext>
              </a:extLst>
            </p:cNvPr>
            <p:cNvSpPr>
              <a:spLocks noEditPoints="1"/>
            </p:cNvSpPr>
            <p:nvPr/>
          </p:nvSpPr>
          <p:spPr bwMode="auto">
            <a:xfrm>
              <a:off x="4632091" y="4897438"/>
              <a:ext cx="80962" cy="82550"/>
            </a:xfrm>
            <a:custGeom>
              <a:avLst/>
              <a:gdLst>
                <a:gd name="T0" fmla="*/ 16 w 32"/>
                <a:gd name="T1" fmla="*/ 0 h 32"/>
                <a:gd name="T2" fmla="*/ 0 w 32"/>
                <a:gd name="T3" fmla="*/ 16 h 32"/>
                <a:gd name="T4" fmla="*/ 16 w 32"/>
                <a:gd name="T5" fmla="*/ 32 h 32"/>
                <a:gd name="T6" fmla="*/ 32 w 32"/>
                <a:gd name="T7" fmla="*/ 16 h 32"/>
                <a:gd name="T8" fmla="*/ 16 w 32"/>
                <a:gd name="T9" fmla="*/ 0 h 32"/>
                <a:gd name="T10" fmla="*/ 16 w 32"/>
                <a:gd name="T11" fmla="*/ 24 h 32"/>
                <a:gd name="T12" fmla="*/ 8 w 32"/>
                <a:gd name="T13" fmla="*/ 16 h 32"/>
                <a:gd name="T14" fmla="*/ 16 w 32"/>
                <a:gd name="T15" fmla="*/ 8 h 32"/>
                <a:gd name="T16" fmla="*/ 24 w 32"/>
                <a:gd name="T17" fmla="*/ 16 h 32"/>
                <a:gd name="T18" fmla="*/ 16 w 32"/>
                <a:gd name="T19" fmla="*/ 24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2" h="32">
                  <a:moveTo>
                    <a:pt x="16" y="0"/>
                  </a:moveTo>
                  <a:cubicBezTo>
                    <a:pt x="7" y="0"/>
                    <a:pt x="0" y="7"/>
                    <a:pt x="0" y="16"/>
                  </a:cubicBezTo>
                  <a:cubicBezTo>
                    <a:pt x="0" y="25"/>
                    <a:pt x="7" y="32"/>
                    <a:pt x="16" y="32"/>
                  </a:cubicBezTo>
                  <a:cubicBezTo>
                    <a:pt x="25" y="32"/>
                    <a:pt x="32" y="25"/>
                    <a:pt x="32" y="16"/>
                  </a:cubicBezTo>
                  <a:cubicBezTo>
                    <a:pt x="32" y="7"/>
                    <a:pt x="25" y="0"/>
                    <a:pt x="16" y="0"/>
                  </a:cubicBezTo>
                  <a:close/>
                  <a:moveTo>
                    <a:pt x="16" y="24"/>
                  </a:moveTo>
                  <a:cubicBezTo>
                    <a:pt x="12" y="24"/>
                    <a:pt x="8" y="20"/>
                    <a:pt x="8" y="16"/>
                  </a:cubicBezTo>
                  <a:cubicBezTo>
                    <a:pt x="8" y="12"/>
                    <a:pt x="12" y="8"/>
                    <a:pt x="16" y="8"/>
                  </a:cubicBezTo>
                  <a:cubicBezTo>
                    <a:pt x="20" y="8"/>
                    <a:pt x="24" y="12"/>
                    <a:pt x="24" y="16"/>
                  </a:cubicBezTo>
                  <a:cubicBezTo>
                    <a:pt x="24" y="20"/>
                    <a:pt x="20" y="24"/>
                    <a:pt x="16" y="2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grpSp>
      <p:sp>
        <p:nvSpPr>
          <p:cNvPr id="34" name="Freeform 31">
            <a:extLst>
              <a:ext uri="{FF2B5EF4-FFF2-40B4-BE49-F238E27FC236}">
                <a16:creationId xmlns:a16="http://schemas.microsoft.com/office/drawing/2014/main" id="{F47DAB31-3FA5-3528-646E-A708DD5EF6CA}"/>
              </a:ext>
              <a:ext uri="{C183D7F6-B498-43B3-948B-1728B52AA6E4}">
                <adec:decorative xmlns:adec="http://schemas.microsoft.com/office/drawing/2017/decorative" val="1"/>
              </a:ext>
            </a:extLst>
          </p:cNvPr>
          <p:cNvSpPr>
            <a:spLocks noEditPoints="1"/>
          </p:cNvSpPr>
          <p:nvPr/>
        </p:nvSpPr>
        <p:spPr bwMode="auto">
          <a:xfrm>
            <a:off x="9693538" y="2901378"/>
            <a:ext cx="376008" cy="350041"/>
          </a:xfrm>
          <a:custGeom>
            <a:avLst/>
            <a:gdLst>
              <a:gd name="T0" fmla="*/ 112 w 224"/>
              <a:gd name="T1" fmla="*/ 32 h 208"/>
              <a:gd name="T2" fmla="*/ 112 w 224"/>
              <a:gd name="T3" fmla="*/ 40 h 208"/>
              <a:gd name="T4" fmla="*/ 100 w 224"/>
              <a:gd name="T5" fmla="*/ 52 h 208"/>
              <a:gd name="T6" fmla="*/ 60 w 224"/>
              <a:gd name="T7" fmla="*/ 52 h 208"/>
              <a:gd name="T8" fmla="*/ 40 w 224"/>
              <a:gd name="T9" fmla="*/ 72 h 208"/>
              <a:gd name="T10" fmla="*/ 40 w 224"/>
              <a:gd name="T11" fmla="*/ 64 h 208"/>
              <a:gd name="T12" fmla="*/ 76 w 224"/>
              <a:gd name="T13" fmla="*/ 40 h 208"/>
              <a:gd name="T14" fmla="*/ 56 w 224"/>
              <a:gd name="T15" fmla="*/ 20 h 208"/>
              <a:gd name="T16" fmla="*/ 88 w 224"/>
              <a:gd name="T17" fmla="*/ 20 h 208"/>
              <a:gd name="T18" fmla="*/ 76 w 224"/>
              <a:gd name="T19" fmla="*/ 8 h 208"/>
              <a:gd name="T20" fmla="*/ 148 w 224"/>
              <a:gd name="T21" fmla="*/ 0 h 208"/>
              <a:gd name="T22" fmla="*/ 148 w 224"/>
              <a:gd name="T23" fmla="*/ 8 h 208"/>
              <a:gd name="T24" fmla="*/ 136 w 224"/>
              <a:gd name="T25" fmla="*/ 20 h 208"/>
              <a:gd name="T26" fmla="*/ 211 w 224"/>
              <a:gd name="T27" fmla="*/ 75 h 208"/>
              <a:gd name="T28" fmla="*/ 184 w 224"/>
              <a:gd name="T29" fmla="*/ 86 h 208"/>
              <a:gd name="T30" fmla="*/ 157 w 224"/>
              <a:gd name="T31" fmla="*/ 75 h 208"/>
              <a:gd name="T32" fmla="*/ 140 w 224"/>
              <a:gd name="T33" fmla="*/ 75 h 208"/>
              <a:gd name="T34" fmla="*/ 125 w 224"/>
              <a:gd name="T35" fmla="*/ 73 h 208"/>
              <a:gd name="T36" fmla="*/ 95 w 224"/>
              <a:gd name="T37" fmla="*/ 72 h 208"/>
              <a:gd name="T38" fmla="*/ 76 w 224"/>
              <a:gd name="T39" fmla="*/ 81 h 208"/>
              <a:gd name="T40" fmla="*/ 57 w 224"/>
              <a:gd name="T41" fmla="*/ 72 h 208"/>
              <a:gd name="T42" fmla="*/ 27 w 224"/>
              <a:gd name="T43" fmla="*/ 73 h 208"/>
              <a:gd name="T44" fmla="*/ 12 w 224"/>
              <a:gd name="T45" fmla="*/ 75 h 208"/>
              <a:gd name="T46" fmla="*/ 16 w 224"/>
              <a:gd name="T47" fmla="*/ 152 h 208"/>
              <a:gd name="T48" fmla="*/ 20 w 224"/>
              <a:gd name="T49" fmla="*/ 208 h 208"/>
              <a:gd name="T50" fmla="*/ 64 w 224"/>
              <a:gd name="T51" fmla="*/ 204 h 208"/>
              <a:gd name="T52" fmla="*/ 88 w 224"/>
              <a:gd name="T53" fmla="*/ 152 h 208"/>
              <a:gd name="T54" fmla="*/ 92 w 224"/>
              <a:gd name="T55" fmla="*/ 208 h 208"/>
              <a:gd name="T56" fmla="*/ 136 w 224"/>
              <a:gd name="T57" fmla="*/ 204 h 208"/>
              <a:gd name="T58" fmla="*/ 160 w 224"/>
              <a:gd name="T59" fmla="*/ 152 h 208"/>
              <a:gd name="T60" fmla="*/ 164 w 224"/>
              <a:gd name="T61" fmla="*/ 208 h 208"/>
              <a:gd name="T62" fmla="*/ 208 w 224"/>
              <a:gd name="T63" fmla="*/ 204 h 208"/>
              <a:gd name="T64" fmla="*/ 224 w 224"/>
              <a:gd name="T65" fmla="*/ 92 h 208"/>
              <a:gd name="T66" fmla="*/ 64 w 224"/>
              <a:gd name="T67" fmla="*/ 143 h 208"/>
              <a:gd name="T68" fmla="*/ 56 w 224"/>
              <a:gd name="T69" fmla="*/ 100 h 208"/>
              <a:gd name="T70" fmla="*/ 44 w 224"/>
              <a:gd name="T71" fmla="*/ 140 h 208"/>
              <a:gd name="T72" fmla="*/ 36 w 224"/>
              <a:gd name="T73" fmla="*/ 200 h 208"/>
              <a:gd name="T74" fmla="*/ 20 w 224"/>
              <a:gd name="T75" fmla="*/ 96 h 208"/>
              <a:gd name="T76" fmla="*/ 8 w 224"/>
              <a:gd name="T77" fmla="*/ 132 h 208"/>
              <a:gd name="T78" fmla="*/ 23 w 224"/>
              <a:gd name="T79" fmla="*/ 80 h 208"/>
              <a:gd name="T80" fmla="*/ 43 w 224"/>
              <a:gd name="T81" fmla="*/ 95 h 208"/>
              <a:gd name="T82" fmla="*/ 72 w 224"/>
              <a:gd name="T83" fmla="*/ 92 h 208"/>
              <a:gd name="T84" fmla="*/ 136 w 224"/>
              <a:gd name="T85" fmla="*/ 143 h 208"/>
              <a:gd name="T86" fmla="*/ 128 w 224"/>
              <a:gd name="T87" fmla="*/ 100 h 208"/>
              <a:gd name="T88" fmla="*/ 116 w 224"/>
              <a:gd name="T89" fmla="*/ 140 h 208"/>
              <a:gd name="T90" fmla="*/ 108 w 224"/>
              <a:gd name="T91" fmla="*/ 200 h 208"/>
              <a:gd name="T92" fmla="*/ 92 w 224"/>
              <a:gd name="T93" fmla="*/ 96 h 208"/>
              <a:gd name="T94" fmla="*/ 80 w 224"/>
              <a:gd name="T95" fmla="*/ 132 h 208"/>
              <a:gd name="T96" fmla="*/ 95 w 224"/>
              <a:gd name="T97" fmla="*/ 80 h 208"/>
              <a:gd name="T98" fmla="*/ 115 w 224"/>
              <a:gd name="T99" fmla="*/ 95 h 208"/>
              <a:gd name="T100" fmla="*/ 144 w 224"/>
              <a:gd name="T101" fmla="*/ 92 h 208"/>
              <a:gd name="T102" fmla="*/ 208 w 224"/>
              <a:gd name="T103" fmla="*/ 100 h 208"/>
              <a:gd name="T104" fmla="*/ 200 w 224"/>
              <a:gd name="T105" fmla="*/ 200 h 208"/>
              <a:gd name="T106" fmla="*/ 184 w 224"/>
              <a:gd name="T107" fmla="*/ 136 h 208"/>
              <a:gd name="T108" fmla="*/ 168 w 224"/>
              <a:gd name="T109" fmla="*/ 200 h 208"/>
              <a:gd name="T110" fmla="*/ 160 w 224"/>
              <a:gd name="T111" fmla="*/ 100 h 208"/>
              <a:gd name="T112" fmla="*/ 152 w 224"/>
              <a:gd name="T113" fmla="*/ 92 h 208"/>
              <a:gd name="T114" fmla="*/ 181 w 224"/>
              <a:gd name="T115" fmla="*/ 95 h 208"/>
              <a:gd name="T116" fmla="*/ 201 w 224"/>
              <a:gd name="T117" fmla="*/ 80 h 208"/>
              <a:gd name="T118" fmla="*/ 216 w 224"/>
              <a:gd name="T119" fmla="*/ 132 h 208"/>
              <a:gd name="T120" fmla="*/ 204 w 224"/>
              <a:gd name="T121" fmla="*/ 52 h 208"/>
              <a:gd name="T122" fmla="*/ 184 w 224"/>
              <a:gd name="T123" fmla="*/ 72 h 208"/>
              <a:gd name="T124" fmla="*/ 184 w 224"/>
              <a:gd name="T125" fmla="*/ 6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24" h="208">
                <a:moveTo>
                  <a:pt x="112" y="72"/>
                </a:moveTo>
                <a:cubicBezTo>
                  <a:pt x="123" y="72"/>
                  <a:pt x="132" y="63"/>
                  <a:pt x="132" y="52"/>
                </a:cubicBezTo>
                <a:cubicBezTo>
                  <a:pt x="132" y="41"/>
                  <a:pt x="123" y="32"/>
                  <a:pt x="112" y="32"/>
                </a:cubicBezTo>
                <a:cubicBezTo>
                  <a:pt x="101" y="32"/>
                  <a:pt x="92" y="41"/>
                  <a:pt x="92" y="52"/>
                </a:cubicBezTo>
                <a:cubicBezTo>
                  <a:pt x="92" y="63"/>
                  <a:pt x="101" y="72"/>
                  <a:pt x="112" y="72"/>
                </a:cubicBezTo>
                <a:close/>
                <a:moveTo>
                  <a:pt x="112" y="40"/>
                </a:moveTo>
                <a:cubicBezTo>
                  <a:pt x="119" y="40"/>
                  <a:pt x="124" y="45"/>
                  <a:pt x="124" y="52"/>
                </a:cubicBezTo>
                <a:cubicBezTo>
                  <a:pt x="124" y="59"/>
                  <a:pt x="119" y="64"/>
                  <a:pt x="112" y="64"/>
                </a:cubicBezTo>
                <a:cubicBezTo>
                  <a:pt x="105" y="64"/>
                  <a:pt x="100" y="59"/>
                  <a:pt x="100" y="52"/>
                </a:cubicBezTo>
                <a:cubicBezTo>
                  <a:pt x="100" y="45"/>
                  <a:pt x="105" y="40"/>
                  <a:pt x="112" y="40"/>
                </a:cubicBezTo>
                <a:close/>
                <a:moveTo>
                  <a:pt x="40" y="72"/>
                </a:moveTo>
                <a:cubicBezTo>
                  <a:pt x="51" y="72"/>
                  <a:pt x="60" y="63"/>
                  <a:pt x="60" y="52"/>
                </a:cubicBezTo>
                <a:cubicBezTo>
                  <a:pt x="60" y="41"/>
                  <a:pt x="51" y="32"/>
                  <a:pt x="40" y="32"/>
                </a:cubicBezTo>
                <a:cubicBezTo>
                  <a:pt x="29" y="32"/>
                  <a:pt x="20" y="41"/>
                  <a:pt x="20" y="52"/>
                </a:cubicBezTo>
                <a:cubicBezTo>
                  <a:pt x="20" y="63"/>
                  <a:pt x="29" y="72"/>
                  <a:pt x="40" y="72"/>
                </a:cubicBezTo>
                <a:close/>
                <a:moveTo>
                  <a:pt x="40" y="40"/>
                </a:moveTo>
                <a:cubicBezTo>
                  <a:pt x="47" y="40"/>
                  <a:pt x="52" y="45"/>
                  <a:pt x="52" y="52"/>
                </a:cubicBezTo>
                <a:cubicBezTo>
                  <a:pt x="52" y="59"/>
                  <a:pt x="47" y="64"/>
                  <a:pt x="40" y="64"/>
                </a:cubicBezTo>
                <a:cubicBezTo>
                  <a:pt x="33" y="64"/>
                  <a:pt x="28" y="59"/>
                  <a:pt x="28" y="52"/>
                </a:cubicBezTo>
                <a:cubicBezTo>
                  <a:pt x="28" y="45"/>
                  <a:pt x="33" y="40"/>
                  <a:pt x="40" y="40"/>
                </a:cubicBezTo>
                <a:close/>
                <a:moveTo>
                  <a:pt x="76" y="40"/>
                </a:moveTo>
                <a:cubicBezTo>
                  <a:pt x="87" y="40"/>
                  <a:pt x="96" y="31"/>
                  <a:pt x="96" y="20"/>
                </a:cubicBezTo>
                <a:cubicBezTo>
                  <a:pt x="96" y="9"/>
                  <a:pt x="87" y="0"/>
                  <a:pt x="76" y="0"/>
                </a:cubicBezTo>
                <a:cubicBezTo>
                  <a:pt x="65" y="0"/>
                  <a:pt x="56" y="9"/>
                  <a:pt x="56" y="20"/>
                </a:cubicBezTo>
                <a:cubicBezTo>
                  <a:pt x="56" y="31"/>
                  <a:pt x="65" y="40"/>
                  <a:pt x="76" y="40"/>
                </a:cubicBezTo>
                <a:close/>
                <a:moveTo>
                  <a:pt x="76" y="8"/>
                </a:moveTo>
                <a:cubicBezTo>
                  <a:pt x="83" y="8"/>
                  <a:pt x="88" y="13"/>
                  <a:pt x="88" y="20"/>
                </a:cubicBezTo>
                <a:cubicBezTo>
                  <a:pt x="88" y="27"/>
                  <a:pt x="83" y="32"/>
                  <a:pt x="76" y="32"/>
                </a:cubicBezTo>
                <a:cubicBezTo>
                  <a:pt x="69" y="32"/>
                  <a:pt x="64" y="27"/>
                  <a:pt x="64" y="20"/>
                </a:cubicBezTo>
                <a:cubicBezTo>
                  <a:pt x="64" y="13"/>
                  <a:pt x="69" y="8"/>
                  <a:pt x="76" y="8"/>
                </a:cubicBezTo>
                <a:close/>
                <a:moveTo>
                  <a:pt x="148" y="40"/>
                </a:moveTo>
                <a:cubicBezTo>
                  <a:pt x="159" y="40"/>
                  <a:pt x="168" y="31"/>
                  <a:pt x="168" y="20"/>
                </a:cubicBezTo>
                <a:cubicBezTo>
                  <a:pt x="168" y="9"/>
                  <a:pt x="159" y="0"/>
                  <a:pt x="148" y="0"/>
                </a:cubicBezTo>
                <a:cubicBezTo>
                  <a:pt x="137" y="0"/>
                  <a:pt x="128" y="9"/>
                  <a:pt x="128" y="20"/>
                </a:cubicBezTo>
                <a:cubicBezTo>
                  <a:pt x="128" y="31"/>
                  <a:pt x="137" y="40"/>
                  <a:pt x="148" y="40"/>
                </a:cubicBezTo>
                <a:close/>
                <a:moveTo>
                  <a:pt x="148" y="8"/>
                </a:moveTo>
                <a:cubicBezTo>
                  <a:pt x="155" y="8"/>
                  <a:pt x="160" y="13"/>
                  <a:pt x="160" y="20"/>
                </a:cubicBezTo>
                <a:cubicBezTo>
                  <a:pt x="160" y="27"/>
                  <a:pt x="155" y="32"/>
                  <a:pt x="148" y="32"/>
                </a:cubicBezTo>
                <a:cubicBezTo>
                  <a:pt x="141" y="32"/>
                  <a:pt x="136" y="27"/>
                  <a:pt x="136" y="20"/>
                </a:cubicBezTo>
                <a:cubicBezTo>
                  <a:pt x="136" y="13"/>
                  <a:pt x="141" y="8"/>
                  <a:pt x="148" y="8"/>
                </a:cubicBezTo>
                <a:close/>
                <a:moveTo>
                  <a:pt x="212" y="75"/>
                </a:moveTo>
                <a:cubicBezTo>
                  <a:pt x="211" y="75"/>
                  <a:pt x="211" y="75"/>
                  <a:pt x="211" y="75"/>
                </a:cubicBezTo>
                <a:cubicBezTo>
                  <a:pt x="201" y="72"/>
                  <a:pt x="201" y="72"/>
                  <a:pt x="201" y="72"/>
                </a:cubicBezTo>
                <a:cubicBezTo>
                  <a:pt x="200" y="72"/>
                  <a:pt x="198" y="72"/>
                  <a:pt x="197" y="73"/>
                </a:cubicBezTo>
                <a:cubicBezTo>
                  <a:pt x="184" y="86"/>
                  <a:pt x="184" y="86"/>
                  <a:pt x="184" y="86"/>
                </a:cubicBezTo>
                <a:cubicBezTo>
                  <a:pt x="171" y="73"/>
                  <a:pt x="171" y="73"/>
                  <a:pt x="171" y="73"/>
                </a:cubicBezTo>
                <a:cubicBezTo>
                  <a:pt x="170" y="72"/>
                  <a:pt x="168" y="72"/>
                  <a:pt x="167" y="72"/>
                </a:cubicBezTo>
                <a:cubicBezTo>
                  <a:pt x="157" y="75"/>
                  <a:pt x="157" y="75"/>
                  <a:pt x="157" y="75"/>
                </a:cubicBezTo>
                <a:cubicBezTo>
                  <a:pt x="156" y="75"/>
                  <a:pt x="156" y="75"/>
                  <a:pt x="156" y="75"/>
                </a:cubicBezTo>
                <a:cubicBezTo>
                  <a:pt x="153" y="76"/>
                  <a:pt x="150" y="78"/>
                  <a:pt x="148" y="81"/>
                </a:cubicBezTo>
                <a:cubicBezTo>
                  <a:pt x="146" y="78"/>
                  <a:pt x="143" y="76"/>
                  <a:pt x="140" y="75"/>
                </a:cubicBezTo>
                <a:cubicBezTo>
                  <a:pt x="139" y="75"/>
                  <a:pt x="139" y="75"/>
                  <a:pt x="139" y="75"/>
                </a:cubicBezTo>
                <a:cubicBezTo>
                  <a:pt x="129" y="72"/>
                  <a:pt x="129" y="72"/>
                  <a:pt x="129" y="72"/>
                </a:cubicBezTo>
                <a:cubicBezTo>
                  <a:pt x="128" y="72"/>
                  <a:pt x="126" y="72"/>
                  <a:pt x="125" y="73"/>
                </a:cubicBezTo>
                <a:cubicBezTo>
                  <a:pt x="112" y="86"/>
                  <a:pt x="112" y="86"/>
                  <a:pt x="112" y="86"/>
                </a:cubicBezTo>
                <a:cubicBezTo>
                  <a:pt x="99" y="73"/>
                  <a:pt x="99" y="73"/>
                  <a:pt x="99" y="73"/>
                </a:cubicBezTo>
                <a:cubicBezTo>
                  <a:pt x="98" y="72"/>
                  <a:pt x="96" y="72"/>
                  <a:pt x="95" y="72"/>
                </a:cubicBezTo>
                <a:cubicBezTo>
                  <a:pt x="85" y="75"/>
                  <a:pt x="85" y="75"/>
                  <a:pt x="85" y="75"/>
                </a:cubicBezTo>
                <a:cubicBezTo>
                  <a:pt x="84" y="75"/>
                  <a:pt x="84" y="75"/>
                  <a:pt x="84" y="75"/>
                </a:cubicBezTo>
                <a:cubicBezTo>
                  <a:pt x="81" y="76"/>
                  <a:pt x="78" y="78"/>
                  <a:pt x="76" y="81"/>
                </a:cubicBezTo>
                <a:cubicBezTo>
                  <a:pt x="74" y="78"/>
                  <a:pt x="71" y="76"/>
                  <a:pt x="68" y="75"/>
                </a:cubicBezTo>
                <a:cubicBezTo>
                  <a:pt x="67" y="75"/>
                  <a:pt x="67" y="75"/>
                  <a:pt x="67" y="75"/>
                </a:cubicBezTo>
                <a:cubicBezTo>
                  <a:pt x="57" y="72"/>
                  <a:pt x="57" y="72"/>
                  <a:pt x="57" y="72"/>
                </a:cubicBezTo>
                <a:cubicBezTo>
                  <a:pt x="56" y="72"/>
                  <a:pt x="54" y="72"/>
                  <a:pt x="53" y="73"/>
                </a:cubicBezTo>
                <a:cubicBezTo>
                  <a:pt x="40" y="86"/>
                  <a:pt x="40" y="86"/>
                  <a:pt x="40" y="86"/>
                </a:cubicBezTo>
                <a:cubicBezTo>
                  <a:pt x="27" y="73"/>
                  <a:pt x="27" y="73"/>
                  <a:pt x="27" y="73"/>
                </a:cubicBezTo>
                <a:cubicBezTo>
                  <a:pt x="26" y="72"/>
                  <a:pt x="24" y="72"/>
                  <a:pt x="23" y="72"/>
                </a:cubicBezTo>
                <a:cubicBezTo>
                  <a:pt x="13" y="75"/>
                  <a:pt x="13" y="75"/>
                  <a:pt x="13" y="75"/>
                </a:cubicBezTo>
                <a:cubicBezTo>
                  <a:pt x="12" y="75"/>
                  <a:pt x="12" y="75"/>
                  <a:pt x="12" y="75"/>
                </a:cubicBezTo>
                <a:cubicBezTo>
                  <a:pt x="5" y="77"/>
                  <a:pt x="0" y="84"/>
                  <a:pt x="0" y="92"/>
                </a:cubicBezTo>
                <a:cubicBezTo>
                  <a:pt x="0" y="132"/>
                  <a:pt x="0" y="132"/>
                  <a:pt x="0" y="132"/>
                </a:cubicBezTo>
                <a:cubicBezTo>
                  <a:pt x="0" y="142"/>
                  <a:pt x="7" y="150"/>
                  <a:pt x="16" y="152"/>
                </a:cubicBezTo>
                <a:cubicBezTo>
                  <a:pt x="16" y="204"/>
                  <a:pt x="16" y="204"/>
                  <a:pt x="16" y="204"/>
                </a:cubicBezTo>
                <a:cubicBezTo>
                  <a:pt x="16" y="205"/>
                  <a:pt x="16" y="206"/>
                  <a:pt x="17" y="207"/>
                </a:cubicBezTo>
                <a:cubicBezTo>
                  <a:pt x="18" y="208"/>
                  <a:pt x="19" y="208"/>
                  <a:pt x="20" y="208"/>
                </a:cubicBezTo>
                <a:cubicBezTo>
                  <a:pt x="60" y="208"/>
                  <a:pt x="60" y="208"/>
                  <a:pt x="60" y="208"/>
                </a:cubicBezTo>
                <a:cubicBezTo>
                  <a:pt x="61" y="208"/>
                  <a:pt x="62" y="208"/>
                  <a:pt x="63" y="207"/>
                </a:cubicBezTo>
                <a:cubicBezTo>
                  <a:pt x="64" y="206"/>
                  <a:pt x="64" y="205"/>
                  <a:pt x="64" y="204"/>
                </a:cubicBezTo>
                <a:cubicBezTo>
                  <a:pt x="64" y="152"/>
                  <a:pt x="64" y="152"/>
                  <a:pt x="64" y="152"/>
                </a:cubicBezTo>
                <a:cubicBezTo>
                  <a:pt x="69" y="151"/>
                  <a:pt x="73" y="148"/>
                  <a:pt x="76" y="144"/>
                </a:cubicBezTo>
                <a:cubicBezTo>
                  <a:pt x="79" y="148"/>
                  <a:pt x="83" y="151"/>
                  <a:pt x="88" y="152"/>
                </a:cubicBezTo>
                <a:cubicBezTo>
                  <a:pt x="88" y="204"/>
                  <a:pt x="88" y="204"/>
                  <a:pt x="88" y="204"/>
                </a:cubicBezTo>
                <a:cubicBezTo>
                  <a:pt x="88" y="205"/>
                  <a:pt x="88" y="206"/>
                  <a:pt x="89" y="207"/>
                </a:cubicBezTo>
                <a:cubicBezTo>
                  <a:pt x="90" y="208"/>
                  <a:pt x="91" y="208"/>
                  <a:pt x="92" y="208"/>
                </a:cubicBezTo>
                <a:cubicBezTo>
                  <a:pt x="132" y="208"/>
                  <a:pt x="132" y="208"/>
                  <a:pt x="132" y="208"/>
                </a:cubicBezTo>
                <a:cubicBezTo>
                  <a:pt x="133" y="208"/>
                  <a:pt x="134" y="208"/>
                  <a:pt x="135" y="207"/>
                </a:cubicBezTo>
                <a:cubicBezTo>
                  <a:pt x="136" y="206"/>
                  <a:pt x="136" y="205"/>
                  <a:pt x="136" y="204"/>
                </a:cubicBezTo>
                <a:cubicBezTo>
                  <a:pt x="136" y="152"/>
                  <a:pt x="136" y="152"/>
                  <a:pt x="136" y="152"/>
                </a:cubicBezTo>
                <a:cubicBezTo>
                  <a:pt x="141" y="151"/>
                  <a:pt x="145" y="148"/>
                  <a:pt x="148" y="144"/>
                </a:cubicBezTo>
                <a:cubicBezTo>
                  <a:pt x="151" y="148"/>
                  <a:pt x="155" y="151"/>
                  <a:pt x="160" y="152"/>
                </a:cubicBezTo>
                <a:cubicBezTo>
                  <a:pt x="160" y="204"/>
                  <a:pt x="160" y="204"/>
                  <a:pt x="160" y="204"/>
                </a:cubicBezTo>
                <a:cubicBezTo>
                  <a:pt x="160" y="205"/>
                  <a:pt x="160" y="206"/>
                  <a:pt x="161" y="207"/>
                </a:cubicBezTo>
                <a:cubicBezTo>
                  <a:pt x="162" y="208"/>
                  <a:pt x="163" y="208"/>
                  <a:pt x="164" y="208"/>
                </a:cubicBezTo>
                <a:cubicBezTo>
                  <a:pt x="204" y="208"/>
                  <a:pt x="204" y="208"/>
                  <a:pt x="204" y="208"/>
                </a:cubicBezTo>
                <a:cubicBezTo>
                  <a:pt x="205" y="208"/>
                  <a:pt x="206" y="208"/>
                  <a:pt x="207" y="207"/>
                </a:cubicBezTo>
                <a:cubicBezTo>
                  <a:pt x="208" y="206"/>
                  <a:pt x="208" y="205"/>
                  <a:pt x="208" y="204"/>
                </a:cubicBezTo>
                <a:cubicBezTo>
                  <a:pt x="208" y="152"/>
                  <a:pt x="208" y="152"/>
                  <a:pt x="208" y="152"/>
                </a:cubicBezTo>
                <a:cubicBezTo>
                  <a:pt x="217" y="150"/>
                  <a:pt x="224" y="142"/>
                  <a:pt x="224" y="132"/>
                </a:cubicBezTo>
                <a:cubicBezTo>
                  <a:pt x="224" y="92"/>
                  <a:pt x="224" y="92"/>
                  <a:pt x="224" y="92"/>
                </a:cubicBezTo>
                <a:cubicBezTo>
                  <a:pt x="224" y="84"/>
                  <a:pt x="219" y="77"/>
                  <a:pt x="212" y="75"/>
                </a:cubicBezTo>
                <a:close/>
                <a:moveTo>
                  <a:pt x="72" y="132"/>
                </a:moveTo>
                <a:cubicBezTo>
                  <a:pt x="72" y="137"/>
                  <a:pt x="69" y="142"/>
                  <a:pt x="64" y="143"/>
                </a:cubicBezTo>
                <a:cubicBezTo>
                  <a:pt x="64" y="100"/>
                  <a:pt x="64" y="100"/>
                  <a:pt x="64" y="100"/>
                </a:cubicBezTo>
                <a:cubicBezTo>
                  <a:pt x="64" y="98"/>
                  <a:pt x="62" y="96"/>
                  <a:pt x="60" y="96"/>
                </a:cubicBezTo>
                <a:cubicBezTo>
                  <a:pt x="58" y="96"/>
                  <a:pt x="56" y="98"/>
                  <a:pt x="56" y="100"/>
                </a:cubicBezTo>
                <a:cubicBezTo>
                  <a:pt x="56" y="200"/>
                  <a:pt x="56" y="200"/>
                  <a:pt x="56" y="200"/>
                </a:cubicBezTo>
                <a:cubicBezTo>
                  <a:pt x="44" y="200"/>
                  <a:pt x="44" y="200"/>
                  <a:pt x="44" y="200"/>
                </a:cubicBezTo>
                <a:cubicBezTo>
                  <a:pt x="44" y="140"/>
                  <a:pt x="44" y="140"/>
                  <a:pt x="44" y="140"/>
                </a:cubicBezTo>
                <a:cubicBezTo>
                  <a:pt x="44" y="138"/>
                  <a:pt x="42" y="136"/>
                  <a:pt x="40" y="136"/>
                </a:cubicBezTo>
                <a:cubicBezTo>
                  <a:pt x="38" y="136"/>
                  <a:pt x="36" y="138"/>
                  <a:pt x="36" y="140"/>
                </a:cubicBezTo>
                <a:cubicBezTo>
                  <a:pt x="36" y="200"/>
                  <a:pt x="36" y="200"/>
                  <a:pt x="36" y="200"/>
                </a:cubicBezTo>
                <a:cubicBezTo>
                  <a:pt x="24" y="200"/>
                  <a:pt x="24" y="200"/>
                  <a:pt x="24" y="200"/>
                </a:cubicBezTo>
                <a:cubicBezTo>
                  <a:pt x="24" y="100"/>
                  <a:pt x="24" y="100"/>
                  <a:pt x="24" y="100"/>
                </a:cubicBezTo>
                <a:cubicBezTo>
                  <a:pt x="24" y="98"/>
                  <a:pt x="22" y="96"/>
                  <a:pt x="20" y="96"/>
                </a:cubicBezTo>
                <a:cubicBezTo>
                  <a:pt x="18" y="96"/>
                  <a:pt x="16" y="98"/>
                  <a:pt x="16" y="100"/>
                </a:cubicBezTo>
                <a:cubicBezTo>
                  <a:pt x="16" y="143"/>
                  <a:pt x="16" y="143"/>
                  <a:pt x="16" y="143"/>
                </a:cubicBezTo>
                <a:cubicBezTo>
                  <a:pt x="11" y="142"/>
                  <a:pt x="8" y="137"/>
                  <a:pt x="8" y="132"/>
                </a:cubicBezTo>
                <a:cubicBezTo>
                  <a:pt x="8" y="92"/>
                  <a:pt x="8" y="92"/>
                  <a:pt x="8" y="92"/>
                </a:cubicBezTo>
                <a:cubicBezTo>
                  <a:pt x="8" y="88"/>
                  <a:pt x="11" y="84"/>
                  <a:pt x="15" y="82"/>
                </a:cubicBezTo>
                <a:cubicBezTo>
                  <a:pt x="23" y="80"/>
                  <a:pt x="23" y="80"/>
                  <a:pt x="23" y="80"/>
                </a:cubicBezTo>
                <a:cubicBezTo>
                  <a:pt x="37" y="95"/>
                  <a:pt x="37" y="95"/>
                  <a:pt x="37" y="95"/>
                </a:cubicBezTo>
                <a:cubicBezTo>
                  <a:pt x="38" y="96"/>
                  <a:pt x="39" y="96"/>
                  <a:pt x="40" y="96"/>
                </a:cubicBezTo>
                <a:cubicBezTo>
                  <a:pt x="41" y="96"/>
                  <a:pt x="42" y="96"/>
                  <a:pt x="43" y="95"/>
                </a:cubicBezTo>
                <a:cubicBezTo>
                  <a:pt x="57" y="80"/>
                  <a:pt x="57" y="80"/>
                  <a:pt x="57" y="80"/>
                </a:cubicBezTo>
                <a:cubicBezTo>
                  <a:pt x="65" y="82"/>
                  <a:pt x="65" y="82"/>
                  <a:pt x="65" y="82"/>
                </a:cubicBezTo>
                <a:cubicBezTo>
                  <a:pt x="69" y="84"/>
                  <a:pt x="72" y="88"/>
                  <a:pt x="72" y="92"/>
                </a:cubicBezTo>
                <a:lnTo>
                  <a:pt x="72" y="132"/>
                </a:lnTo>
                <a:close/>
                <a:moveTo>
                  <a:pt x="144" y="132"/>
                </a:moveTo>
                <a:cubicBezTo>
                  <a:pt x="144" y="137"/>
                  <a:pt x="141" y="142"/>
                  <a:pt x="136" y="143"/>
                </a:cubicBezTo>
                <a:cubicBezTo>
                  <a:pt x="136" y="100"/>
                  <a:pt x="136" y="100"/>
                  <a:pt x="136" y="100"/>
                </a:cubicBezTo>
                <a:cubicBezTo>
                  <a:pt x="136" y="98"/>
                  <a:pt x="134" y="96"/>
                  <a:pt x="132" y="96"/>
                </a:cubicBezTo>
                <a:cubicBezTo>
                  <a:pt x="130" y="96"/>
                  <a:pt x="128" y="98"/>
                  <a:pt x="128" y="100"/>
                </a:cubicBezTo>
                <a:cubicBezTo>
                  <a:pt x="128" y="200"/>
                  <a:pt x="128" y="200"/>
                  <a:pt x="128" y="200"/>
                </a:cubicBezTo>
                <a:cubicBezTo>
                  <a:pt x="116" y="200"/>
                  <a:pt x="116" y="200"/>
                  <a:pt x="116" y="200"/>
                </a:cubicBezTo>
                <a:cubicBezTo>
                  <a:pt x="116" y="140"/>
                  <a:pt x="116" y="140"/>
                  <a:pt x="116" y="140"/>
                </a:cubicBezTo>
                <a:cubicBezTo>
                  <a:pt x="116" y="138"/>
                  <a:pt x="114" y="136"/>
                  <a:pt x="112" y="136"/>
                </a:cubicBezTo>
                <a:cubicBezTo>
                  <a:pt x="110" y="136"/>
                  <a:pt x="108" y="138"/>
                  <a:pt x="108" y="140"/>
                </a:cubicBezTo>
                <a:cubicBezTo>
                  <a:pt x="108" y="200"/>
                  <a:pt x="108" y="200"/>
                  <a:pt x="108" y="200"/>
                </a:cubicBezTo>
                <a:cubicBezTo>
                  <a:pt x="96" y="200"/>
                  <a:pt x="96" y="200"/>
                  <a:pt x="96" y="200"/>
                </a:cubicBezTo>
                <a:cubicBezTo>
                  <a:pt x="96" y="100"/>
                  <a:pt x="96" y="100"/>
                  <a:pt x="96" y="100"/>
                </a:cubicBezTo>
                <a:cubicBezTo>
                  <a:pt x="96" y="98"/>
                  <a:pt x="94" y="96"/>
                  <a:pt x="92" y="96"/>
                </a:cubicBezTo>
                <a:cubicBezTo>
                  <a:pt x="90" y="96"/>
                  <a:pt x="88" y="98"/>
                  <a:pt x="88" y="100"/>
                </a:cubicBezTo>
                <a:cubicBezTo>
                  <a:pt x="88" y="143"/>
                  <a:pt x="88" y="143"/>
                  <a:pt x="88" y="143"/>
                </a:cubicBezTo>
                <a:cubicBezTo>
                  <a:pt x="83" y="142"/>
                  <a:pt x="80" y="137"/>
                  <a:pt x="80" y="132"/>
                </a:cubicBezTo>
                <a:cubicBezTo>
                  <a:pt x="80" y="92"/>
                  <a:pt x="80" y="92"/>
                  <a:pt x="80" y="92"/>
                </a:cubicBezTo>
                <a:cubicBezTo>
                  <a:pt x="80" y="88"/>
                  <a:pt x="83" y="84"/>
                  <a:pt x="87" y="82"/>
                </a:cubicBezTo>
                <a:cubicBezTo>
                  <a:pt x="95" y="80"/>
                  <a:pt x="95" y="80"/>
                  <a:pt x="95" y="80"/>
                </a:cubicBezTo>
                <a:cubicBezTo>
                  <a:pt x="109" y="95"/>
                  <a:pt x="109" y="95"/>
                  <a:pt x="109" y="95"/>
                </a:cubicBezTo>
                <a:cubicBezTo>
                  <a:pt x="110" y="96"/>
                  <a:pt x="111" y="96"/>
                  <a:pt x="112" y="96"/>
                </a:cubicBezTo>
                <a:cubicBezTo>
                  <a:pt x="113" y="96"/>
                  <a:pt x="114" y="96"/>
                  <a:pt x="115" y="95"/>
                </a:cubicBezTo>
                <a:cubicBezTo>
                  <a:pt x="129" y="80"/>
                  <a:pt x="129" y="80"/>
                  <a:pt x="129" y="80"/>
                </a:cubicBezTo>
                <a:cubicBezTo>
                  <a:pt x="137" y="82"/>
                  <a:pt x="137" y="82"/>
                  <a:pt x="137" y="82"/>
                </a:cubicBezTo>
                <a:cubicBezTo>
                  <a:pt x="141" y="84"/>
                  <a:pt x="144" y="88"/>
                  <a:pt x="144" y="92"/>
                </a:cubicBezTo>
                <a:lnTo>
                  <a:pt x="144" y="132"/>
                </a:lnTo>
                <a:close/>
                <a:moveTo>
                  <a:pt x="208" y="143"/>
                </a:moveTo>
                <a:cubicBezTo>
                  <a:pt x="208" y="100"/>
                  <a:pt x="208" y="100"/>
                  <a:pt x="208" y="100"/>
                </a:cubicBezTo>
                <a:cubicBezTo>
                  <a:pt x="208" y="98"/>
                  <a:pt x="206" y="96"/>
                  <a:pt x="204" y="96"/>
                </a:cubicBezTo>
                <a:cubicBezTo>
                  <a:pt x="202" y="96"/>
                  <a:pt x="200" y="98"/>
                  <a:pt x="200" y="100"/>
                </a:cubicBezTo>
                <a:cubicBezTo>
                  <a:pt x="200" y="200"/>
                  <a:pt x="200" y="200"/>
                  <a:pt x="200" y="200"/>
                </a:cubicBezTo>
                <a:cubicBezTo>
                  <a:pt x="188" y="200"/>
                  <a:pt x="188" y="200"/>
                  <a:pt x="188" y="200"/>
                </a:cubicBezTo>
                <a:cubicBezTo>
                  <a:pt x="188" y="140"/>
                  <a:pt x="188" y="140"/>
                  <a:pt x="188" y="140"/>
                </a:cubicBezTo>
                <a:cubicBezTo>
                  <a:pt x="188" y="138"/>
                  <a:pt x="186" y="136"/>
                  <a:pt x="184" y="136"/>
                </a:cubicBezTo>
                <a:cubicBezTo>
                  <a:pt x="182" y="136"/>
                  <a:pt x="180" y="138"/>
                  <a:pt x="180" y="140"/>
                </a:cubicBezTo>
                <a:cubicBezTo>
                  <a:pt x="180" y="200"/>
                  <a:pt x="180" y="200"/>
                  <a:pt x="180" y="200"/>
                </a:cubicBezTo>
                <a:cubicBezTo>
                  <a:pt x="168" y="200"/>
                  <a:pt x="168" y="200"/>
                  <a:pt x="168" y="200"/>
                </a:cubicBezTo>
                <a:cubicBezTo>
                  <a:pt x="168" y="100"/>
                  <a:pt x="168" y="100"/>
                  <a:pt x="168" y="100"/>
                </a:cubicBezTo>
                <a:cubicBezTo>
                  <a:pt x="168" y="98"/>
                  <a:pt x="166" y="96"/>
                  <a:pt x="164" y="96"/>
                </a:cubicBezTo>
                <a:cubicBezTo>
                  <a:pt x="162" y="96"/>
                  <a:pt x="160" y="98"/>
                  <a:pt x="160" y="100"/>
                </a:cubicBezTo>
                <a:cubicBezTo>
                  <a:pt x="160" y="143"/>
                  <a:pt x="160" y="143"/>
                  <a:pt x="160" y="143"/>
                </a:cubicBezTo>
                <a:cubicBezTo>
                  <a:pt x="155" y="142"/>
                  <a:pt x="152" y="137"/>
                  <a:pt x="152" y="132"/>
                </a:cubicBezTo>
                <a:cubicBezTo>
                  <a:pt x="152" y="92"/>
                  <a:pt x="152" y="92"/>
                  <a:pt x="152" y="92"/>
                </a:cubicBezTo>
                <a:cubicBezTo>
                  <a:pt x="152" y="88"/>
                  <a:pt x="155" y="84"/>
                  <a:pt x="159" y="82"/>
                </a:cubicBezTo>
                <a:cubicBezTo>
                  <a:pt x="167" y="80"/>
                  <a:pt x="167" y="80"/>
                  <a:pt x="167" y="80"/>
                </a:cubicBezTo>
                <a:cubicBezTo>
                  <a:pt x="181" y="95"/>
                  <a:pt x="181" y="95"/>
                  <a:pt x="181" y="95"/>
                </a:cubicBezTo>
                <a:cubicBezTo>
                  <a:pt x="182" y="96"/>
                  <a:pt x="183" y="96"/>
                  <a:pt x="184" y="96"/>
                </a:cubicBezTo>
                <a:cubicBezTo>
                  <a:pt x="185" y="96"/>
                  <a:pt x="186" y="96"/>
                  <a:pt x="187" y="95"/>
                </a:cubicBezTo>
                <a:cubicBezTo>
                  <a:pt x="201" y="80"/>
                  <a:pt x="201" y="80"/>
                  <a:pt x="201" y="80"/>
                </a:cubicBezTo>
                <a:cubicBezTo>
                  <a:pt x="209" y="82"/>
                  <a:pt x="209" y="82"/>
                  <a:pt x="209" y="82"/>
                </a:cubicBezTo>
                <a:cubicBezTo>
                  <a:pt x="213" y="84"/>
                  <a:pt x="216" y="88"/>
                  <a:pt x="216" y="92"/>
                </a:cubicBezTo>
                <a:cubicBezTo>
                  <a:pt x="216" y="132"/>
                  <a:pt x="216" y="132"/>
                  <a:pt x="216" y="132"/>
                </a:cubicBezTo>
                <a:cubicBezTo>
                  <a:pt x="216" y="137"/>
                  <a:pt x="213" y="142"/>
                  <a:pt x="208" y="143"/>
                </a:cubicBezTo>
                <a:close/>
                <a:moveTo>
                  <a:pt x="184" y="72"/>
                </a:moveTo>
                <a:cubicBezTo>
                  <a:pt x="195" y="72"/>
                  <a:pt x="204" y="63"/>
                  <a:pt x="204" y="52"/>
                </a:cubicBezTo>
                <a:cubicBezTo>
                  <a:pt x="204" y="41"/>
                  <a:pt x="195" y="32"/>
                  <a:pt x="184" y="32"/>
                </a:cubicBezTo>
                <a:cubicBezTo>
                  <a:pt x="173" y="32"/>
                  <a:pt x="164" y="41"/>
                  <a:pt x="164" y="52"/>
                </a:cubicBezTo>
                <a:cubicBezTo>
                  <a:pt x="164" y="63"/>
                  <a:pt x="173" y="72"/>
                  <a:pt x="184" y="72"/>
                </a:cubicBezTo>
                <a:close/>
                <a:moveTo>
                  <a:pt x="184" y="40"/>
                </a:moveTo>
                <a:cubicBezTo>
                  <a:pt x="191" y="40"/>
                  <a:pt x="196" y="45"/>
                  <a:pt x="196" y="52"/>
                </a:cubicBezTo>
                <a:cubicBezTo>
                  <a:pt x="196" y="59"/>
                  <a:pt x="191" y="64"/>
                  <a:pt x="184" y="64"/>
                </a:cubicBezTo>
                <a:cubicBezTo>
                  <a:pt x="177" y="64"/>
                  <a:pt x="172" y="59"/>
                  <a:pt x="172" y="52"/>
                </a:cubicBezTo>
                <a:cubicBezTo>
                  <a:pt x="172" y="45"/>
                  <a:pt x="177" y="40"/>
                  <a:pt x="184" y="40"/>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37" tIns="45719" rIns="91437" bIns="45719" numCol="1" anchor="t" anchorCtr="0" compatLnSpc="1">
            <a:prstTxWarp prst="textNoShape">
              <a:avLst/>
            </a:prstTxWarp>
          </a:bodyPr>
          <a:lstStyle/>
          <a:p>
            <a:pPr defTabSz="1039203"/>
            <a:endParaRPr lang="da-DK" sz="1999" noProof="0" dirty="0">
              <a:solidFill>
                <a:srgbClr val="000000"/>
              </a:solidFill>
              <a:latin typeface="Arial" panose="020B0604020202020204"/>
            </a:endParaRPr>
          </a:p>
        </p:txBody>
      </p:sp>
      <p:pic>
        <p:nvPicPr>
          <p:cNvPr id="16" name="Billede 15">
            <a:extLst>
              <a:ext uri="{FF2B5EF4-FFF2-40B4-BE49-F238E27FC236}">
                <a16:creationId xmlns:a16="http://schemas.microsoft.com/office/drawing/2014/main" id="{25EF8948-23F9-8A29-4DC1-95BA25FD1528}"/>
              </a:ext>
              <a:ext uri="{C183D7F6-B498-43B3-948B-1728B52AA6E4}">
                <adec:decorative xmlns:adec="http://schemas.microsoft.com/office/drawing/2017/decorative" val="1"/>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9625237" y="194715"/>
            <a:ext cx="2353728" cy="835453"/>
          </a:xfrm>
          <a:prstGeom prst="rect">
            <a:avLst/>
          </a:prstGeom>
        </p:spPr>
      </p:pic>
      <p:sp>
        <p:nvSpPr>
          <p:cNvPr id="25" name="TextBox 24">
            <a:extLst>
              <a:ext uri="{FF2B5EF4-FFF2-40B4-BE49-F238E27FC236}">
                <a16:creationId xmlns:a16="http://schemas.microsoft.com/office/drawing/2014/main" id="{13A5C82E-1F0E-85F7-56E8-866E7462E4C4}"/>
              </a:ext>
            </a:extLst>
          </p:cNvPr>
          <p:cNvSpPr txBox="1"/>
          <p:nvPr/>
        </p:nvSpPr>
        <p:spPr>
          <a:xfrm>
            <a:off x="9256892" y="4330235"/>
            <a:ext cx="2741028" cy="2002675"/>
          </a:xfrm>
          <a:prstGeom prst="rect">
            <a:avLst/>
          </a:prstGeom>
          <a:noFill/>
        </p:spPr>
        <p:txBody>
          <a:bodyPr wrap="square">
            <a:spAutoFit/>
          </a:bodyPr>
          <a:lstStyle/>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1100" b="0" i="1"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Når vi afsøger markedet for nye løsninger, er det et positivt tegn, når produktet bygger på åben kildekode. Set i lyset af selvbestemmelse betyder det, at du har et reelt alternativ, hvis samarbejdet bliver ufrugtbart - uanset om det skyldes prisstigninger, politik eller opkøb.” </a:t>
            </a:r>
            <a:r>
              <a:rPr kumimoji="0" lang="da-DK" sz="1100" b="0" i="0" u="none" strike="noStrike" kern="1200" cap="none" spc="0" normalizeH="0" baseline="0" noProof="0" dirty="0">
                <a:ln>
                  <a:noFill/>
                </a:ln>
                <a:solidFill>
                  <a:srgbClr val="64778A"/>
                </a:solidFill>
                <a:effectLst/>
                <a:uLnTx/>
                <a:uFillTx/>
                <a:latin typeface="Arial" panose="020B0604020202020204" pitchFamily="34" charset="0"/>
                <a:ea typeface="Arial" panose="020B0604020202020204" pitchFamily="34" charset="0"/>
                <a:cs typeface="Times New Roman" panose="02020603050405020304" pitchFamily="18" charset="0"/>
              </a:rPr>
              <a:t>(offentligt citat)</a:t>
            </a:r>
            <a:endParaRPr kumimoji="0" lang="da-DK" sz="8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endParaRPr>
          </a:p>
          <a:p>
            <a:pPr marL="0" marR="0" lvl="0" indent="0" algn="l" defTabSz="1039307" rtl="0" eaLnBrk="1" fontAlgn="auto" latinLnBrk="0" hangingPunct="1">
              <a:lnSpc>
                <a:spcPct val="100000"/>
              </a:lnSpc>
              <a:spcBef>
                <a:spcPts val="400"/>
              </a:spcBef>
              <a:spcAft>
                <a:spcPts val="400"/>
              </a:spcAft>
              <a:buClrTx/>
              <a:buSzTx/>
              <a:buFontTx/>
              <a:buNone/>
              <a:tabLst/>
              <a:defRPr/>
            </a:pPr>
            <a:r>
              <a:rPr kumimoji="0" lang="da-DK" sz="900" b="1"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Tom Ingeman Nielsen</a:t>
            </a:r>
            <a:b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b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Senior </a:t>
            </a:r>
            <a:r>
              <a:rPr kumimoji="0" lang="da-DK" sz="900" b="0" i="0" u="none" strike="noStrike" kern="1200" cap="none" spc="0" normalizeH="0" baseline="0" noProof="0" dirty="0" err="1">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Director</a:t>
            </a: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 for Core Platform </a:t>
            </a:r>
            <a:r>
              <a:rPr kumimoji="0" lang="da-DK" sz="900" b="0" i="0" u="none" strike="noStrike" kern="1200" cap="none" spc="0" normalizeH="0" baseline="0" noProof="0" dirty="0" err="1">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Capabilities</a:t>
            </a:r>
            <a:r>
              <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Arial" panose="020B0604020202020204" pitchFamily="34" charset="0"/>
                <a:cs typeface="Times New Roman" panose="02020603050405020304" pitchFamily="18" charset="0"/>
              </a:rPr>
              <a:t> hos Bankdata </a:t>
            </a:r>
          </a:p>
        </p:txBody>
      </p:sp>
    </p:spTree>
    <p:extLst>
      <p:ext uri="{BB962C8B-B14F-4D97-AF65-F5344CB8AC3E}">
        <p14:creationId xmlns:p14="http://schemas.microsoft.com/office/powerpoint/2010/main" val="3133967088"/>
      </p:ext>
    </p:extLst>
  </p:cSld>
  <p:clrMapOvr>
    <a:masterClrMapping/>
  </p:clrMapOvr>
  <p:transition>
    <p:fade/>
  </p:transition>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D42394C1-1F23-3BA5-A107-04CECC36B577}"/>
              </a:ext>
            </a:extLst>
          </p:cNvPr>
          <p:cNvSpPr txBox="1"/>
          <p:nvPr/>
        </p:nvSpPr>
        <p:spPr>
          <a:xfrm>
            <a:off x="1095056" y="2453550"/>
            <a:ext cx="2544418" cy="1952487"/>
          </a:xfrm>
          <a:prstGeom prst="rect">
            <a:avLst/>
          </a:prstGeom>
          <a:noFill/>
        </p:spPr>
        <p:txBody>
          <a:bodyPr wrap="square" rtlCol="0">
            <a:noAutofit/>
          </a:bodyPr>
          <a:lstStyle/>
          <a:p>
            <a:r>
              <a:rPr lang="da-DK" sz="1100" dirty="0">
                <a:solidFill>
                  <a:srgbClr val="00172D"/>
                </a:solidFill>
              </a:rPr>
              <a:t>Rapporten er udarbejdet af PA Consulting Group for KL, Digitaliseringsministeriet, Digitaliseringsstyrelsen og Danske Regioner.</a:t>
            </a:r>
          </a:p>
        </p:txBody>
      </p:sp>
      <p:pic>
        <p:nvPicPr>
          <p:cNvPr id="5" name="Picture 4">
            <a:extLst>
              <a:ext uri="{FF2B5EF4-FFF2-40B4-BE49-F238E27FC236}">
                <a16:creationId xmlns:a16="http://schemas.microsoft.com/office/drawing/2014/main" id="{25CB3F94-D4C4-4D6C-8595-3B2773AE130A}"/>
              </a:ext>
              <a:ext uri="{C183D7F6-B498-43B3-948B-1728B52AA6E4}">
                <adec:decorative xmlns:adec="http://schemas.microsoft.com/office/drawing/2017/decorative" val="1"/>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4720381" y="2020888"/>
            <a:ext cx="2754411" cy="2817812"/>
          </a:xfrm>
          <a:prstGeom prst="rect">
            <a:avLst/>
          </a:prstGeom>
        </p:spPr>
      </p:pic>
      <p:sp>
        <p:nvSpPr>
          <p:cNvPr id="4" name="Title 3">
            <a:extLst>
              <a:ext uri="{FF2B5EF4-FFF2-40B4-BE49-F238E27FC236}">
                <a16:creationId xmlns:a16="http://schemas.microsoft.com/office/drawing/2014/main" id="{D496B489-4303-60A9-3EEF-34D3A97B80A1}"/>
              </a:ext>
            </a:extLst>
          </p:cNvPr>
          <p:cNvSpPr>
            <a:spLocks noGrp="1"/>
          </p:cNvSpPr>
          <p:nvPr>
            <p:ph type="title" idx="4294967295"/>
          </p:nvPr>
        </p:nvSpPr>
        <p:spPr/>
        <p:txBody>
          <a:bodyPr/>
          <a:lstStyle/>
          <a:p>
            <a:r>
              <a:rPr lang="da-DK" noProof="0" dirty="0"/>
              <a:t>.</a:t>
            </a:r>
            <a:r>
              <a:rPr lang="da-DK" dirty="0"/>
              <a:t>Afsluttende dias</a:t>
            </a:r>
            <a:endParaRPr lang="da-DK" noProof="0" dirty="0"/>
          </a:p>
        </p:txBody>
      </p:sp>
      <p:sp>
        <p:nvSpPr>
          <p:cNvPr id="3" name="TextBox 2">
            <a:extLst>
              <a:ext uri="{FF2B5EF4-FFF2-40B4-BE49-F238E27FC236}">
                <a16:creationId xmlns:a16="http://schemas.microsoft.com/office/drawing/2014/main" id="{58BD7C25-DDA5-D8DF-75E2-993A8EC91663}"/>
              </a:ext>
            </a:extLst>
          </p:cNvPr>
          <p:cNvSpPr txBox="1"/>
          <p:nvPr/>
        </p:nvSpPr>
        <p:spPr>
          <a:xfrm>
            <a:off x="890570" y="1545433"/>
            <a:ext cx="2364455" cy="1136236"/>
          </a:xfrm>
          <a:prstGeom prst="rect">
            <a:avLst/>
          </a:prstGeom>
          <a:noFill/>
        </p:spPr>
        <p:txBody>
          <a:bodyPr wrap="square" rtlCol="0">
            <a:noAutofit/>
          </a:bodyPr>
          <a:lstStyle/>
          <a:p>
            <a:r>
              <a:rPr lang="da-DK" sz="1100" dirty="0">
                <a:solidFill>
                  <a:srgbClr val="00172D"/>
                </a:solidFill>
              </a:rPr>
              <a:t>Rapporten er udarbejdet af PA Consulting Group for KL, Digitaliseringsministeriet, Digitaliseringsstyrelsen og Danske Regioner.</a:t>
            </a:r>
          </a:p>
        </p:txBody>
      </p:sp>
    </p:spTree>
    <p:custDataLst>
      <p:custData r:id="rId1"/>
      <p:custData r:id="rId2"/>
    </p:custDataLst>
    <p:extLst>
      <p:ext uri="{BB962C8B-B14F-4D97-AF65-F5344CB8AC3E}">
        <p14:creationId xmlns:p14="http://schemas.microsoft.com/office/powerpoint/2010/main" val="4069972108"/>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B93DFB-8B68-7C18-308C-FB61E9046C6B}"/>
            </a:ext>
          </a:extLst>
        </p:cNvPr>
        <p:cNvGrpSpPr/>
        <p:nvPr/>
      </p:nvGrpSpPr>
      <p:grpSpPr>
        <a:xfrm>
          <a:off x="0" y="0"/>
          <a:ext cx="0" cy="0"/>
          <a:chOff x="0" y="0"/>
          <a:chExt cx="0" cy="0"/>
        </a:xfrm>
      </p:grpSpPr>
      <p:sp>
        <p:nvSpPr>
          <p:cNvPr id="26" name="Rectangle: Rounded Corners 25">
            <a:extLst>
              <a:ext uri="{FF2B5EF4-FFF2-40B4-BE49-F238E27FC236}">
                <a16:creationId xmlns:a16="http://schemas.microsoft.com/office/drawing/2014/main" id="{CA53D40D-64BD-2998-012B-3D1C7822A2EF}"/>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rgbClr val="36465A"/>
                </a:solidFill>
              </a:rPr>
              <a:t>Case 01 | </a:t>
            </a:r>
            <a:r>
              <a:rPr lang="da-DK" sz="1600" b="1" noProof="0" dirty="0" err="1">
                <a:solidFill>
                  <a:srgbClr val="36465A"/>
                </a:solidFill>
              </a:rPr>
              <a:t>EuroStack</a:t>
            </a:r>
            <a:r>
              <a:rPr lang="da-DK" sz="1600" b="1" noProof="0" dirty="0">
                <a:solidFill>
                  <a:srgbClr val="36465A"/>
                </a:solidFill>
              </a:rPr>
              <a:t>, fælleseuropæisk digital infrastruktur  </a:t>
            </a:r>
          </a:p>
        </p:txBody>
      </p:sp>
      <p:sp>
        <p:nvSpPr>
          <p:cNvPr id="22" name="Rectangle: Rounded Corners 21">
            <a:extLst>
              <a:ext uri="{FF2B5EF4-FFF2-40B4-BE49-F238E27FC236}">
                <a16:creationId xmlns:a16="http://schemas.microsoft.com/office/drawing/2014/main" id="{E866D8C8-9CB9-0633-1D82-4B0230021857}"/>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16" name="Picture 4">
            <a:extLst>
              <a:ext uri="{FF2B5EF4-FFF2-40B4-BE49-F238E27FC236}">
                <a16:creationId xmlns:a16="http://schemas.microsoft.com/office/drawing/2014/main" id="{AE89C42A-8EF5-3F89-B6A9-A37551F78B22}"/>
              </a:ext>
              <a:ext uri="{C183D7F6-B498-43B3-948B-1728B52AA6E4}">
                <adec:decorative xmlns:adec="http://schemas.microsoft.com/office/drawing/2017/decorative" val="1"/>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0662407" y="141646"/>
            <a:ext cx="1079081" cy="986084"/>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980C0BE0-DFB3-A680-4285-CB8424983DE7}"/>
              </a:ext>
            </a:extLst>
          </p:cNvPr>
          <p:cNvSpPr>
            <a:spLocks noGrp="1"/>
          </p:cNvSpPr>
          <p:nvPr>
            <p:ph type="title"/>
          </p:nvPr>
        </p:nvSpPr>
        <p:spPr/>
        <p:txBody>
          <a:bodyPr/>
          <a:lstStyle/>
          <a:p>
            <a:r>
              <a:rPr lang="da-DK" sz="2200" noProof="0" dirty="0"/>
              <a:t>Side 2/3 | </a:t>
            </a:r>
            <a:r>
              <a:rPr lang="da-DK" sz="2200" b="1" noProof="0" dirty="0"/>
              <a:t>Formål, baggrund og kontekst</a:t>
            </a:r>
            <a:endParaRPr lang="da-DK" sz="2200" i="1" noProof="0" dirty="0"/>
          </a:p>
        </p:txBody>
      </p:sp>
      <p:sp>
        <p:nvSpPr>
          <p:cNvPr id="10" name="Rectangle: Rounded Corners 9">
            <a:extLst>
              <a:ext uri="{FF2B5EF4-FFF2-40B4-BE49-F238E27FC236}">
                <a16:creationId xmlns:a16="http://schemas.microsoft.com/office/drawing/2014/main" id="{BC84ABB4-65A0-30DB-23ED-5B8A932F2590}"/>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Formål og strategi</a:t>
            </a:r>
            <a:endParaRPr kumimoji="0" lang="da-DK" sz="1000" b="1" i="0" u="none" strike="noStrike" kern="1200" cap="none" spc="0" normalizeH="0" baseline="0" noProof="0" dirty="0">
              <a:ln>
                <a:noFill/>
              </a:ln>
              <a:solidFill>
                <a:srgbClr val="36465A"/>
              </a:solidFill>
              <a:effectLst/>
              <a:uLnTx/>
              <a:uFillTx/>
              <a:latin typeface="Arial" panose="020B0604020202020204"/>
              <a:ea typeface="+mn-ea"/>
              <a:cs typeface="+mn-cs"/>
            </a:endParaRPr>
          </a:p>
        </p:txBody>
      </p:sp>
      <p:sp>
        <p:nvSpPr>
          <p:cNvPr id="3" name="Rectangle 2">
            <a:extLst>
              <a:ext uri="{FF2B5EF4-FFF2-40B4-BE49-F238E27FC236}">
                <a16:creationId xmlns:a16="http://schemas.microsoft.com/office/drawing/2014/main" id="{C9BD3AAD-432B-2F0B-C757-06DCD5B28D2E}"/>
              </a:ext>
            </a:extLst>
          </p:cNvPr>
          <p:cNvSpPr/>
          <p:nvPr/>
        </p:nvSpPr>
        <p:spPr>
          <a:xfrm>
            <a:off x="560498" y="2069025"/>
            <a:ext cx="2758525" cy="424222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lvl="0">
              <a:defRPr/>
            </a:pPr>
            <a:r>
              <a:rPr lang="da-DK" sz="900" b="1" noProof="0" dirty="0">
                <a:solidFill>
                  <a:srgbClr val="36465A"/>
                </a:solidFill>
                <a:sym typeface="Wingdings" panose="05000000000000000000" pitchFamily="2" charset="2"/>
              </a:rPr>
              <a:t>Formål</a:t>
            </a:r>
          </a:p>
          <a:p>
            <a:pPr marL="0" marR="0" lvl="0" indent="0" algn="l" defTabSz="1039307" rtl="0" eaLnBrk="1" fontAlgn="auto" latinLnBrk="0" hangingPunct="1">
              <a:lnSpc>
                <a:spcPct val="100000"/>
              </a:lnSpc>
              <a:spcBef>
                <a:spcPts val="0"/>
              </a:spcBef>
              <a:spcAft>
                <a:spcPts val="0"/>
              </a:spcAft>
              <a:buClrTx/>
              <a:buSzTx/>
              <a:buFontTx/>
              <a:buNone/>
              <a:tabLst/>
              <a:defRPr/>
            </a:pPr>
            <a:r>
              <a:rPr lang="da-DK" sz="900" noProof="0" dirty="0" err="1">
                <a:solidFill>
                  <a:srgbClr val="000000"/>
                </a:solidFill>
                <a:latin typeface="Arial" panose="020B0604020202020204"/>
                <a:sym typeface="Wingdings" panose="05000000000000000000" pitchFamily="2" charset="2"/>
              </a:rPr>
              <a:t>EuroStack</a:t>
            </a:r>
            <a:r>
              <a:rPr lang="da-DK" sz="900" noProof="0" dirty="0">
                <a:solidFill>
                  <a:srgbClr val="000000"/>
                </a:solidFill>
                <a:latin typeface="Arial" panose="020B0604020202020204"/>
                <a:sym typeface="Wingdings" panose="05000000000000000000" pitchFamily="2" charset="2"/>
              </a:rPr>
              <a:t> har til formål at etablere en europæisk suveræn digital værdikæde, der understøtter vækst, sikkerhed, transparens og rettighedsbeskyttelse på europæiske vilkår. Ambitionen er at sammenkoble eksisterende aktiver, så europæiske leverandører kan udgøre et reelt alternativ til globale </a:t>
            </a:r>
            <a:r>
              <a:rPr lang="da-DK" sz="900" noProof="0" dirty="0" err="1">
                <a:solidFill>
                  <a:srgbClr val="000000"/>
                </a:solidFill>
                <a:latin typeface="Arial" panose="020B0604020202020204"/>
                <a:sym typeface="Wingdings" panose="05000000000000000000" pitchFamily="2" charset="2"/>
              </a:rPr>
              <a:t>hyperscalers</a:t>
            </a:r>
            <a:r>
              <a:rPr lang="da-DK" sz="900" noProof="0" dirty="0">
                <a:solidFill>
                  <a:srgbClr val="000000"/>
                </a:solidFill>
                <a:latin typeface="Arial" panose="020B0604020202020204"/>
                <a:sym typeface="Wingdings" panose="05000000000000000000" pitchFamily="2" charset="2"/>
              </a:rPr>
              <a:t>. Analyser estimerer et investeringsbehov omkring €300 mia. over 10 år for at opbygge og skalere </a:t>
            </a:r>
            <a:r>
              <a:rPr lang="da-DK" sz="900" noProof="0" dirty="0" err="1">
                <a:solidFill>
                  <a:srgbClr val="000000"/>
                </a:solidFill>
                <a:latin typeface="Arial" panose="020B0604020202020204"/>
                <a:sym typeface="Wingdings" panose="05000000000000000000" pitchFamily="2" charset="2"/>
              </a:rPr>
              <a:t>EuroStack</a:t>
            </a:r>
            <a:r>
              <a:rPr lang="da-DK" sz="900" noProof="0" dirty="0">
                <a:solidFill>
                  <a:srgbClr val="000000"/>
                </a:solidFill>
                <a:latin typeface="Arial" panose="020B0604020202020204"/>
                <a:sym typeface="Wingdings" panose="05000000000000000000" pitchFamily="2" charset="2"/>
              </a:rPr>
              <a:t>.</a:t>
            </a:r>
            <a:endPar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sym typeface="Wingdings" panose="05000000000000000000" pitchFamily="2" charset="2"/>
            </a:endParaRPr>
          </a:p>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sym typeface="Wingdings" panose="05000000000000000000" pitchFamily="2" charset="2"/>
            </a:endParaRPr>
          </a:p>
          <a:p>
            <a:pPr marL="0" marR="0" lvl="0" indent="0" algn="l" defTabSz="1039307" rtl="0" eaLnBrk="1" fontAlgn="auto" latinLnBrk="0" hangingPunct="1">
              <a:lnSpc>
                <a:spcPct val="100000"/>
              </a:lnSpc>
              <a:spcBef>
                <a:spcPts val="0"/>
              </a:spcBef>
              <a:spcAft>
                <a:spcPts val="0"/>
              </a:spcAft>
              <a:buClrTx/>
              <a:buSzTx/>
              <a:buFontTx/>
              <a:buNone/>
              <a:tabLst/>
              <a:defRPr/>
            </a:pPr>
            <a:r>
              <a:rPr lang="da-DK" sz="900" b="1" noProof="0" dirty="0">
                <a:solidFill>
                  <a:srgbClr val="36465A"/>
                </a:solidFill>
                <a:sym typeface="Wingdings" panose="05000000000000000000" pitchFamily="2" charset="2"/>
              </a:rPr>
              <a:t>Strategisk ophæng</a:t>
            </a: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Initiativet er tæt knyttet til EU’s overordnede mål om teknologisk suverænitet og geopolitisk styrke med stærkt ophæng i </a:t>
            </a:r>
            <a:r>
              <a:rPr kumimoji="0" lang="da-DK" sz="900" i="0" u="none" strike="noStrike" kern="1200" cap="none" spc="0" normalizeH="0" baseline="0" noProof="0" dirty="0" err="1">
                <a:ln>
                  <a:noFill/>
                </a:ln>
                <a:solidFill>
                  <a:srgbClr val="000000"/>
                </a:solidFill>
                <a:effectLst/>
                <a:uLnTx/>
                <a:uFillTx/>
                <a:latin typeface="Arial" panose="020B0604020202020204"/>
                <a:ea typeface="+mn-ea"/>
                <a:cs typeface="+mn-cs"/>
                <a:sym typeface="Wingdings" panose="05000000000000000000" pitchFamily="2" charset="2"/>
              </a:rPr>
              <a:t>Draghi</a:t>
            </a: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sym typeface="Wingdings" panose="05000000000000000000" pitchFamily="2" charset="2"/>
              </a:rPr>
              <a:t>‑rapporten, som udkom den 9. september 2024. Rapporten fremhæver et stigende trusselbillede, hvor Europas afhængighed af eksterne digitale infrastrukturer udgør en risiko for både økonomisk konkurrenceevne og sikkerhed. Digital infrastruktur identificeres som en kerneforudsætning for vækst og modstandsdygtighed, og der peges på behovet for en samordnet industripolitik, tilstrækkelig kapital og moderniserede udbudsmodeller.</a:t>
            </a:r>
          </a:p>
          <a:p>
            <a:pPr marL="0" marR="0" lvl="0" indent="0" algn="l" defTabSz="1039307" rtl="0" eaLnBrk="1" fontAlgn="auto" latinLnBrk="0" hangingPunct="1">
              <a:lnSpc>
                <a:spcPct val="100000"/>
              </a:lnSpc>
              <a:spcBef>
                <a:spcPts val="0"/>
              </a:spcBef>
              <a:spcAft>
                <a:spcPts val="0"/>
              </a:spcAft>
              <a:buClrTx/>
              <a:buSzTx/>
              <a:buFontTx/>
              <a:buNone/>
              <a:tabLst/>
              <a:defRPr/>
            </a:pPr>
            <a:endParaRPr lang="da-DK" sz="900" noProof="0" dirty="0">
              <a:solidFill>
                <a:srgbClr val="000000"/>
              </a:solidFill>
              <a:latin typeface="Arial" panose="020B0604020202020204"/>
              <a:sym typeface="Wingdings" panose="05000000000000000000" pitchFamily="2" charset="2"/>
            </a:endParaRP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i="0" u="none" strike="noStrike" kern="1200" cap="none" spc="0" normalizeH="0" baseline="0" noProof="0" dirty="0" err="1">
                <a:ln>
                  <a:noFill/>
                </a:ln>
                <a:solidFill>
                  <a:srgbClr val="000000"/>
                </a:solidFill>
                <a:effectLst/>
                <a:uLnTx/>
                <a:uFillTx/>
                <a:latin typeface="Arial" panose="020B0604020202020204"/>
                <a:ea typeface="+mn-ea"/>
                <a:cs typeface="+mn-cs"/>
                <a:sym typeface="Wingdings" panose="05000000000000000000" pitchFamily="2" charset="2"/>
              </a:rPr>
              <a:t>EuroStack</a:t>
            </a: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sym typeface="Wingdings" panose="05000000000000000000" pitchFamily="2" charset="2"/>
              </a:rPr>
              <a:t> fungerer som et operationelt svar på denne diagnose: En værdikædetilgang, der kombinerer industrielle investeringer, offentlig efterspørgsel og </a:t>
            </a:r>
            <a:r>
              <a:rPr kumimoji="0" lang="da-DK" sz="900" i="0" u="none" strike="noStrike" kern="1200" cap="none" spc="0" normalizeH="0" baseline="0" noProof="0" dirty="0" err="1">
                <a:ln>
                  <a:noFill/>
                </a:ln>
                <a:solidFill>
                  <a:srgbClr val="000000"/>
                </a:solidFill>
                <a:effectLst/>
                <a:uLnTx/>
                <a:uFillTx/>
                <a:latin typeface="Arial" panose="020B0604020202020204"/>
                <a:ea typeface="+mn-ea"/>
                <a:cs typeface="+mn-cs"/>
                <a:sym typeface="Wingdings" panose="05000000000000000000" pitchFamily="2" charset="2"/>
              </a:rPr>
              <a:t>governance</a:t>
            </a: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sym typeface="Wingdings" panose="05000000000000000000" pitchFamily="2" charset="2"/>
              </a:rPr>
              <a:t>-modeller på tværs af EU, med fokus på at skabe en sammenhængende og </a:t>
            </a:r>
            <a:r>
              <a:rPr kumimoji="0" lang="da-DK" sz="900" i="0" u="none" strike="noStrike" kern="1200" cap="none" spc="0" normalizeH="0" baseline="0" noProof="0" dirty="0" err="1">
                <a:ln>
                  <a:noFill/>
                </a:ln>
                <a:solidFill>
                  <a:srgbClr val="000000"/>
                </a:solidFill>
                <a:effectLst/>
                <a:uLnTx/>
                <a:uFillTx/>
                <a:latin typeface="Arial" panose="020B0604020202020204"/>
                <a:ea typeface="+mn-ea"/>
                <a:cs typeface="+mn-cs"/>
                <a:sym typeface="Wingdings" panose="05000000000000000000" pitchFamily="2" charset="2"/>
              </a:rPr>
              <a:t>interoperabel</a:t>
            </a:r>
            <a:r>
              <a:rPr kumimoji="0" lang="da-DK" sz="900" i="0" u="none" strike="noStrike" kern="1200" cap="none" spc="0" normalizeH="0" baseline="0" noProof="0" dirty="0">
                <a:ln>
                  <a:noFill/>
                </a:ln>
                <a:solidFill>
                  <a:srgbClr val="000000"/>
                </a:solidFill>
                <a:effectLst/>
                <a:uLnTx/>
                <a:uFillTx/>
                <a:latin typeface="Arial" panose="020B0604020202020204"/>
                <a:ea typeface="+mn-ea"/>
                <a:cs typeface="+mn-cs"/>
                <a:sym typeface="Wingdings" panose="05000000000000000000" pitchFamily="2" charset="2"/>
              </a:rPr>
              <a:t> digital infrastruktur.</a:t>
            </a:r>
            <a:endParaRPr kumimoji="0" lang="da-DK" sz="900" b="1" i="0" u="none" strike="noStrike" kern="1200" cap="none" spc="0" normalizeH="0" baseline="0" noProof="0" dirty="0">
              <a:ln>
                <a:noFill/>
              </a:ln>
              <a:solidFill>
                <a:srgbClr val="000000"/>
              </a:solidFill>
              <a:effectLst/>
              <a:uLnTx/>
              <a:uFillTx/>
              <a:latin typeface="Arial" panose="020B0604020202020204"/>
              <a:ea typeface="+mn-ea"/>
              <a:cs typeface="+mn-cs"/>
              <a:sym typeface="Wingdings" panose="05000000000000000000" pitchFamily="2" charset="2"/>
            </a:endParaRPr>
          </a:p>
        </p:txBody>
      </p:sp>
      <p:sp>
        <p:nvSpPr>
          <p:cNvPr id="11" name="Rectangle: Rounded Corners 10">
            <a:extLst>
              <a:ext uri="{FF2B5EF4-FFF2-40B4-BE49-F238E27FC236}">
                <a16:creationId xmlns:a16="http://schemas.microsoft.com/office/drawing/2014/main" id="{9C65F62D-DC10-5BE9-F617-37A1CFF429CC}"/>
              </a:ext>
            </a:extLst>
          </p:cNvPr>
          <p:cNvSpPr>
            <a:spLocks/>
          </p:cNvSpPr>
          <p:nvPr/>
        </p:nvSpPr>
        <p:spPr>
          <a:xfrm>
            <a:off x="3775836"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Baggrund og kontekst</a:t>
            </a:r>
          </a:p>
        </p:txBody>
      </p:sp>
      <p:sp>
        <p:nvSpPr>
          <p:cNvPr id="5" name="Rectangle 4">
            <a:extLst>
              <a:ext uri="{FF2B5EF4-FFF2-40B4-BE49-F238E27FC236}">
                <a16:creationId xmlns:a16="http://schemas.microsoft.com/office/drawing/2014/main" id="{A6F32900-C336-6FCF-8C24-DD01D940AD0A}"/>
              </a:ext>
            </a:extLst>
          </p:cNvPr>
          <p:cNvSpPr/>
          <p:nvPr/>
        </p:nvSpPr>
        <p:spPr>
          <a:xfrm>
            <a:off x="3348448" y="2069025"/>
            <a:ext cx="3202290" cy="424222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900" b="1" noProof="0" dirty="0">
                <a:solidFill>
                  <a:srgbClr val="36465A"/>
                </a:solidFill>
              </a:rPr>
              <a:t>Baggrund</a:t>
            </a: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Europa står over for en strukturel udfordring</a:t>
            </a:r>
            <a:r>
              <a:rPr lang="da-DK" sz="900" noProof="0" dirty="0">
                <a:solidFill>
                  <a:srgbClr val="000000"/>
                </a:solidFill>
                <a:latin typeface="Arial" panose="020B0604020202020204"/>
              </a:rPr>
              <a:t> med</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 </a:t>
            </a:r>
            <a:r>
              <a:rPr kumimoji="0" lang="da-DK" sz="900" b="0" u="none" strike="noStrike" kern="1200" cap="none" spc="0" normalizeH="0" baseline="0" noProof="0">
                <a:ln>
                  <a:noFill/>
                </a:ln>
                <a:solidFill>
                  <a:srgbClr val="000000"/>
                </a:solidFill>
                <a:effectLst/>
                <a:uLnTx/>
                <a:uFillTx/>
                <a:latin typeface="Arial" panose="020B0604020202020204"/>
                <a:ea typeface="+mn-ea"/>
                <a:cs typeface="+mn-cs"/>
              </a:rPr>
              <a:t>lav produktivitetsvækst, fragmenterede markeder og en næsten total afhængighed af ikke-europæiske digitale infrastrukturer. </a:t>
            </a:r>
            <a:br>
              <a:rPr kumimoji="0" lang="da-DK" sz="900" b="0" i="1" u="none" strike="noStrike" kern="1200" cap="none" spc="0" normalizeH="0" baseline="0" noProof="0">
                <a:ln>
                  <a:noFill/>
                </a:ln>
                <a:solidFill>
                  <a:srgbClr val="000000"/>
                </a:solidFill>
                <a:effectLst/>
                <a:uLnTx/>
                <a:uFillTx/>
                <a:latin typeface="Arial" panose="020B0604020202020204"/>
                <a:ea typeface="+mn-ea"/>
                <a:cs typeface="+mn-cs"/>
              </a:rPr>
            </a:br>
            <a:r>
              <a:rPr kumimoji="0" lang="da-DK" sz="900" b="0" i="0" u="none" strike="noStrike" kern="1200" cap="none" spc="0" normalizeH="0" baseline="0" noProof="0" err="1">
                <a:ln>
                  <a:noFill/>
                </a:ln>
                <a:solidFill>
                  <a:srgbClr val="000000"/>
                </a:solidFill>
                <a:effectLst/>
                <a:uLnTx/>
                <a:uFillTx/>
                <a:latin typeface="Arial" panose="020B0604020202020204"/>
                <a:ea typeface="+mn-ea"/>
                <a:cs typeface="+mn-cs"/>
              </a:rPr>
              <a:t>Draghi</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rapporten dokumenterer, at:</a:t>
            </a:r>
          </a:p>
          <a:p>
            <a:pPr marL="171450" marR="0" lvl="0" indent="-171450" algn="l" defTabSz="1039307"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EU importerer over 80% af sin digitale teknologi. </a:t>
            </a:r>
          </a:p>
          <a:p>
            <a:pPr marL="171450" marR="0" lvl="0" indent="-171450" algn="l" defTabSz="1039307"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900" noProof="0">
                <a:solidFill>
                  <a:srgbClr val="000000"/>
                </a:solidFill>
                <a:latin typeface="Arial" panose="020B0604020202020204"/>
              </a:rPr>
              <a:t>K</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un fire ud af verdens 50 største </a:t>
            </a:r>
            <a:r>
              <a:rPr kumimoji="0" lang="da-DK" sz="900" b="0" i="0" u="none" strike="noStrike" kern="1200" cap="none" spc="0" normalizeH="0" baseline="0" noProof="0" err="1">
                <a:ln>
                  <a:noFill/>
                </a:ln>
                <a:solidFill>
                  <a:srgbClr val="000000"/>
                </a:solidFill>
                <a:effectLst/>
                <a:uLnTx/>
                <a:uFillTx/>
                <a:latin typeface="Arial" panose="020B0604020202020204"/>
                <a:ea typeface="+mn-ea"/>
                <a:cs typeface="+mn-cs"/>
              </a:rPr>
              <a:t>tech</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virksomheder er europæiske.</a:t>
            </a:r>
          </a:p>
          <a:p>
            <a:pPr marL="171450" marR="0" lvl="0" indent="-171450" algn="l" defTabSz="1039307"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900" noProof="0">
                <a:solidFill>
                  <a:srgbClr val="000000"/>
                </a:solidFill>
                <a:latin typeface="Arial" panose="020B0604020202020204"/>
              </a:rPr>
              <a:t>M</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arkedsandelen for europæiske cloud-udbydere er faldet fra 26% i 2017 til ca. 10% i dag.</a:t>
            </a:r>
          </a:p>
          <a:p>
            <a:pPr marL="171450" marR="0" lvl="0" indent="-171450" algn="l" defTabSz="1039307"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900" noProof="0">
                <a:solidFill>
                  <a:srgbClr val="000000"/>
                </a:solidFill>
                <a:latin typeface="Arial" panose="020B0604020202020204"/>
              </a:rPr>
              <a:t>I</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nvesteringer i digital (og grøn) teknologi er ca. 2% af BNP i EU, mod 5% i USA og Kina.</a:t>
            </a:r>
            <a:endParaRPr lang="da-DK" sz="900" noProof="0">
              <a:solidFill>
                <a:srgbClr val="000000"/>
              </a:solidFill>
              <a:latin typeface="Arial" panose="020B0604020202020204"/>
            </a:endParaRP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err="1">
                <a:ln>
                  <a:noFill/>
                </a:ln>
                <a:solidFill>
                  <a:srgbClr val="000000"/>
                </a:solidFill>
                <a:effectLst/>
                <a:uLnTx/>
                <a:uFillTx/>
                <a:latin typeface="Arial" panose="020B0604020202020204"/>
                <a:ea typeface="+mn-ea"/>
                <a:cs typeface="+mn-cs"/>
              </a:rPr>
              <a:t>Draghi</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rPr>
              <a:t> anbefaler derfor investeringer på op til €750–800 mia. årligt (ca. 5% af BNP i EU) i innovation, digital og grøn teknologi til at lukke innovationsgabet.</a:t>
            </a:r>
          </a:p>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900" b="1" i="0" u="none" strike="noStrike" kern="1200" cap="none" spc="0" normalizeH="0" baseline="0" noProof="0">
              <a:ln>
                <a:noFill/>
              </a:ln>
              <a:solidFill>
                <a:srgbClr val="000000"/>
              </a:solidFill>
              <a:effectLst/>
              <a:highlight>
                <a:srgbClr val="FFFF00"/>
              </a:highlight>
              <a:uLnTx/>
              <a:uFillTx/>
              <a:latin typeface="Arial" panose="020B0604020202020204"/>
              <a:ea typeface="+mn-ea"/>
              <a:cs typeface="+mn-cs"/>
            </a:endParaRPr>
          </a:p>
          <a:p>
            <a:pPr marL="0" marR="0" lvl="0" indent="0" algn="l" defTabSz="1039307" rtl="0" eaLnBrk="1" fontAlgn="auto" latinLnBrk="0" hangingPunct="1">
              <a:lnSpc>
                <a:spcPct val="100000"/>
              </a:lnSpc>
              <a:spcBef>
                <a:spcPts val="0"/>
              </a:spcBef>
              <a:spcAft>
                <a:spcPts val="0"/>
              </a:spcAft>
              <a:buClrTx/>
              <a:buSzTx/>
              <a:buFontTx/>
              <a:buNone/>
              <a:tabLst/>
              <a:defRPr/>
            </a:pPr>
            <a:r>
              <a:rPr lang="da-DK" sz="900" b="1" noProof="0" dirty="0">
                <a:solidFill>
                  <a:srgbClr val="36465A"/>
                </a:solidFill>
              </a:rPr>
              <a:t>Kontekst </a:t>
            </a:r>
            <a:br>
              <a:rPr lang="da-DK" sz="900" noProof="0">
                <a:solidFill>
                  <a:srgbClr val="000000"/>
                </a:solidFill>
                <a:latin typeface="Arial" panose="020B0604020202020204"/>
              </a:rPr>
            </a:br>
            <a:r>
              <a:rPr lang="da-DK" sz="900" noProof="0">
                <a:solidFill>
                  <a:srgbClr val="000000"/>
                </a:solidFill>
                <a:latin typeface="Arial" panose="020B0604020202020204"/>
              </a:rPr>
              <a:t>EU har tidligere forsøgt at styrke cloud- og dataøkosystemer gennem programmer som Digital Europe </a:t>
            </a:r>
            <a:r>
              <a:rPr lang="da-DK" sz="900" noProof="0" err="1">
                <a:solidFill>
                  <a:srgbClr val="000000"/>
                </a:solidFill>
                <a:latin typeface="Arial" panose="020B0604020202020204"/>
              </a:rPr>
              <a:t>Programme</a:t>
            </a:r>
            <a:r>
              <a:rPr lang="da-DK" sz="900" noProof="0">
                <a:solidFill>
                  <a:srgbClr val="000000"/>
                </a:solidFill>
                <a:latin typeface="Arial" panose="020B0604020202020204"/>
              </a:rPr>
              <a:t> (DEP) og IPCEI-CIS, men disse har primært resulteret i forskningsprojekter og </a:t>
            </a:r>
            <a:r>
              <a:rPr lang="da-DK" sz="900" noProof="0" err="1">
                <a:solidFill>
                  <a:srgbClr val="000000"/>
                </a:solidFill>
                <a:latin typeface="Arial" panose="020B0604020202020204"/>
              </a:rPr>
              <a:t>proof</a:t>
            </a:r>
            <a:r>
              <a:rPr lang="da-DK" sz="900" noProof="0">
                <a:solidFill>
                  <a:srgbClr val="000000"/>
                </a:solidFill>
                <a:latin typeface="Arial" panose="020B0604020202020204"/>
              </a:rPr>
              <a:t>-of-</a:t>
            </a:r>
            <a:r>
              <a:rPr lang="da-DK" sz="900" noProof="0" err="1">
                <a:solidFill>
                  <a:srgbClr val="000000"/>
                </a:solidFill>
                <a:latin typeface="Arial" panose="020B0604020202020204"/>
              </a:rPr>
              <a:t>concepts</a:t>
            </a:r>
            <a:r>
              <a:rPr lang="da-DK" sz="900" noProof="0">
                <a:solidFill>
                  <a:srgbClr val="000000"/>
                </a:solidFill>
                <a:latin typeface="Arial" panose="020B0604020202020204"/>
              </a:rPr>
              <a:t> med lav teknologiparathed uden markedsrelevante løsninger. Midlerne blev spredt over mange små projekter, hvilket gav minimal effekt på Europas digitale konkurrenceevne. Gaia-X, lanceret i 2020, har etableret </a:t>
            </a:r>
            <a:r>
              <a:rPr lang="da-DK" sz="900" noProof="0" err="1">
                <a:solidFill>
                  <a:srgbClr val="000000"/>
                </a:solidFill>
                <a:latin typeface="Arial" panose="020B0604020202020204"/>
              </a:rPr>
              <a:t>governance</a:t>
            </a:r>
            <a:r>
              <a:rPr lang="da-DK" sz="900" noProof="0">
                <a:solidFill>
                  <a:srgbClr val="000000"/>
                </a:solidFill>
                <a:latin typeface="Arial" panose="020B0604020202020204"/>
              </a:rPr>
              <a:t>-modeller og </a:t>
            </a:r>
            <a:r>
              <a:rPr lang="da-DK" sz="900" noProof="0" err="1">
                <a:solidFill>
                  <a:srgbClr val="000000"/>
                </a:solidFill>
                <a:latin typeface="Arial" panose="020B0604020202020204"/>
              </a:rPr>
              <a:t>interoperabilitetsstandarder</a:t>
            </a:r>
            <a:r>
              <a:rPr lang="da-DK" sz="900" noProof="0">
                <a:solidFill>
                  <a:srgbClr val="000000"/>
                </a:solidFill>
                <a:latin typeface="Arial" panose="020B0604020202020204"/>
              </a:rPr>
              <a:t>, men mangler skala og kommerciel adoption. </a:t>
            </a:r>
            <a:r>
              <a:rPr lang="da-DK" sz="900" noProof="0" err="1">
                <a:solidFill>
                  <a:srgbClr val="000000"/>
                </a:solidFill>
                <a:latin typeface="Arial" panose="020B0604020202020204"/>
              </a:rPr>
              <a:t>EuroStack</a:t>
            </a:r>
            <a:r>
              <a:rPr lang="da-DK" sz="900" noProof="0">
                <a:solidFill>
                  <a:srgbClr val="000000"/>
                </a:solidFill>
                <a:latin typeface="Arial" panose="020B0604020202020204"/>
              </a:rPr>
              <a:t> bygger videre på disse principper, men tilføjer en værdikædetilgang med betydelig kapitalmobilisering og fysisk infrastruktur for at skabe en reel europæisk suveræn teknologistak.</a:t>
            </a:r>
            <a:endParaRPr kumimoji="0" lang="da-DK" sz="900" b="1"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 name="Rectangle 6">
            <a:extLst>
              <a:ext uri="{FF2B5EF4-FFF2-40B4-BE49-F238E27FC236}">
                <a16:creationId xmlns:a16="http://schemas.microsoft.com/office/drawing/2014/main" id="{FC485AC8-B20F-01C9-E1C9-434C8B209213}"/>
              </a:ext>
              <a:ext uri="{C183D7F6-B498-43B3-948B-1728B52AA6E4}">
                <adec:decorative xmlns:adec="http://schemas.microsoft.com/office/drawing/2017/decorative" val="1"/>
              </a:ext>
            </a:extLst>
          </p:cNvPr>
          <p:cNvSpPr>
            <a:spLocks/>
          </p:cNvSpPr>
          <p:nvPr/>
        </p:nvSpPr>
        <p:spPr>
          <a:xfrm rot="5400000">
            <a:off x="994300"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cxnSp>
        <p:nvCxnSpPr>
          <p:cNvPr id="8" name="Straight Connector 7">
            <a:extLst>
              <a:ext uri="{FF2B5EF4-FFF2-40B4-BE49-F238E27FC236}">
                <a16:creationId xmlns:a16="http://schemas.microsoft.com/office/drawing/2014/main" id="{8757B697-D375-0959-2CEE-772D5DBA56F3}"/>
              </a:ext>
              <a:ext uri="{C183D7F6-B498-43B3-948B-1728B52AA6E4}">
                <adec:decorative xmlns:adec="http://schemas.microsoft.com/office/drawing/2017/decorative" val="1"/>
              </a:ext>
            </a:extLst>
          </p:cNvPr>
          <p:cNvCxnSpPr>
            <a:cxnSpLocks/>
          </p:cNvCxnSpPr>
          <p:nvPr/>
        </p:nvCxnSpPr>
        <p:spPr>
          <a:xfrm>
            <a:off x="652803" y="2069026"/>
            <a:ext cx="2484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59A3FEB-A5E9-16CD-A019-D6E5BDEECC10}"/>
              </a:ext>
              <a:ext uri="{C183D7F6-B498-43B3-948B-1728B52AA6E4}">
                <adec:decorative xmlns:adec="http://schemas.microsoft.com/office/drawing/2017/decorative" val="1"/>
              </a:ext>
            </a:extLst>
          </p:cNvPr>
          <p:cNvCxnSpPr>
            <a:cxnSpLocks/>
          </p:cNvCxnSpPr>
          <p:nvPr/>
        </p:nvCxnSpPr>
        <p:spPr>
          <a:xfrm>
            <a:off x="3464603" y="2069026"/>
            <a:ext cx="2844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B1F0A249-8DBF-8AC5-E54D-06FB3A2B54A7}"/>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Rectangle 65">
            <a:extLst>
              <a:ext uri="{FF2B5EF4-FFF2-40B4-BE49-F238E27FC236}">
                <a16:creationId xmlns:a16="http://schemas.microsoft.com/office/drawing/2014/main" id="{84062C65-A387-6099-AFFB-59F3EEB0DF50}"/>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Freeform 16">
            <a:extLst>
              <a:ext uri="{FF2B5EF4-FFF2-40B4-BE49-F238E27FC236}">
                <a16:creationId xmlns:a16="http://schemas.microsoft.com/office/drawing/2014/main" id="{9F4E0F5C-004E-F45E-04B1-787E971A3AC9}"/>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34">
            <a:extLst>
              <a:ext uri="{FF2B5EF4-FFF2-40B4-BE49-F238E27FC236}">
                <a16:creationId xmlns:a16="http://schemas.microsoft.com/office/drawing/2014/main" id="{B7B8F63E-30F9-4CCC-1312-37B272202F43}"/>
              </a:ext>
              <a:ext uri="{C183D7F6-B498-43B3-948B-1728B52AA6E4}">
                <adec:decorative xmlns:adec="http://schemas.microsoft.com/office/drawing/2017/decorative" val="1"/>
              </a:ext>
            </a:extLst>
          </p:cNvPr>
          <p:cNvSpPr>
            <a:spLocks noEditPoints="1"/>
          </p:cNvSpPr>
          <p:nvPr/>
        </p:nvSpPr>
        <p:spPr bwMode="auto">
          <a:xfrm>
            <a:off x="3489109"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nvGrpSpPr>
          <p:cNvPr id="27" name="Group 26">
            <a:extLst>
              <a:ext uri="{FF2B5EF4-FFF2-40B4-BE49-F238E27FC236}">
                <a16:creationId xmlns:a16="http://schemas.microsoft.com/office/drawing/2014/main" id="{A59B179D-B869-515D-7AD3-2DB1A0E8DBD3}"/>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28" name="Rectangle 27">
              <a:extLst>
                <a:ext uri="{FF2B5EF4-FFF2-40B4-BE49-F238E27FC236}">
                  <a16:creationId xmlns:a16="http://schemas.microsoft.com/office/drawing/2014/main" id="{544CC060-A009-5C6F-73FA-302F5E429C1D}"/>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Rectangle 28">
              <a:extLst>
                <a:ext uri="{FF2B5EF4-FFF2-40B4-BE49-F238E27FC236}">
                  <a16:creationId xmlns:a16="http://schemas.microsoft.com/office/drawing/2014/main" id="{A314A6A3-AF15-9354-491F-2FF7A031B5A0}"/>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err="1">
                  <a:ln>
                    <a:noFill/>
                  </a:ln>
                  <a:solidFill>
                    <a:srgbClr val="FFFFFF"/>
                  </a:solidFill>
                  <a:effectLst/>
                  <a:uLnTx/>
                  <a:uFillTx/>
                  <a:latin typeface="Arial" panose="020B0604020202020204"/>
                  <a:ea typeface="+mn-ea"/>
                  <a:cs typeface="+mn-cs"/>
                </a:rPr>
                <a:t>Casekatalog</a:t>
              </a:r>
              <a:endParaRPr kumimoji="0" lang="da-DK" sz="900" b="1"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62" name="TextBox 10">
            <a:extLst>
              <a:ext uri="{FF2B5EF4-FFF2-40B4-BE49-F238E27FC236}">
                <a16:creationId xmlns:a16="http://schemas.microsoft.com/office/drawing/2014/main" id="{5831EB7D-674A-2A01-B7CC-F6E965309174}"/>
              </a:ext>
            </a:extLst>
          </p:cNvPr>
          <p:cNvSpPr txBox="1">
            <a:spLocks/>
          </p:cNvSpPr>
          <p:nvPr/>
        </p:nvSpPr>
        <p:spPr>
          <a:xfrm>
            <a:off x="6724073" y="1827951"/>
            <a:ext cx="5006751" cy="169277"/>
          </a:xfrm>
          <a:prstGeom prst="rect">
            <a:avLst/>
          </a:prstGeom>
          <a:noFill/>
        </p:spPr>
        <p:txBody>
          <a:bodyPr wrap="square" lIns="0" tIns="0" rIns="0" bIns="0" rtlCol="0" anchor="ctr">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dirty="0">
                <a:ln>
                  <a:noFill/>
                </a:ln>
                <a:solidFill>
                  <a:srgbClr val="024D78"/>
                </a:solidFill>
                <a:effectLst/>
                <a:uLnTx/>
                <a:uFillTx/>
                <a:latin typeface="Arial" panose="020B0604020202020204"/>
                <a:ea typeface="+mn-ea"/>
                <a:cs typeface="+mn-cs"/>
              </a:rPr>
              <a:t>Simplificeret illustration af </a:t>
            </a:r>
            <a:r>
              <a:rPr kumimoji="0" lang="da-DK" sz="1100" b="1" i="0" u="none" strike="noStrike" kern="1200" cap="none" spc="0" normalizeH="0" baseline="0" noProof="0" dirty="0" err="1">
                <a:ln>
                  <a:noFill/>
                </a:ln>
                <a:solidFill>
                  <a:srgbClr val="024D78"/>
                </a:solidFill>
                <a:effectLst/>
                <a:uLnTx/>
                <a:uFillTx/>
                <a:latin typeface="Arial" panose="020B0604020202020204"/>
                <a:ea typeface="+mn-ea"/>
                <a:cs typeface="+mn-cs"/>
              </a:rPr>
              <a:t>EuroStacks</a:t>
            </a:r>
            <a:r>
              <a:rPr kumimoji="0" lang="da-DK" sz="1100" b="1" i="0" u="none" strike="noStrike" kern="1200" cap="none" spc="0" normalizeH="0" baseline="0" noProof="0" dirty="0">
                <a:ln>
                  <a:noFill/>
                </a:ln>
                <a:solidFill>
                  <a:srgbClr val="024D78"/>
                </a:solidFill>
                <a:effectLst/>
                <a:uLnTx/>
                <a:uFillTx/>
                <a:latin typeface="Arial" panose="020B0604020202020204"/>
                <a:ea typeface="+mn-ea"/>
                <a:cs typeface="+mn-cs"/>
              </a:rPr>
              <a:t> tre-</a:t>
            </a:r>
            <a:r>
              <a:rPr kumimoji="0" lang="da-DK" sz="1100" b="1" i="0" u="none" strike="noStrike" kern="1200" cap="none" spc="0" normalizeH="0" baseline="0" noProof="0" dirty="0" err="1">
                <a:ln>
                  <a:noFill/>
                </a:ln>
                <a:solidFill>
                  <a:srgbClr val="024D78"/>
                </a:solidFill>
                <a:effectLst/>
                <a:uLnTx/>
                <a:uFillTx/>
                <a:latin typeface="Arial" panose="020B0604020202020204"/>
                <a:ea typeface="+mn-ea"/>
                <a:cs typeface="+mn-cs"/>
              </a:rPr>
              <a:t>lagsblik</a:t>
            </a:r>
            <a:r>
              <a:rPr kumimoji="0" lang="da-DK" sz="1100" b="1" i="0" u="none" strike="noStrike" kern="1200" cap="none" spc="0" normalizeH="0" baseline="0" noProof="0" dirty="0">
                <a:ln>
                  <a:noFill/>
                </a:ln>
                <a:solidFill>
                  <a:srgbClr val="024D78"/>
                </a:solidFill>
                <a:effectLst/>
                <a:uLnTx/>
                <a:uFillTx/>
                <a:latin typeface="Arial" panose="020B0604020202020204"/>
                <a:ea typeface="+mn-ea"/>
                <a:cs typeface="+mn-cs"/>
              </a:rPr>
              <a:t> på teknologistakken</a:t>
            </a:r>
          </a:p>
        </p:txBody>
      </p:sp>
      <p:sp>
        <p:nvSpPr>
          <p:cNvPr id="6" name="Rectangle 5">
            <a:extLst>
              <a:ext uri="{FF2B5EF4-FFF2-40B4-BE49-F238E27FC236}">
                <a16:creationId xmlns:a16="http://schemas.microsoft.com/office/drawing/2014/main" id="{4CBF349F-9CB7-5764-04C7-FC0D7CDAF13D}"/>
              </a:ext>
              <a:ext uri="{C183D7F6-B498-43B3-948B-1728B52AA6E4}">
                <adec:decorative xmlns:adec="http://schemas.microsoft.com/office/drawing/2017/decorative" val="1"/>
              </a:ext>
            </a:extLst>
          </p:cNvPr>
          <p:cNvSpPr/>
          <p:nvPr/>
        </p:nvSpPr>
        <p:spPr>
          <a:xfrm>
            <a:off x="9338986" y="3513043"/>
            <a:ext cx="2061993" cy="2061993"/>
          </a:xfrm>
          <a:prstGeom prst="rect">
            <a:avLst/>
          </a:prstGeom>
          <a:solidFill>
            <a:srgbClr val="A2B3C9">
              <a:alpha val="60000"/>
            </a:srgbClr>
          </a:solidFill>
          <a:ln>
            <a:noFill/>
          </a:ln>
          <a:effectLst>
            <a:outerShdw blurRad="50800" dist="38100" dir="13500000" algn="br" rotWithShape="0">
              <a:prstClr val="black">
                <a:alpha val="40000"/>
              </a:prstClr>
            </a:outerShdw>
          </a:effectLst>
          <a:scene3d>
            <a:camera prst="isometricTopUp"/>
            <a:lightRig rig="threePt" dir="t"/>
          </a:scene3d>
          <a:sp3d>
            <a:bevelT w="0" h="63500"/>
          </a:sp3d>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7" name="Rectangle 16">
            <a:extLst>
              <a:ext uri="{FF2B5EF4-FFF2-40B4-BE49-F238E27FC236}">
                <a16:creationId xmlns:a16="http://schemas.microsoft.com/office/drawing/2014/main" id="{A0D58386-3167-80E4-020E-8506FD72B049}"/>
              </a:ext>
              <a:ext uri="{C183D7F6-B498-43B3-948B-1728B52AA6E4}">
                <adec:decorative xmlns:adec="http://schemas.microsoft.com/office/drawing/2017/decorative" val="1"/>
              </a:ext>
            </a:extLst>
          </p:cNvPr>
          <p:cNvSpPr/>
          <p:nvPr/>
        </p:nvSpPr>
        <p:spPr>
          <a:xfrm>
            <a:off x="9338986" y="3089803"/>
            <a:ext cx="2061993" cy="2061993"/>
          </a:xfrm>
          <a:prstGeom prst="rect">
            <a:avLst/>
          </a:prstGeom>
          <a:solidFill>
            <a:schemeClr val="tx2">
              <a:lumMod val="50000"/>
              <a:alpha val="80000"/>
            </a:schemeClr>
          </a:solidFill>
          <a:ln>
            <a:noFill/>
          </a:ln>
          <a:effectLst>
            <a:outerShdw blurRad="50800" dist="38100" dir="13500000" algn="br" rotWithShape="0">
              <a:prstClr val="black">
                <a:alpha val="40000"/>
              </a:prstClr>
            </a:outerShdw>
          </a:effectLst>
          <a:scene3d>
            <a:camera prst="isometricTopUp"/>
            <a:lightRig rig="threePt" dir="t"/>
          </a:scene3d>
          <a:sp3d>
            <a:bevelT w="0" h="63500"/>
          </a:sp3d>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8" name="Rectangle 17">
            <a:extLst>
              <a:ext uri="{FF2B5EF4-FFF2-40B4-BE49-F238E27FC236}">
                <a16:creationId xmlns:a16="http://schemas.microsoft.com/office/drawing/2014/main" id="{A8DF3FC0-862F-5F5C-611C-1060373D833D}"/>
              </a:ext>
              <a:ext uri="{C183D7F6-B498-43B3-948B-1728B52AA6E4}">
                <adec:decorative xmlns:adec="http://schemas.microsoft.com/office/drawing/2017/decorative" val="1"/>
              </a:ext>
            </a:extLst>
          </p:cNvPr>
          <p:cNvSpPr/>
          <p:nvPr/>
        </p:nvSpPr>
        <p:spPr>
          <a:xfrm>
            <a:off x="9338986" y="2666563"/>
            <a:ext cx="2061993" cy="2061993"/>
          </a:xfrm>
          <a:prstGeom prst="rect">
            <a:avLst/>
          </a:prstGeom>
          <a:solidFill>
            <a:schemeClr val="accent2"/>
          </a:solidFill>
          <a:ln>
            <a:noFill/>
          </a:ln>
          <a:effectLst>
            <a:outerShdw blurRad="50800" dist="38100" dir="13500000" algn="br" rotWithShape="0">
              <a:prstClr val="black">
                <a:alpha val="40000"/>
              </a:prstClr>
            </a:outerShdw>
          </a:effectLst>
          <a:scene3d>
            <a:camera prst="isometricTopUp"/>
            <a:lightRig rig="threePt" dir="t"/>
          </a:scene3d>
          <a:sp3d prstMaterial="softEdge">
            <a:bevelT w="0" h="63500"/>
          </a:sp3d>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20" name="Straight Connector 19">
            <a:extLst>
              <a:ext uri="{FF2B5EF4-FFF2-40B4-BE49-F238E27FC236}">
                <a16:creationId xmlns:a16="http://schemas.microsoft.com/office/drawing/2014/main" id="{84A66045-0F6C-EF50-B1FC-280641E668C3}"/>
              </a:ext>
              <a:ext uri="{C183D7F6-B498-43B3-948B-1728B52AA6E4}">
                <adec:decorative xmlns:adec="http://schemas.microsoft.com/office/drawing/2017/decorative" val="1"/>
              </a:ext>
            </a:extLst>
          </p:cNvPr>
          <p:cNvCxnSpPr>
            <a:cxnSpLocks/>
          </p:cNvCxnSpPr>
          <p:nvPr/>
        </p:nvCxnSpPr>
        <p:spPr>
          <a:xfrm>
            <a:off x="8681984" y="4143467"/>
            <a:ext cx="245323" cy="0"/>
          </a:xfrm>
          <a:prstGeom prst="line">
            <a:avLst/>
          </a:prstGeom>
          <a:ln w="12700">
            <a:solidFill>
              <a:srgbClr val="024D78"/>
            </a:solidFill>
            <a:prstDash val="dash"/>
            <a:miter lim="800000"/>
            <a:headEnd type="diamond"/>
          </a:ln>
        </p:spPr>
        <p:style>
          <a:lnRef idx="1">
            <a:schemeClr val="accent1"/>
          </a:lnRef>
          <a:fillRef idx="0">
            <a:schemeClr val="accent1"/>
          </a:fillRef>
          <a:effectRef idx="0">
            <a:schemeClr val="accent1"/>
          </a:effectRef>
          <a:fontRef idx="minor">
            <a:schemeClr val="tx1"/>
          </a:fontRef>
        </p:style>
      </p:cxnSp>
      <p:cxnSp>
        <p:nvCxnSpPr>
          <p:cNvPr id="24" name="Connector: Elbow 23">
            <a:extLst>
              <a:ext uri="{FF2B5EF4-FFF2-40B4-BE49-F238E27FC236}">
                <a16:creationId xmlns:a16="http://schemas.microsoft.com/office/drawing/2014/main" id="{B4ED89AF-8EF0-E792-69F6-22E1F15F7F00}"/>
              </a:ext>
              <a:ext uri="{C183D7F6-B498-43B3-948B-1728B52AA6E4}">
                <adec:decorative xmlns:adec="http://schemas.microsoft.com/office/drawing/2017/decorative" val="1"/>
              </a:ext>
            </a:extLst>
          </p:cNvPr>
          <p:cNvCxnSpPr>
            <a:cxnSpLocks/>
          </p:cNvCxnSpPr>
          <p:nvPr/>
        </p:nvCxnSpPr>
        <p:spPr>
          <a:xfrm rot="10800000" flipV="1">
            <a:off x="8681986" y="5431631"/>
            <a:ext cx="1687996" cy="318240"/>
          </a:xfrm>
          <a:prstGeom prst="bentConnector3">
            <a:avLst>
              <a:gd name="adj1" fmla="val -80"/>
            </a:avLst>
          </a:prstGeom>
          <a:ln w="12700">
            <a:solidFill>
              <a:srgbClr val="024D78"/>
            </a:solidFill>
            <a:prstDash val="dash"/>
            <a:headEnd type="none"/>
            <a:tailEnd type="diamond"/>
          </a:ln>
        </p:spPr>
        <p:style>
          <a:lnRef idx="1">
            <a:schemeClr val="accent1"/>
          </a:lnRef>
          <a:fillRef idx="0">
            <a:schemeClr val="accent1"/>
          </a:fillRef>
          <a:effectRef idx="0">
            <a:schemeClr val="accent1"/>
          </a:effectRef>
          <a:fontRef idx="minor">
            <a:schemeClr val="tx1"/>
          </a:fontRef>
        </p:style>
      </p:cxnSp>
      <p:cxnSp>
        <p:nvCxnSpPr>
          <p:cNvPr id="31" name="Connector: Elbow 30">
            <a:extLst>
              <a:ext uri="{FF2B5EF4-FFF2-40B4-BE49-F238E27FC236}">
                <a16:creationId xmlns:a16="http://schemas.microsoft.com/office/drawing/2014/main" id="{CF5327FB-4EDA-D593-56FE-673EAFA02622}"/>
              </a:ext>
              <a:ext uri="{C183D7F6-B498-43B3-948B-1728B52AA6E4}">
                <adec:decorative xmlns:adec="http://schemas.microsoft.com/office/drawing/2017/decorative" val="1"/>
              </a:ext>
            </a:extLst>
          </p:cNvPr>
          <p:cNvCxnSpPr>
            <a:cxnSpLocks/>
          </p:cNvCxnSpPr>
          <p:nvPr/>
        </p:nvCxnSpPr>
        <p:spPr>
          <a:xfrm rot="10800000">
            <a:off x="8681984" y="2203394"/>
            <a:ext cx="1687998" cy="670935"/>
          </a:xfrm>
          <a:prstGeom prst="bentConnector3">
            <a:avLst>
              <a:gd name="adj1" fmla="val -4"/>
            </a:avLst>
          </a:prstGeom>
          <a:ln w="12700" cap="flat">
            <a:solidFill>
              <a:srgbClr val="024D78"/>
            </a:solidFill>
            <a:prstDash val="dash"/>
            <a:miter lim="800000"/>
            <a:headEnd type="none"/>
            <a:tailEnd type="diamond"/>
          </a:ln>
        </p:spPr>
        <p:style>
          <a:lnRef idx="1">
            <a:schemeClr val="accent1"/>
          </a:lnRef>
          <a:fillRef idx="0">
            <a:schemeClr val="accent1"/>
          </a:fillRef>
          <a:effectRef idx="0">
            <a:schemeClr val="accent1"/>
          </a:effectRef>
          <a:fontRef idx="minor">
            <a:schemeClr val="tx1"/>
          </a:fontRef>
        </p:style>
      </p:cxnSp>
      <p:sp>
        <p:nvSpPr>
          <p:cNvPr id="41" name="Rectangle: Rounded Corners 40">
            <a:extLst>
              <a:ext uri="{FF2B5EF4-FFF2-40B4-BE49-F238E27FC236}">
                <a16:creationId xmlns:a16="http://schemas.microsoft.com/office/drawing/2014/main" id="{08E763CA-B492-9A2D-55F4-71B1443C2CFD}"/>
              </a:ext>
            </a:extLst>
          </p:cNvPr>
          <p:cNvSpPr/>
          <p:nvPr/>
        </p:nvSpPr>
        <p:spPr>
          <a:xfrm>
            <a:off x="6763968" y="2069025"/>
            <a:ext cx="1863129" cy="1271107"/>
          </a:xfrm>
          <a:prstGeom prst="roundRect">
            <a:avLst>
              <a:gd name="adj" fmla="val 7723"/>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da-DK" sz="800" b="1" noProof="0" dirty="0" err="1">
                <a:solidFill>
                  <a:srgbClr val="024D78"/>
                </a:solidFill>
              </a:rPr>
              <a:t>Intermediation</a:t>
            </a:r>
            <a:br>
              <a:rPr lang="da-DK" sz="800" noProof="0" dirty="0">
                <a:solidFill>
                  <a:srgbClr val="024D78"/>
                </a:solidFill>
              </a:rPr>
            </a:br>
            <a:r>
              <a:rPr lang="da-DK" sz="800" noProof="0" dirty="0">
                <a:solidFill>
                  <a:srgbClr val="024D78"/>
                </a:solidFill>
              </a:rPr>
              <a:t>Forbinder økosystemets deltagere for at distribuere værdi til dem, der bygger på </a:t>
            </a:r>
            <a:r>
              <a:rPr lang="da-DK" sz="800" noProof="0" dirty="0" err="1">
                <a:solidFill>
                  <a:srgbClr val="024D78"/>
                </a:solidFill>
              </a:rPr>
              <a:t>EuroStack</a:t>
            </a:r>
            <a:r>
              <a:rPr lang="da-DK" sz="800" noProof="0" dirty="0">
                <a:solidFill>
                  <a:srgbClr val="024D78"/>
                </a:solidFill>
              </a:rPr>
              <a:t>. </a:t>
            </a:r>
          </a:p>
          <a:p>
            <a:endParaRPr lang="da-DK" sz="800" noProof="0" dirty="0">
              <a:solidFill>
                <a:srgbClr val="024D78"/>
              </a:solidFill>
            </a:endParaRPr>
          </a:p>
          <a:p>
            <a:r>
              <a:rPr lang="da-DK" sz="800" noProof="0" dirty="0">
                <a:solidFill>
                  <a:srgbClr val="024D78"/>
                </a:solidFill>
              </a:rPr>
              <a:t>(Grøn teknologi, reklame, apps, kommunikation, handel, betalinger/</a:t>
            </a:r>
            <a:r>
              <a:rPr lang="da-DK" sz="800" noProof="0" dirty="0" err="1">
                <a:solidFill>
                  <a:srgbClr val="024D78"/>
                </a:solidFill>
              </a:rPr>
              <a:t>FinTech</a:t>
            </a:r>
            <a:r>
              <a:rPr lang="da-DK" sz="800" noProof="0" dirty="0">
                <a:solidFill>
                  <a:srgbClr val="024D78"/>
                </a:solidFill>
              </a:rPr>
              <a:t>, produktivitet, søgning/sociale medier).</a:t>
            </a:r>
          </a:p>
        </p:txBody>
      </p:sp>
      <p:sp>
        <p:nvSpPr>
          <p:cNvPr id="69" name="Rectangle: Rounded Corners 68">
            <a:extLst>
              <a:ext uri="{FF2B5EF4-FFF2-40B4-BE49-F238E27FC236}">
                <a16:creationId xmlns:a16="http://schemas.microsoft.com/office/drawing/2014/main" id="{BA13396B-3BBB-F697-4C17-CFE2999AA24B}"/>
              </a:ext>
            </a:extLst>
          </p:cNvPr>
          <p:cNvSpPr/>
          <p:nvPr/>
        </p:nvSpPr>
        <p:spPr>
          <a:xfrm>
            <a:off x="6763968" y="3492890"/>
            <a:ext cx="1863129" cy="1271107"/>
          </a:xfrm>
          <a:prstGeom prst="roundRect">
            <a:avLst>
              <a:gd name="adj" fmla="val 7723"/>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da-DK" sz="800" b="1" noProof="0" dirty="0">
                <a:solidFill>
                  <a:srgbClr val="024D78"/>
                </a:solidFill>
              </a:rPr>
              <a:t>Blød/logisk infrastruktur</a:t>
            </a:r>
            <a:br>
              <a:rPr lang="da-DK" sz="800" noProof="0" dirty="0">
                <a:solidFill>
                  <a:srgbClr val="024D78"/>
                </a:solidFill>
              </a:rPr>
            </a:br>
            <a:r>
              <a:rPr lang="da-DK" sz="800" noProof="0" dirty="0">
                <a:solidFill>
                  <a:srgbClr val="024D78"/>
                </a:solidFill>
              </a:rPr>
              <a:t>Software og tjenester der er </a:t>
            </a:r>
            <a:r>
              <a:rPr lang="da-DK" sz="800" noProof="0" dirty="0" err="1">
                <a:solidFill>
                  <a:srgbClr val="024D78"/>
                </a:solidFill>
              </a:rPr>
              <a:t>interoperable</a:t>
            </a:r>
            <a:r>
              <a:rPr lang="da-DK" sz="800" noProof="0" dirty="0">
                <a:solidFill>
                  <a:srgbClr val="024D78"/>
                </a:solidFill>
              </a:rPr>
              <a:t> og genanvendelige til at blive samlet til produkter .</a:t>
            </a:r>
          </a:p>
          <a:p>
            <a:endParaRPr lang="da-DK" sz="800" noProof="0" dirty="0">
              <a:solidFill>
                <a:srgbClr val="024D78"/>
              </a:solidFill>
            </a:endParaRPr>
          </a:p>
          <a:p>
            <a:r>
              <a:rPr lang="da-DK" sz="800" noProof="0" dirty="0">
                <a:solidFill>
                  <a:srgbClr val="024D78"/>
                </a:solidFill>
              </a:rPr>
              <a:t>(Cloud, AI, SW-rammeværker og </a:t>
            </a:r>
            <a:r>
              <a:rPr lang="da-DK" sz="800" noProof="0" dirty="0" err="1">
                <a:solidFill>
                  <a:srgbClr val="024D78"/>
                </a:solidFill>
              </a:rPr>
              <a:t>APIs</a:t>
            </a:r>
            <a:r>
              <a:rPr lang="da-DK" sz="800" noProof="0" dirty="0">
                <a:solidFill>
                  <a:srgbClr val="024D78"/>
                </a:solidFill>
              </a:rPr>
              <a:t>, identitet, browsere, operativsystemer, </a:t>
            </a:r>
            <a:r>
              <a:rPr lang="da-DK" sz="800" noProof="0" dirty="0" err="1">
                <a:solidFill>
                  <a:srgbClr val="024D78"/>
                </a:solidFill>
              </a:rPr>
              <a:t>dataspaces</a:t>
            </a:r>
            <a:r>
              <a:rPr lang="da-DK" sz="800" noProof="0" dirty="0">
                <a:solidFill>
                  <a:srgbClr val="024D78"/>
                </a:solidFill>
              </a:rPr>
              <a:t>).</a:t>
            </a:r>
          </a:p>
        </p:txBody>
      </p:sp>
      <p:sp>
        <p:nvSpPr>
          <p:cNvPr id="68" name="Rectangle: Rounded Corners 67">
            <a:extLst>
              <a:ext uri="{FF2B5EF4-FFF2-40B4-BE49-F238E27FC236}">
                <a16:creationId xmlns:a16="http://schemas.microsoft.com/office/drawing/2014/main" id="{361608ED-61A1-A566-3E4A-3C946891C324}"/>
              </a:ext>
            </a:extLst>
          </p:cNvPr>
          <p:cNvSpPr/>
          <p:nvPr/>
        </p:nvSpPr>
        <p:spPr>
          <a:xfrm>
            <a:off x="6763968" y="4931670"/>
            <a:ext cx="1863129" cy="1271107"/>
          </a:xfrm>
          <a:prstGeom prst="roundRect">
            <a:avLst>
              <a:gd name="adj" fmla="val 7723"/>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da-DK" sz="800" b="1" noProof="0" dirty="0">
                <a:solidFill>
                  <a:srgbClr val="024D78"/>
                </a:solidFill>
              </a:rPr>
              <a:t>Hård/fysisk infrastruktur</a:t>
            </a:r>
            <a:br>
              <a:rPr lang="da-DK" sz="800" noProof="0" dirty="0">
                <a:solidFill>
                  <a:srgbClr val="024D78"/>
                </a:solidFill>
              </a:rPr>
            </a:br>
            <a:r>
              <a:rPr lang="da-DK" sz="800" noProof="0" dirty="0">
                <a:solidFill>
                  <a:srgbClr val="024D78"/>
                </a:solidFill>
              </a:rPr>
              <a:t>Den fysiske kapacitet er fundamentet for </a:t>
            </a:r>
            <a:r>
              <a:rPr lang="da-DK" sz="800" noProof="0" dirty="0" err="1">
                <a:solidFill>
                  <a:srgbClr val="024D78"/>
                </a:solidFill>
              </a:rPr>
              <a:t>EuroStack</a:t>
            </a:r>
            <a:r>
              <a:rPr lang="da-DK" sz="800" noProof="0" dirty="0">
                <a:solidFill>
                  <a:srgbClr val="024D78"/>
                </a:solidFill>
              </a:rPr>
              <a:t>.</a:t>
            </a:r>
          </a:p>
          <a:p>
            <a:endParaRPr lang="da-DK" sz="800" noProof="0" dirty="0">
              <a:solidFill>
                <a:srgbClr val="024D78"/>
              </a:solidFill>
            </a:endParaRPr>
          </a:p>
          <a:p>
            <a:r>
              <a:rPr lang="da-DK" sz="800" noProof="0" dirty="0">
                <a:solidFill>
                  <a:srgbClr val="024D78"/>
                </a:solidFill>
              </a:rPr>
              <a:t>(Chips, high performance </a:t>
            </a:r>
            <a:r>
              <a:rPr lang="da-DK" sz="800" noProof="0" dirty="0" err="1">
                <a:solidFill>
                  <a:srgbClr val="024D78"/>
                </a:solidFill>
              </a:rPr>
              <a:t>computing</a:t>
            </a:r>
            <a:r>
              <a:rPr lang="da-DK" sz="800" noProof="0" dirty="0">
                <a:solidFill>
                  <a:srgbClr val="024D78"/>
                </a:solidFill>
              </a:rPr>
              <a:t> (HPC), forbindelse/netværk, kvanteberegning, datacentre)</a:t>
            </a:r>
          </a:p>
        </p:txBody>
      </p:sp>
      <p:sp>
        <p:nvSpPr>
          <p:cNvPr id="13" name="Content Placeholder 5">
            <a:extLst>
              <a:ext uri="{FF2B5EF4-FFF2-40B4-BE49-F238E27FC236}">
                <a16:creationId xmlns:a16="http://schemas.microsoft.com/office/drawing/2014/main" id="{310ABAB7-C9C9-F033-B5BA-AF9F095DBEB7}"/>
              </a:ext>
            </a:extLst>
          </p:cNvPr>
          <p:cNvSpPr txBox="1">
            <a:spLocks/>
          </p:cNvSpPr>
          <p:nvPr/>
        </p:nvSpPr>
        <p:spPr>
          <a:xfrm>
            <a:off x="546369" y="6465898"/>
            <a:ext cx="11456822" cy="21705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marR="0" lvl="0" indent="-87313"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700" b="0" i="1" u="none" strike="noStrike" kern="1200" cap="none" spc="0" normalizeH="0" noProof="0">
                <a:ln>
                  <a:noFill/>
                </a:ln>
                <a:solidFill>
                  <a:srgbClr val="000000"/>
                </a:solidFill>
                <a:effectLst/>
                <a:uLnTx/>
                <a:uFillTx/>
                <a:latin typeface="Arial" panose="020B0604020202020204"/>
                <a:ea typeface="+mn-ea"/>
                <a:cs typeface="+mn-cs"/>
              </a:rPr>
              <a:t>*</a:t>
            </a:r>
            <a:r>
              <a:rPr kumimoji="0" lang="da-DK" sz="700" b="0" i="1" u="none" strike="noStrike" kern="1200" cap="none" spc="0" normalizeH="0" noProof="0" err="1">
                <a:ln>
                  <a:noFill/>
                </a:ln>
                <a:solidFill>
                  <a:srgbClr val="000000"/>
                </a:solidFill>
                <a:effectLst/>
                <a:uLnTx/>
                <a:uFillTx/>
                <a:latin typeface="Arial" panose="020B0604020202020204"/>
                <a:ea typeface="+mn-ea"/>
                <a:cs typeface="+mn-cs"/>
              </a:rPr>
              <a:t>Kilde:https</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www.bertelsmann-stiftung.de/en/our-projects/reframetech-algorithmen-fuers-gemeinwohl/project-news/eurostack-a-european-alternative-for-digital-sovereignty</a:t>
            </a:r>
          </a:p>
        </p:txBody>
      </p:sp>
    </p:spTree>
    <p:extLst>
      <p:ext uri="{BB962C8B-B14F-4D97-AF65-F5344CB8AC3E}">
        <p14:creationId xmlns:p14="http://schemas.microsoft.com/office/powerpoint/2010/main" val="3618292842"/>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3CE2331-A379-B23B-1672-F99990F420EE}"/>
            </a:ext>
          </a:extLst>
        </p:cNvPr>
        <p:cNvGrpSpPr/>
        <p:nvPr/>
      </p:nvGrpSpPr>
      <p:grpSpPr>
        <a:xfrm>
          <a:off x="0" y="0"/>
          <a:ext cx="0" cy="0"/>
          <a:chOff x="0" y="0"/>
          <a:chExt cx="0" cy="0"/>
        </a:xfrm>
      </p:grpSpPr>
      <p:sp>
        <p:nvSpPr>
          <p:cNvPr id="20" name="Rectangle: Rounded Corners 19">
            <a:extLst>
              <a:ext uri="{FF2B5EF4-FFF2-40B4-BE49-F238E27FC236}">
                <a16:creationId xmlns:a16="http://schemas.microsoft.com/office/drawing/2014/main" id="{C8FAA058-A94C-F7B5-1E84-4FC738660A30}"/>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rgbClr val="36465A"/>
                </a:solidFill>
              </a:rPr>
              <a:t>Case 01 | </a:t>
            </a:r>
            <a:r>
              <a:rPr lang="da-DK" sz="1600" b="1" noProof="0" dirty="0" err="1">
                <a:solidFill>
                  <a:srgbClr val="36465A"/>
                </a:solidFill>
              </a:rPr>
              <a:t>EuroStack</a:t>
            </a:r>
            <a:r>
              <a:rPr lang="da-DK" sz="1600" b="1" noProof="0" dirty="0">
                <a:solidFill>
                  <a:srgbClr val="36465A"/>
                </a:solidFill>
              </a:rPr>
              <a:t>, fælleseuropæisk digital infrastruktur </a:t>
            </a:r>
          </a:p>
        </p:txBody>
      </p:sp>
      <p:pic>
        <p:nvPicPr>
          <p:cNvPr id="4" name="Picture 4">
            <a:extLst>
              <a:ext uri="{FF2B5EF4-FFF2-40B4-BE49-F238E27FC236}">
                <a16:creationId xmlns:a16="http://schemas.microsoft.com/office/drawing/2014/main" id="{493CB18A-A9BA-F452-C283-432021935490}"/>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662407" y="141646"/>
            <a:ext cx="1079081" cy="986084"/>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30FC3B06-7332-3337-27A2-F37B122077E0}"/>
              </a:ext>
            </a:extLst>
          </p:cNvPr>
          <p:cNvSpPr>
            <a:spLocks noGrp="1"/>
          </p:cNvSpPr>
          <p:nvPr>
            <p:ph type="title"/>
          </p:nvPr>
        </p:nvSpPr>
        <p:spPr/>
        <p:txBody>
          <a:bodyPr/>
          <a:lstStyle/>
          <a:p>
            <a:r>
              <a:rPr lang="da-DK" sz="2200" noProof="0" dirty="0"/>
              <a:t>Side 3/3 | </a:t>
            </a:r>
            <a:r>
              <a:rPr lang="da-DK" sz="2200" b="1" noProof="0" dirty="0"/>
              <a:t>Teknologisk og organisatorisk transformation</a:t>
            </a:r>
            <a:endParaRPr lang="da-DK" sz="2200" i="1" noProof="0" dirty="0"/>
          </a:p>
        </p:txBody>
      </p:sp>
      <p:sp>
        <p:nvSpPr>
          <p:cNvPr id="10" name="Rectangle: Rounded Corners 9">
            <a:extLst>
              <a:ext uri="{FF2B5EF4-FFF2-40B4-BE49-F238E27FC236}">
                <a16:creationId xmlns:a16="http://schemas.microsoft.com/office/drawing/2014/main" id="{40490BF2-2CC4-F538-ECC1-6CDEC7A557A9}"/>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a:ln>
                  <a:noFill/>
                </a:ln>
                <a:solidFill>
                  <a:srgbClr val="36465A"/>
                </a:solidFill>
                <a:effectLst/>
                <a:uLnTx/>
                <a:uFillTx/>
                <a:latin typeface="Arial" panose="020B0604020202020204"/>
                <a:ea typeface="+mn-ea"/>
                <a:cs typeface="+mn-cs"/>
              </a:rPr>
              <a:t>Teknologisk transformation</a:t>
            </a:r>
          </a:p>
        </p:txBody>
      </p:sp>
      <p:sp>
        <p:nvSpPr>
          <p:cNvPr id="3" name="Rectangle 2">
            <a:extLst>
              <a:ext uri="{FF2B5EF4-FFF2-40B4-BE49-F238E27FC236}">
                <a16:creationId xmlns:a16="http://schemas.microsoft.com/office/drawing/2014/main" id="{2ED9FBA2-72E4-FCCF-B5BB-284BE0FE888A}"/>
              </a:ext>
            </a:extLst>
          </p:cNvPr>
          <p:cNvSpPr/>
          <p:nvPr/>
        </p:nvSpPr>
        <p:spPr>
          <a:xfrm>
            <a:off x="560498" y="2069025"/>
            <a:ext cx="2954652" cy="424222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defRPr/>
            </a:pPr>
            <a:r>
              <a:rPr lang="da-DK" sz="900" b="1" noProof="0">
                <a:solidFill>
                  <a:srgbClr val="36465A"/>
                </a:solidFill>
                <a:latin typeface="Arial" panose="020B0604020202020204"/>
              </a:rPr>
              <a:t>Teknologisk målbillede</a:t>
            </a:r>
          </a:p>
          <a:p>
            <a:pPr>
              <a:defRPr/>
            </a:pPr>
            <a:r>
              <a:rPr lang="da-DK" sz="900" noProof="0" err="1">
                <a:solidFill>
                  <a:srgbClr val="000000"/>
                </a:solidFill>
                <a:latin typeface="Arial" panose="020B0604020202020204"/>
              </a:rPr>
              <a:t>EuroStack</a:t>
            </a:r>
            <a:r>
              <a:rPr lang="da-DK" sz="900" noProof="0">
                <a:solidFill>
                  <a:srgbClr val="000000"/>
                </a:solidFill>
                <a:latin typeface="Arial" panose="020B0604020202020204"/>
              </a:rPr>
              <a:t> skal skabe en sammenhængende og </a:t>
            </a:r>
            <a:r>
              <a:rPr lang="da-DK" sz="900" noProof="0" err="1">
                <a:solidFill>
                  <a:srgbClr val="000000"/>
                </a:solidFill>
                <a:latin typeface="Arial" panose="020B0604020202020204"/>
              </a:rPr>
              <a:t>interoperabel</a:t>
            </a:r>
            <a:r>
              <a:rPr lang="da-DK" sz="900" noProof="0">
                <a:solidFill>
                  <a:srgbClr val="000000"/>
                </a:solidFill>
                <a:latin typeface="Arial" panose="020B0604020202020204"/>
              </a:rPr>
              <a:t> digital infrastruktur, der styrker Europas suverænitet og konkurrenceevne. </a:t>
            </a:r>
            <a:br>
              <a:rPr lang="da-DK" sz="900" noProof="0">
                <a:solidFill>
                  <a:srgbClr val="000000"/>
                </a:solidFill>
                <a:latin typeface="Arial" panose="020B0604020202020204"/>
              </a:rPr>
            </a:br>
            <a:r>
              <a:rPr lang="da-DK" sz="900" noProof="0">
                <a:solidFill>
                  <a:srgbClr val="000000"/>
                </a:solidFill>
                <a:latin typeface="Arial" panose="020B0604020202020204"/>
              </a:rPr>
              <a:t>Omstillingen bygger på syv lag:</a:t>
            </a:r>
          </a:p>
          <a:p>
            <a:pPr marL="171450" indent="-171450">
              <a:buFont typeface="Arial" panose="020B0604020202020204" pitchFamily="34" charset="0"/>
              <a:buChar char="•"/>
              <a:defRPr/>
            </a:pPr>
            <a:r>
              <a:rPr lang="da-DK" sz="900" b="1" noProof="0">
                <a:solidFill>
                  <a:srgbClr val="000000"/>
                </a:solidFill>
                <a:latin typeface="Arial" panose="020B0604020202020204"/>
              </a:rPr>
              <a:t>Kritiske ressourcer: </a:t>
            </a:r>
            <a:r>
              <a:rPr lang="da-DK" sz="900" noProof="0">
                <a:solidFill>
                  <a:srgbClr val="000000"/>
                </a:solidFill>
                <a:latin typeface="Arial" panose="020B0604020202020204"/>
              </a:rPr>
              <a:t>Sikring af kritiske råmaterialer, grøn energi og vand til køling af datacentre og HPC samt digitale kompetencer til at drive innovation.</a:t>
            </a:r>
          </a:p>
          <a:p>
            <a:pPr marL="171450" indent="-171450">
              <a:buFont typeface="Arial" panose="020B0604020202020204" pitchFamily="34" charset="0"/>
              <a:buChar char="•"/>
              <a:defRPr/>
            </a:pPr>
            <a:r>
              <a:rPr lang="da-DK" sz="900" b="1" noProof="0">
                <a:solidFill>
                  <a:srgbClr val="000000"/>
                </a:solidFill>
                <a:latin typeface="Arial" panose="020B0604020202020204"/>
              </a:rPr>
              <a:t>Chips: </a:t>
            </a:r>
            <a:r>
              <a:rPr lang="da-DK" sz="900" noProof="0">
                <a:solidFill>
                  <a:srgbClr val="000000"/>
                </a:solidFill>
                <a:latin typeface="Arial" panose="020B0604020202020204"/>
              </a:rPr>
              <a:t>Avancerede </a:t>
            </a:r>
            <a:r>
              <a:rPr lang="da-DK" sz="900" noProof="0" err="1">
                <a:solidFill>
                  <a:srgbClr val="000000"/>
                </a:solidFill>
                <a:latin typeface="Arial" panose="020B0604020202020204"/>
              </a:rPr>
              <a:t>semiconductors</a:t>
            </a:r>
            <a:r>
              <a:rPr lang="da-DK" sz="900" noProof="0">
                <a:solidFill>
                  <a:srgbClr val="000000"/>
                </a:solidFill>
                <a:latin typeface="Arial" panose="020B0604020202020204"/>
              </a:rPr>
              <a:t>, </a:t>
            </a:r>
            <a:r>
              <a:rPr lang="da-DK" sz="900" noProof="0" err="1">
                <a:solidFill>
                  <a:srgbClr val="000000"/>
                </a:solidFill>
                <a:latin typeface="Arial" panose="020B0604020202020204"/>
              </a:rPr>
              <a:t>GPU’er</a:t>
            </a:r>
            <a:r>
              <a:rPr lang="da-DK" sz="900" noProof="0">
                <a:solidFill>
                  <a:srgbClr val="000000"/>
                </a:solidFill>
                <a:latin typeface="Arial" panose="020B0604020202020204"/>
              </a:rPr>
              <a:t> og et fokus på åbne arkitekturer (som RISC-V).</a:t>
            </a:r>
          </a:p>
          <a:p>
            <a:pPr marL="171450" indent="-171450">
              <a:buFont typeface="Arial" panose="020B0604020202020204" pitchFamily="34" charset="0"/>
              <a:buChar char="•"/>
              <a:defRPr/>
            </a:pPr>
            <a:r>
              <a:rPr lang="da-DK" sz="900" b="1" noProof="0">
                <a:solidFill>
                  <a:srgbClr val="000000"/>
                </a:solidFill>
                <a:latin typeface="Arial" panose="020B0604020202020204"/>
              </a:rPr>
              <a:t>Netværk: </a:t>
            </a:r>
            <a:r>
              <a:rPr lang="da-DK" sz="900" noProof="0">
                <a:solidFill>
                  <a:srgbClr val="000000"/>
                </a:solidFill>
                <a:latin typeface="Arial" panose="020B0604020202020204"/>
              </a:rPr>
              <a:t>Fiber, underhavskabler, satellitforbindelser, 5G/6G og </a:t>
            </a:r>
            <a:r>
              <a:rPr lang="da-DK" sz="900" noProof="0" err="1">
                <a:solidFill>
                  <a:srgbClr val="000000"/>
                </a:solidFill>
                <a:latin typeface="Arial" panose="020B0604020202020204"/>
              </a:rPr>
              <a:t>virtualiserede</a:t>
            </a:r>
            <a:r>
              <a:rPr lang="da-DK" sz="900" noProof="0">
                <a:solidFill>
                  <a:srgbClr val="000000"/>
                </a:solidFill>
                <a:latin typeface="Arial" panose="020B0604020202020204"/>
              </a:rPr>
              <a:t> netværk med høj sikkerhed.</a:t>
            </a:r>
          </a:p>
          <a:p>
            <a:pPr marL="171450" indent="-171450">
              <a:buFont typeface="Arial" panose="020B0604020202020204" pitchFamily="34" charset="0"/>
              <a:buChar char="•"/>
              <a:defRPr/>
            </a:pPr>
            <a:r>
              <a:rPr lang="da-DK" sz="900" b="1" noProof="0" err="1">
                <a:solidFill>
                  <a:srgbClr val="000000"/>
                </a:solidFill>
                <a:latin typeface="Arial" panose="020B0604020202020204"/>
              </a:rPr>
              <a:t>IoT</a:t>
            </a:r>
            <a:r>
              <a:rPr lang="da-DK" sz="900" b="1" noProof="0">
                <a:solidFill>
                  <a:srgbClr val="000000"/>
                </a:solidFill>
                <a:latin typeface="Arial" panose="020B0604020202020204"/>
              </a:rPr>
              <a:t> og enheder: </a:t>
            </a:r>
            <a:r>
              <a:rPr lang="da-DK" sz="900" noProof="0">
                <a:solidFill>
                  <a:srgbClr val="000000"/>
                </a:solidFill>
                <a:latin typeface="Arial" panose="020B0604020202020204"/>
              </a:rPr>
              <a:t>Smarte, </a:t>
            </a:r>
            <a:r>
              <a:rPr lang="da-DK" sz="900" noProof="0" err="1">
                <a:solidFill>
                  <a:srgbClr val="000000"/>
                </a:solidFill>
                <a:latin typeface="Arial" panose="020B0604020202020204"/>
              </a:rPr>
              <a:t>interoperable</a:t>
            </a:r>
            <a:r>
              <a:rPr lang="da-DK" sz="900" noProof="0">
                <a:solidFill>
                  <a:srgbClr val="000000"/>
                </a:solidFill>
                <a:latin typeface="Arial" panose="020B0604020202020204"/>
              </a:rPr>
              <a:t> enheder og </a:t>
            </a:r>
            <a:r>
              <a:rPr lang="da-DK" sz="900" noProof="0" err="1">
                <a:solidFill>
                  <a:srgbClr val="000000"/>
                </a:solidFill>
                <a:latin typeface="Arial" panose="020B0604020202020204"/>
              </a:rPr>
              <a:t>edge</a:t>
            </a:r>
            <a:r>
              <a:rPr lang="da-DK" sz="900" noProof="0">
                <a:solidFill>
                  <a:srgbClr val="000000"/>
                </a:solidFill>
                <a:latin typeface="Arial" panose="020B0604020202020204"/>
              </a:rPr>
              <a:t> </a:t>
            </a:r>
            <a:r>
              <a:rPr lang="da-DK" sz="900" noProof="0" err="1">
                <a:solidFill>
                  <a:srgbClr val="000000"/>
                </a:solidFill>
                <a:latin typeface="Arial" panose="020B0604020202020204"/>
              </a:rPr>
              <a:t>computing</a:t>
            </a:r>
            <a:r>
              <a:rPr lang="da-DK" sz="900" noProof="0">
                <a:solidFill>
                  <a:srgbClr val="000000"/>
                </a:solidFill>
                <a:latin typeface="Arial" panose="020B0604020202020204"/>
              </a:rPr>
              <a:t> til realtidsdata.</a:t>
            </a:r>
          </a:p>
          <a:p>
            <a:pPr marL="171450" indent="-171450">
              <a:buFont typeface="Arial" panose="020B0604020202020204" pitchFamily="34" charset="0"/>
              <a:buChar char="•"/>
              <a:defRPr/>
            </a:pPr>
            <a:r>
              <a:rPr lang="da-DK" sz="900" b="1" noProof="0">
                <a:solidFill>
                  <a:srgbClr val="000000"/>
                </a:solidFill>
                <a:latin typeface="Arial" panose="020B0604020202020204"/>
              </a:rPr>
              <a:t>Cloud: </a:t>
            </a:r>
            <a:r>
              <a:rPr lang="da-DK" sz="900" noProof="0">
                <a:solidFill>
                  <a:srgbClr val="000000"/>
                </a:solidFill>
                <a:latin typeface="Arial" panose="020B0604020202020204"/>
              </a:rPr>
              <a:t>Decentraliserede GDPR-</a:t>
            </a:r>
            <a:r>
              <a:rPr lang="da-DK" sz="900" noProof="0" err="1">
                <a:solidFill>
                  <a:srgbClr val="000000"/>
                </a:solidFill>
                <a:latin typeface="Arial" panose="020B0604020202020204"/>
              </a:rPr>
              <a:t>compliant</a:t>
            </a:r>
            <a:r>
              <a:rPr lang="da-DK" sz="900" noProof="0">
                <a:solidFill>
                  <a:srgbClr val="000000"/>
                </a:solidFill>
                <a:latin typeface="Arial" panose="020B0604020202020204"/>
              </a:rPr>
              <a:t> cloud-løsninger under europæisk jurisdiktion.</a:t>
            </a:r>
          </a:p>
          <a:p>
            <a:pPr marL="171450" indent="-171450">
              <a:buFont typeface="Arial" panose="020B0604020202020204" pitchFamily="34" charset="0"/>
              <a:buChar char="•"/>
              <a:defRPr/>
            </a:pPr>
            <a:r>
              <a:rPr lang="da-DK" sz="900" b="1" noProof="0">
                <a:solidFill>
                  <a:srgbClr val="000000"/>
                </a:solidFill>
                <a:latin typeface="Arial" panose="020B0604020202020204"/>
              </a:rPr>
              <a:t>Software: </a:t>
            </a:r>
            <a:r>
              <a:rPr lang="da-DK" sz="900" noProof="0">
                <a:solidFill>
                  <a:srgbClr val="000000"/>
                </a:solidFill>
                <a:latin typeface="Arial" panose="020B0604020202020204"/>
              </a:rPr>
              <a:t>Operativsystemer, applikationer og open source-platforme med stærk </a:t>
            </a:r>
            <a:r>
              <a:rPr lang="da-DK" sz="900" noProof="0" err="1">
                <a:solidFill>
                  <a:srgbClr val="000000"/>
                </a:solidFill>
                <a:latin typeface="Arial" panose="020B0604020202020204"/>
              </a:rPr>
              <a:t>cybersikkerhed</a:t>
            </a:r>
            <a:r>
              <a:rPr lang="da-DK" sz="900" noProof="0">
                <a:solidFill>
                  <a:srgbClr val="000000"/>
                </a:solidFill>
                <a:latin typeface="Arial" panose="020B0604020202020204"/>
              </a:rPr>
              <a:t>.</a:t>
            </a:r>
          </a:p>
          <a:p>
            <a:pPr marL="171450" indent="-171450">
              <a:buFont typeface="Arial" panose="020B0604020202020204" pitchFamily="34" charset="0"/>
              <a:buChar char="•"/>
              <a:defRPr/>
            </a:pPr>
            <a:r>
              <a:rPr lang="da-DK" sz="900" b="1" noProof="0">
                <a:solidFill>
                  <a:srgbClr val="000000"/>
                </a:solidFill>
                <a:latin typeface="Arial" panose="020B0604020202020204"/>
              </a:rPr>
              <a:t>Data </a:t>
            </a:r>
            <a:r>
              <a:rPr lang="da-DK" sz="900" b="1" noProof="0" dirty="0">
                <a:solidFill>
                  <a:srgbClr val="000000"/>
                </a:solidFill>
                <a:latin typeface="Arial" panose="020B0604020202020204"/>
              </a:rPr>
              <a:t>og</a:t>
            </a:r>
            <a:r>
              <a:rPr lang="da-DK" sz="900" b="1" noProof="0">
                <a:solidFill>
                  <a:srgbClr val="000000"/>
                </a:solidFill>
                <a:latin typeface="Arial" panose="020B0604020202020204"/>
              </a:rPr>
              <a:t> AI: </a:t>
            </a:r>
            <a:r>
              <a:rPr lang="da-DK" sz="900" noProof="0">
                <a:solidFill>
                  <a:srgbClr val="000000"/>
                </a:solidFill>
                <a:latin typeface="Arial" panose="020B0604020202020204"/>
              </a:rPr>
              <a:t>Europæiske</a:t>
            </a:r>
            <a:r>
              <a:rPr lang="da-DK" sz="900" b="1" noProof="0">
                <a:solidFill>
                  <a:srgbClr val="000000"/>
                </a:solidFill>
                <a:latin typeface="Arial" panose="020B0604020202020204"/>
              </a:rPr>
              <a:t> </a:t>
            </a:r>
            <a:r>
              <a:rPr lang="da-DK" sz="900" noProof="0" err="1">
                <a:solidFill>
                  <a:srgbClr val="000000"/>
                </a:solidFill>
                <a:latin typeface="Arial" panose="020B0604020202020204"/>
              </a:rPr>
              <a:t>dataspaces</a:t>
            </a:r>
            <a:r>
              <a:rPr lang="da-DK" sz="900" noProof="0">
                <a:solidFill>
                  <a:srgbClr val="000000"/>
                </a:solidFill>
                <a:latin typeface="Arial" panose="020B0604020202020204"/>
              </a:rPr>
              <a:t> og AI-modeller med etik og </a:t>
            </a:r>
            <a:r>
              <a:rPr lang="da-DK" sz="900" noProof="0" err="1">
                <a:solidFill>
                  <a:srgbClr val="000000"/>
                </a:solidFill>
                <a:latin typeface="Arial" panose="020B0604020202020204"/>
              </a:rPr>
              <a:t>privacy</a:t>
            </a:r>
            <a:r>
              <a:rPr lang="da-DK" sz="900" noProof="0">
                <a:solidFill>
                  <a:srgbClr val="000000"/>
                </a:solidFill>
                <a:latin typeface="Arial" panose="020B0604020202020204"/>
              </a:rPr>
              <a:t>-by-design som centrale principper.</a:t>
            </a:r>
          </a:p>
          <a:p>
            <a:pPr marL="171450" indent="-171450">
              <a:buFont typeface="Arial" panose="020B0604020202020204" pitchFamily="34" charset="0"/>
              <a:buChar char="•"/>
              <a:defRPr/>
            </a:pPr>
            <a:endParaRPr lang="da-DK" sz="900" noProof="0">
              <a:solidFill>
                <a:srgbClr val="000000"/>
              </a:solidFill>
              <a:latin typeface="Arial" panose="020B0604020202020204"/>
            </a:endParaRPr>
          </a:p>
          <a:p>
            <a:pPr marR="0" lvl="0" indent="0" fontAlgn="auto">
              <a:lnSpc>
                <a:spcPct val="100000"/>
              </a:lnSpc>
              <a:spcBef>
                <a:spcPts val="0"/>
              </a:spcBef>
              <a:spcAft>
                <a:spcPts val="350"/>
              </a:spcAft>
              <a:buClrTx/>
              <a:buSzTx/>
              <a:buFontTx/>
              <a:buNone/>
              <a:tabLst/>
              <a:defRPr/>
            </a:pPr>
            <a:r>
              <a:rPr lang="da-DK" sz="900" b="1" noProof="0">
                <a:solidFill>
                  <a:srgbClr val="36465A"/>
                </a:solidFill>
              </a:rPr>
              <a:t>Udskiftning af teknologier</a:t>
            </a:r>
            <a:br>
              <a:rPr lang="da-DK" sz="900" b="1" noProof="0">
                <a:solidFill>
                  <a:srgbClr val="000000"/>
                </a:solidFill>
              </a:rPr>
            </a:br>
            <a:r>
              <a:rPr lang="da-DK" sz="900" noProof="0" err="1">
                <a:solidFill>
                  <a:srgbClr val="000000"/>
                </a:solidFill>
              </a:rPr>
              <a:t>EuroStack</a:t>
            </a:r>
            <a:r>
              <a:rPr lang="da-DK" sz="900" noProof="0">
                <a:solidFill>
                  <a:srgbClr val="000000"/>
                </a:solidFill>
              </a:rPr>
              <a:t> er stadig i en opbygnings- og mobiliseringsfase, og der er endnu ikke igangsat en egentlig udskiftning af eksisterende teknologier. Fokus ligger først på at etablere den nødvendige infrastruktur og </a:t>
            </a:r>
            <a:r>
              <a:rPr lang="da-DK" sz="900" noProof="0" err="1">
                <a:solidFill>
                  <a:srgbClr val="000000"/>
                </a:solidFill>
              </a:rPr>
              <a:t>governance</a:t>
            </a:r>
            <a:r>
              <a:rPr lang="da-DK" sz="900" noProof="0">
                <a:solidFill>
                  <a:srgbClr val="000000"/>
                </a:solidFill>
              </a:rPr>
              <a:t>, før migrering og udskiftning kan påbegyndes.</a:t>
            </a:r>
          </a:p>
        </p:txBody>
      </p:sp>
      <p:sp>
        <p:nvSpPr>
          <p:cNvPr id="11" name="Rectangle: Rounded Corners 10">
            <a:extLst>
              <a:ext uri="{FF2B5EF4-FFF2-40B4-BE49-F238E27FC236}">
                <a16:creationId xmlns:a16="http://schemas.microsoft.com/office/drawing/2014/main" id="{98C392B1-98FB-5311-1A45-A645192E8B77}"/>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Organisatorisk transformation</a:t>
            </a:r>
          </a:p>
        </p:txBody>
      </p:sp>
      <p:sp>
        <p:nvSpPr>
          <p:cNvPr id="5" name="Rectangle 4">
            <a:extLst>
              <a:ext uri="{FF2B5EF4-FFF2-40B4-BE49-F238E27FC236}">
                <a16:creationId xmlns:a16="http://schemas.microsoft.com/office/drawing/2014/main" id="{81D84F91-26DB-40E9-C991-69FCAA6FFDB6}"/>
              </a:ext>
            </a:extLst>
          </p:cNvPr>
          <p:cNvSpPr/>
          <p:nvPr/>
        </p:nvSpPr>
        <p:spPr>
          <a:xfrm>
            <a:off x="3565418" y="2069025"/>
            <a:ext cx="2985319" cy="424222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a:ln>
                  <a:noFill/>
                </a:ln>
                <a:solidFill>
                  <a:srgbClr val="36465A"/>
                </a:solidFill>
                <a:effectLst/>
                <a:uLnTx/>
                <a:uFillTx/>
                <a:latin typeface="Arial" panose="020B0604020202020204"/>
                <a:ea typeface="+mn-ea"/>
                <a:cs typeface="+mn-cs"/>
                <a:sym typeface="Wingdings" panose="05000000000000000000" pitchFamily="2" charset="2"/>
              </a:rPr>
              <a:t>Projektorganisering</a:t>
            </a: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EuroStack</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 har som mål at blive forankret i et European Digital </a:t>
            </a:r>
            <a:r>
              <a:rPr kumimoji="0" lang="da-DK" sz="900" b="0"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Infrastructure</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 </a:t>
            </a:r>
            <a:r>
              <a:rPr kumimoji="0" lang="da-DK" sz="900" b="0"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Consortium</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 (EDIC)* til hurtigere at kunne skalere. Derudover foreslår </a:t>
            </a:r>
            <a:r>
              <a:rPr kumimoji="0" lang="da-DK" sz="900" b="0"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EuroStack</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 en agil </a:t>
            </a:r>
            <a:r>
              <a:rPr kumimoji="0" lang="da-DK" sz="900" b="0"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governance</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model, der kombinerer strategisk styring med effektiv operationel koordinering og hurtig tilpasning til teknologiske og geopolitiske ændringer.</a:t>
            </a:r>
            <a:b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br>
            <a:r>
              <a:rPr lang="da-DK" sz="900" noProof="0" err="1">
                <a:solidFill>
                  <a:srgbClr val="000000"/>
                </a:solidFill>
                <a:latin typeface="Arial" panose="020B0604020202020204"/>
                <a:sym typeface="Wingdings" panose="05000000000000000000" pitchFamily="2" charset="2"/>
              </a:rPr>
              <a:t>EuroStack</a:t>
            </a:r>
            <a:r>
              <a:rPr lang="da-DK" sz="900" noProof="0">
                <a:solidFill>
                  <a:srgbClr val="000000"/>
                </a:solidFill>
                <a:latin typeface="Arial" panose="020B0604020202020204"/>
                <a:sym typeface="Wingdings" panose="05000000000000000000" pitchFamily="2" charset="2"/>
              </a:rPr>
              <a:t> foreslår følgende struktur:</a:t>
            </a:r>
            <a:endPar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endParaRPr>
          </a:p>
          <a:p>
            <a:pPr marL="171450" marR="0" lvl="0" indent="-171450" algn="l" defTabSz="1039307"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900" b="1"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Steering</a:t>
            </a:r>
            <a:r>
              <a:rPr kumimoji="0" lang="da-DK" sz="900" b="1"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 </a:t>
            </a:r>
            <a:r>
              <a:rPr lang="da-DK" sz="900" b="1" noProof="0" dirty="0" err="1">
                <a:solidFill>
                  <a:srgbClr val="000000"/>
                </a:solidFill>
                <a:latin typeface="Arial" panose="020B0604020202020204"/>
                <a:sym typeface="Wingdings" panose="05000000000000000000" pitchFamily="2" charset="2"/>
              </a:rPr>
              <a:t>c</a:t>
            </a:r>
            <a:r>
              <a:rPr kumimoji="0" lang="da-DK" sz="900" b="1"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ommittee</a:t>
            </a:r>
            <a:r>
              <a:rPr kumimoji="0" lang="da-DK" sz="900" b="1"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 </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Består af repræsentanter fra EU-institutioner, medlemsstater, industri, akademia og civilsamfund. De fastlægger strategisk retning og godkender politikker.</a:t>
            </a:r>
          </a:p>
          <a:p>
            <a:pPr marL="171450" marR="0" lvl="0" indent="-171450" algn="l" defTabSz="1039307"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900" b="1"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Chief ”</a:t>
            </a:r>
            <a:r>
              <a:rPr kumimoji="0" lang="da-DK" sz="900" b="1"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EuroStack</a:t>
            </a:r>
            <a:r>
              <a:rPr kumimoji="0" lang="da-DK" sz="900" b="1"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 officer (CEO): </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Ansvarlig for daglig drift og sikrer, at initiativet følger de strategiske mål.</a:t>
            </a:r>
          </a:p>
          <a:p>
            <a:pPr marL="171450" marR="0" lvl="0" indent="-171450" algn="l" defTabSz="1039307"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900" b="1"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Programme</a:t>
            </a:r>
            <a:r>
              <a:rPr kumimoji="0" lang="da-DK" sz="900" b="1"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 </a:t>
            </a:r>
            <a:r>
              <a:rPr kumimoji="0" lang="da-DK" sz="900" b="1"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office</a:t>
            </a:r>
            <a:r>
              <a:rPr kumimoji="0" lang="da-DK" sz="900" b="1"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 </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Koordinerer implementering, overvåger fremdrift og rapporterer til </a:t>
            </a:r>
            <a:r>
              <a:rPr lang="da-DK" sz="900" noProof="0" dirty="0" err="1">
                <a:solidFill>
                  <a:srgbClr val="000000"/>
                </a:solidFill>
                <a:latin typeface="Arial" panose="020B0604020202020204"/>
                <a:sym typeface="Wingdings" panose="05000000000000000000" pitchFamily="2" charset="2"/>
              </a:rPr>
              <a:t>s</a:t>
            </a:r>
            <a:r>
              <a:rPr kumimoji="0" lang="da-DK" sz="900" b="0"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teering</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 </a:t>
            </a:r>
            <a:r>
              <a:rPr kumimoji="0" lang="da-DK" sz="900" b="0"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committee</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a:t>
            </a:r>
          </a:p>
          <a:p>
            <a:pPr marL="171450" marR="0" lvl="0" indent="-171450" algn="l" defTabSz="1039307"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a-DK" sz="900" b="1"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Lag-specifikke arbejdsgrupper: </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Udvikler tekniske standarder og implementeringsplaner for de enkelte lag i teknologistakken.</a:t>
            </a:r>
            <a:endParaRPr lang="da-DK" sz="900" noProof="0" dirty="0">
              <a:solidFill>
                <a:srgbClr val="000000"/>
              </a:solidFill>
              <a:latin typeface="Arial" panose="020B0604020202020204"/>
              <a:sym typeface="Wingdings" panose="05000000000000000000" pitchFamily="2" charset="2"/>
            </a:endParaRPr>
          </a:p>
          <a:p>
            <a:pPr marR="0" lvl="0" algn="l" defTabSz="1039307" rtl="0" eaLnBrk="1" fontAlgn="auto" latinLnBrk="0" hangingPunct="1">
              <a:lnSpc>
                <a:spcPct val="100000"/>
              </a:lnSpc>
              <a:spcBef>
                <a:spcPts val="0"/>
              </a:spcBef>
              <a:spcAft>
                <a:spcPts val="0"/>
              </a:spcAft>
              <a:buClrTx/>
              <a:buSzTx/>
              <a:tabLst/>
              <a:defRPr/>
            </a:pPr>
            <a:endPar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endParaRPr>
          </a:p>
          <a:p>
            <a:pPr>
              <a:defRPr/>
            </a:pPr>
            <a:r>
              <a:rPr lang="da-DK" sz="900" b="1" noProof="0">
                <a:solidFill>
                  <a:srgbClr val="36465A"/>
                </a:solidFill>
                <a:sym typeface="Wingdings" panose="05000000000000000000" pitchFamily="2" charset="2"/>
              </a:rPr>
              <a:t>Forandringsledelse</a:t>
            </a:r>
          </a:p>
          <a:p>
            <a:pPr lvl="0">
              <a:defRPr/>
            </a:pPr>
            <a:r>
              <a:rPr kumimoji="0" lang="da-DK" sz="900" b="0" i="0" u="none" strike="noStrike" kern="1200" cap="none" spc="0" normalizeH="0" baseline="0" noProof="0" err="1">
                <a:ln>
                  <a:noFill/>
                </a:ln>
                <a:solidFill>
                  <a:srgbClr val="000000"/>
                </a:solidFill>
                <a:effectLst/>
                <a:uLnTx/>
                <a:uFillTx/>
                <a:latin typeface="Arial" panose="020B0604020202020204"/>
                <a:ea typeface="+mn-ea"/>
                <a:cs typeface="+mn-cs"/>
                <a:sym typeface="Wingdings" panose="05000000000000000000" pitchFamily="2" charset="2"/>
              </a:rPr>
              <a:t>EuroStack</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 lægger op til en agil og iterativ tilgang til forandring, inspireret af moderne produktstyringsmetoder. Målet er at sikre inklusion, transparens og fleksibilitet, så</a:t>
            </a:r>
            <a:r>
              <a:rPr lang="da-DK" sz="900" noProof="0">
                <a:solidFill>
                  <a:srgbClr val="000000"/>
                </a:solidFill>
                <a:latin typeface="Arial" panose="020B0604020202020204"/>
                <a:sym typeface="Wingdings" panose="05000000000000000000" pitchFamily="2" charset="2"/>
              </a:rPr>
              <a:t> man </a:t>
            </a:r>
            <a:r>
              <a:rPr kumimoji="0" lang="da-DK" sz="900" b="0"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rPr>
              <a:t>kan reagere hurtigt på nye teknologiske muligheder og geopolitiske udfordringer.</a:t>
            </a:r>
            <a:endParaRPr kumimoji="0" lang="da-DK" sz="900" b="1" i="0" u="none" strike="noStrike" kern="1200" cap="none" spc="0" normalizeH="0" baseline="0" noProof="0">
              <a:ln>
                <a:noFill/>
              </a:ln>
              <a:solidFill>
                <a:srgbClr val="000000"/>
              </a:solidFill>
              <a:effectLst/>
              <a:uLnTx/>
              <a:uFillTx/>
              <a:latin typeface="Arial" panose="020B0604020202020204"/>
              <a:ea typeface="+mn-ea"/>
              <a:cs typeface="+mn-cs"/>
              <a:sym typeface="Wingdings" panose="05000000000000000000" pitchFamily="2" charset="2"/>
            </a:endParaRPr>
          </a:p>
        </p:txBody>
      </p:sp>
      <p:sp>
        <p:nvSpPr>
          <p:cNvPr id="7" name="Rectangle 6">
            <a:extLst>
              <a:ext uri="{FF2B5EF4-FFF2-40B4-BE49-F238E27FC236}">
                <a16:creationId xmlns:a16="http://schemas.microsoft.com/office/drawing/2014/main" id="{83D32BF4-5089-6081-DCB0-4C063264C8F8}"/>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cxnSp>
        <p:nvCxnSpPr>
          <p:cNvPr id="8" name="Straight Connector 7">
            <a:extLst>
              <a:ext uri="{FF2B5EF4-FFF2-40B4-BE49-F238E27FC236}">
                <a16:creationId xmlns:a16="http://schemas.microsoft.com/office/drawing/2014/main" id="{456738B4-AA92-5D63-EE42-EF51838822D7}"/>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808B790E-7A43-DD03-B7CB-9BF13F593C8E}"/>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99D309F8-5F74-998A-13F9-B4ED62DE804B}"/>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Rectangle 65">
            <a:extLst>
              <a:ext uri="{FF2B5EF4-FFF2-40B4-BE49-F238E27FC236}">
                <a16:creationId xmlns:a16="http://schemas.microsoft.com/office/drawing/2014/main" id="{257C9225-C80A-405D-6986-6D36FF91A3F6}"/>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11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Freeform 29">
            <a:extLst>
              <a:ext uri="{FF2B5EF4-FFF2-40B4-BE49-F238E27FC236}">
                <a16:creationId xmlns:a16="http://schemas.microsoft.com/office/drawing/2014/main" id="{6334AA10-DD50-9B43-4740-5BC0D403B68E}"/>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21">
            <a:extLst>
              <a:ext uri="{FF2B5EF4-FFF2-40B4-BE49-F238E27FC236}">
                <a16:creationId xmlns:a16="http://schemas.microsoft.com/office/drawing/2014/main" id="{396E8DCD-813D-CF87-4F5D-7164358335F7}"/>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Rectangle: Rounded Corners 22">
            <a:extLst>
              <a:ext uri="{FF2B5EF4-FFF2-40B4-BE49-F238E27FC236}">
                <a16:creationId xmlns:a16="http://schemas.microsoft.com/office/drawing/2014/main" id="{BAD09BD3-3DA7-7A57-63D5-030C2B9FDF43}"/>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Rectangle: Rounded Corners 77">
            <a:extLst>
              <a:ext uri="{FF2B5EF4-FFF2-40B4-BE49-F238E27FC236}">
                <a16:creationId xmlns:a16="http://schemas.microsoft.com/office/drawing/2014/main" id="{30F9EAD4-1F8C-8CE4-393C-5F0AD0509B23}"/>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6" name="TextBox 105">
            <a:extLst>
              <a:ext uri="{FF2B5EF4-FFF2-40B4-BE49-F238E27FC236}">
                <a16:creationId xmlns:a16="http://schemas.microsoft.com/office/drawing/2014/main" id="{6F91FB42-9004-9DB4-0058-0D2A4E233C82}"/>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Omkostningsdrivere</a:t>
            </a:r>
          </a:p>
        </p:txBody>
      </p:sp>
      <p:sp>
        <p:nvSpPr>
          <p:cNvPr id="176" name="Content Placeholder 5">
            <a:extLst>
              <a:ext uri="{FF2B5EF4-FFF2-40B4-BE49-F238E27FC236}">
                <a16:creationId xmlns:a16="http://schemas.microsoft.com/office/drawing/2014/main" id="{C613D064-C3E4-A6ED-45C8-33FEEEB52FDE}"/>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marR="0" lvl="0" indent="-87313"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700" b="0" i="1" u="none" strike="noStrike" kern="1200" cap="none" spc="0" normalizeH="0" baseline="0" noProof="0" dirty="0">
                <a:ln>
                  <a:noFill/>
                </a:ln>
                <a:solidFill>
                  <a:srgbClr val="000000"/>
                </a:solidFill>
                <a:effectLst/>
                <a:uLnTx/>
                <a:uFillTx/>
                <a:latin typeface="Arial" panose="020B0604020202020204"/>
                <a:ea typeface="+mn-ea"/>
                <a:cs typeface="+mn-cs"/>
              </a:rPr>
              <a:t>Omkostningsniveauer er udtryk for en relativ vurdering på tværs af cases foretaget af PA.</a:t>
            </a:r>
          </a:p>
        </p:txBody>
      </p:sp>
      <p:grpSp>
        <p:nvGrpSpPr>
          <p:cNvPr id="113" name="Group 112" descr="Projektledelse er en stor midlertidig omkostningsdriver">
            <a:extLst>
              <a:ext uri="{FF2B5EF4-FFF2-40B4-BE49-F238E27FC236}">
                <a16:creationId xmlns:a16="http://schemas.microsoft.com/office/drawing/2014/main" id="{23145B1B-A8EA-6E10-A01D-72C8EDD18C5F}"/>
              </a:ext>
              <a:ext uri="{C183D7F6-B498-43B3-948B-1728B52AA6E4}">
                <adec:decorative xmlns:adec="http://schemas.microsoft.com/office/drawing/2017/decorative" val="0"/>
              </a:ext>
            </a:extLst>
          </p:cNvPr>
          <p:cNvGrpSpPr/>
          <p:nvPr/>
        </p:nvGrpSpPr>
        <p:grpSpPr>
          <a:xfrm>
            <a:off x="7290762" y="2788420"/>
            <a:ext cx="1577741" cy="265864"/>
            <a:chOff x="860772" y="4884291"/>
            <a:chExt cx="1487909" cy="250726"/>
          </a:xfrm>
        </p:grpSpPr>
        <p:grpSp>
          <p:nvGrpSpPr>
            <p:cNvPr id="114" name="Group 113">
              <a:extLst>
                <a:ext uri="{FF2B5EF4-FFF2-40B4-BE49-F238E27FC236}">
                  <a16:creationId xmlns:a16="http://schemas.microsoft.com/office/drawing/2014/main" id="{6E94EBAB-8776-E65B-F11A-6D240D007C44}"/>
                </a:ext>
              </a:extLst>
            </p:cNvPr>
            <p:cNvGrpSpPr/>
            <p:nvPr/>
          </p:nvGrpSpPr>
          <p:grpSpPr>
            <a:xfrm>
              <a:off x="860772" y="4884291"/>
              <a:ext cx="1487909" cy="212473"/>
              <a:chOff x="5354949" y="3009711"/>
              <a:chExt cx="1645739" cy="202758"/>
            </a:xfrm>
          </p:grpSpPr>
          <p:grpSp>
            <p:nvGrpSpPr>
              <p:cNvPr id="116" name="Group 115">
                <a:extLst>
                  <a:ext uri="{FF2B5EF4-FFF2-40B4-BE49-F238E27FC236}">
                    <a16:creationId xmlns:a16="http://schemas.microsoft.com/office/drawing/2014/main" id="{7374B776-9281-0545-8C24-163AFE3E7DA4}"/>
                  </a:ext>
                </a:extLst>
              </p:cNvPr>
              <p:cNvGrpSpPr/>
              <p:nvPr/>
            </p:nvGrpSpPr>
            <p:grpSpPr>
              <a:xfrm>
                <a:off x="5458296" y="3153610"/>
                <a:ext cx="1445092" cy="45719"/>
                <a:chOff x="5458296" y="3153610"/>
                <a:chExt cx="1445092" cy="45719"/>
              </a:xfrm>
            </p:grpSpPr>
            <p:cxnSp>
              <p:nvCxnSpPr>
                <p:cNvPr id="120" name="Straight Connector 119">
                  <a:extLst>
                    <a:ext uri="{FF2B5EF4-FFF2-40B4-BE49-F238E27FC236}">
                      <a16:creationId xmlns:a16="http://schemas.microsoft.com/office/drawing/2014/main" id="{CCC6BA6B-CDF1-4E3C-7595-7EB954FEA194}"/>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21" name="Oval 120">
                  <a:extLst>
                    <a:ext uri="{FF2B5EF4-FFF2-40B4-BE49-F238E27FC236}">
                      <a16:creationId xmlns:a16="http://schemas.microsoft.com/office/drawing/2014/main" id="{7F4D5F50-9AEE-60E2-CDEC-6756BBA45CA4}"/>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22" name="Oval 121">
                  <a:extLst>
                    <a:ext uri="{FF2B5EF4-FFF2-40B4-BE49-F238E27FC236}">
                      <a16:creationId xmlns:a16="http://schemas.microsoft.com/office/drawing/2014/main" id="{8A8C79FA-9C2B-D277-D842-857EF3793E43}"/>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17" name="Straight Connector 116">
                <a:extLst>
                  <a:ext uri="{FF2B5EF4-FFF2-40B4-BE49-F238E27FC236}">
                    <a16:creationId xmlns:a16="http://schemas.microsoft.com/office/drawing/2014/main" id="{1349EE25-4FD3-5824-85A9-D2236D4DD18E}"/>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18" name="TextBox 117">
                <a:extLst>
                  <a:ext uri="{FF2B5EF4-FFF2-40B4-BE49-F238E27FC236}">
                    <a16:creationId xmlns:a16="http://schemas.microsoft.com/office/drawing/2014/main" id="{E51A8191-8E9D-D6D4-2374-3822109F42BE}"/>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19" name="TextBox 118">
                <a:extLst>
                  <a:ext uri="{FF2B5EF4-FFF2-40B4-BE49-F238E27FC236}">
                    <a16:creationId xmlns:a16="http://schemas.microsoft.com/office/drawing/2014/main" id="{4CAAEAD7-8DC3-EEC3-C5CA-98C9FDC8652E}"/>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15" name="Oval 114">
              <a:extLst>
                <a:ext uri="{FF2B5EF4-FFF2-40B4-BE49-F238E27FC236}">
                  <a16:creationId xmlns:a16="http://schemas.microsoft.com/office/drawing/2014/main" id="{8EDCA758-0977-C813-C3EB-BB9AC6DE7ABC}"/>
                </a:ext>
              </a:extLst>
            </p:cNvPr>
            <p:cNvSpPr/>
            <p:nvPr/>
          </p:nvSpPr>
          <p:spPr>
            <a:xfrm>
              <a:off x="2169048"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grpSp>
        <p:nvGrpSpPr>
          <p:cNvPr id="126" name="Group 125" descr="Organisatorisk er en mellem midlertidig omkostningsdriver">
            <a:extLst>
              <a:ext uri="{FF2B5EF4-FFF2-40B4-BE49-F238E27FC236}">
                <a16:creationId xmlns:a16="http://schemas.microsoft.com/office/drawing/2014/main" id="{C9CD8AF4-3B27-7AA4-731A-B8EF733123C9}"/>
              </a:ext>
              <a:ext uri="{C183D7F6-B498-43B3-948B-1728B52AA6E4}">
                <adec:decorative xmlns:adec="http://schemas.microsoft.com/office/drawing/2017/decorative" val="0"/>
              </a:ext>
            </a:extLst>
          </p:cNvPr>
          <p:cNvGrpSpPr/>
          <p:nvPr/>
        </p:nvGrpSpPr>
        <p:grpSpPr>
          <a:xfrm>
            <a:off x="7290762" y="3344608"/>
            <a:ext cx="1577741" cy="265864"/>
            <a:chOff x="860772" y="4884291"/>
            <a:chExt cx="1487909" cy="250726"/>
          </a:xfrm>
        </p:grpSpPr>
        <p:grpSp>
          <p:nvGrpSpPr>
            <p:cNvPr id="127" name="Group 126">
              <a:extLst>
                <a:ext uri="{FF2B5EF4-FFF2-40B4-BE49-F238E27FC236}">
                  <a16:creationId xmlns:a16="http://schemas.microsoft.com/office/drawing/2014/main" id="{CB885F1E-F841-1A6A-684B-61F4E72E9229}"/>
                </a:ext>
              </a:extLst>
            </p:cNvPr>
            <p:cNvGrpSpPr/>
            <p:nvPr/>
          </p:nvGrpSpPr>
          <p:grpSpPr>
            <a:xfrm>
              <a:off x="860772" y="4884291"/>
              <a:ext cx="1487909" cy="212473"/>
              <a:chOff x="5354949" y="3009711"/>
              <a:chExt cx="1645739" cy="202758"/>
            </a:xfrm>
          </p:grpSpPr>
          <p:grpSp>
            <p:nvGrpSpPr>
              <p:cNvPr id="129" name="Group 128">
                <a:extLst>
                  <a:ext uri="{FF2B5EF4-FFF2-40B4-BE49-F238E27FC236}">
                    <a16:creationId xmlns:a16="http://schemas.microsoft.com/office/drawing/2014/main" id="{086B0FE4-BB6F-F5EF-F397-A0A8FD33C775}"/>
                  </a:ext>
                </a:extLst>
              </p:cNvPr>
              <p:cNvGrpSpPr/>
              <p:nvPr/>
            </p:nvGrpSpPr>
            <p:grpSpPr>
              <a:xfrm>
                <a:off x="5458296" y="3153610"/>
                <a:ext cx="1445092" cy="45719"/>
                <a:chOff x="5458296" y="3153610"/>
                <a:chExt cx="1445092" cy="45719"/>
              </a:xfrm>
            </p:grpSpPr>
            <p:cxnSp>
              <p:nvCxnSpPr>
                <p:cNvPr id="133" name="Straight Connector 132">
                  <a:extLst>
                    <a:ext uri="{FF2B5EF4-FFF2-40B4-BE49-F238E27FC236}">
                      <a16:creationId xmlns:a16="http://schemas.microsoft.com/office/drawing/2014/main" id="{FD1B22DB-5208-57F4-560E-B5CEBD604B76}"/>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34" name="Oval 133">
                  <a:extLst>
                    <a:ext uri="{FF2B5EF4-FFF2-40B4-BE49-F238E27FC236}">
                      <a16:creationId xmlns:a16="http://schemas.microsoft.com/office/drawing/2014/main" id="{36EBE894-A317-CA24-B0FE-864A6E173ED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35" name="Oval 134">
                  <a:extLst>
                    <a:ext uri="{FF2B5EF4-FFF2-40B4-BE49-F238E27FC236}">
                      <a16:creationId xmlns:a16="http://schemas.microsoft.com/office/drawing/2014/main" id="{435B1F4A-16FA-4D94-F9BC-9D85A639895F}"/>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30" name="Straight Connector 129">
                <a:extLst>
                  <a:ext uri="{FF2B5EF4-FFF2-40B4-BE49-F238E27FC236}">
                    <a16:creationId xmlns:a16="http://schemas.microsoft.com/office/drawing/2014/main" id="{5FEF36F3-DE6E-FD0C-EA45-12A0A261CDF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31" name="TextBox 130">
                <a:extLst>
                  <a:ext uri="{FF2B5EF4-FFF2-40B4-BE49-F238E27FC236}">
                    <a16:creationId xmlns:a16="http://schemas.microsoft.com/office/drawing/2014/main" id="{6E20003D-4CA6-9F85-CE01-0F04B392FC99}"/>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32" name="TextBox 131">
                <a:extLst>
                  <a:ext uri="{FF2B5EF4-FFF2-40B4-BE49-F238E27FC236}">
                    <a16:creationId xmlns:a16="http://schemas.microsoft.com/office/drawing/2014/main" id="{7D6241A0-2D96-701F-8D35-7AEDA81A885A}"/>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28" name="Oval 127">
              <a:extLst>
                <a:ext uri="{FF2B5EF4-FFF2-40B4-BE49-F238E27FC236}">
                  <a16:creationId xmlns:a16="http://schemas.microsoft.com/office/drawing/2014/main" id="{51B3C866-3946-B982-B17E-651E91C57698}"/>
                </a:ext>
              </a:extLst>
            </p:cNvPr>
            <p:cNvSpPr/>
            <p:nvPr/>
          </p:nvSpPr>
          <p:spPr>
            <a:xfrm>
              <a:off x="1539542"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grpSp>
        <p:nvGrpSpPr>
          <p:cNvPr id="166" name="Group 165" descr="Teknisk implementering er en mellem midlertidig omkostningsdriver">
            <a:extLst>
              <a:ext uri="{FF2B5EF4-FFF2-40B4-BE49-F238E27FC236}">
                <a16:creationId xmlns:a16="http://schemas.microsoft.com/office/drawing/2014/main" id="{74F895F1-4E94-F05E-B32D-3D7B8BEA5107}"/>
              </a:ext>
              <a:ext uri="{C183D7F6-B498-43B3-948B-1728B52AA6E4}">
                <adec:decorative xmlns:adec="http://schemas.microsoft.com/office/drawing/2017/decorative" val="0"/>
              </a:ext>
            </a:extLst>
          </p:cNvPr>
          <p:cNvGrpSpPr/>
          <p:nvPr/>
        </p:nvGrpSpPr>
        <p:grpSpPr>
          <a:xfrm>
            <a:off x="7290762" y="3922767"/>
            <a:ext cx="1577740" cy="265864"/>
            <a:chOff x="860772" y="4884291"/>
            <a:chExt cx="1487909" cy="250726"/>
          </a:xfrm>
        </p:grpSpPr>
        <p:grpSp>
          <p:nvGrpSpPr>
            <p:cNvPr id="167" name="Group 166">
              <a:extLst>
                <a:ext uri="{FF2B5EF4-FFF2-40B4-BE49-F238E27FC236}">
                  <a16:creationId xmlns:a16="http://schemas.microsoft.com/office/drawing/2014/main" id="{0AFAA493-66AC-06FE-DE28-8217255D56EC}"/>
                </a:ext>
              </a:extLst>
            </p:cNvPr>
            <p:cNvGrpSpPr/>
            <p:nvPr/>
          </p:nvGrpSpPr>
          <p:grpSpPr>
            <a:xfrm>
              <a:off x="860772" y="4884291"/>
              <a:ext cx="1487909" cy="212473"/>
              <a:chOff x="5354949" y="3009711"/>
              <a:chExt cx="1645739" cy="202758"/>
            </a:xfrm>
          </p:grpSpPr>
          <p:grpSp>
            <p:nvGrpSpPr>
              <p:cNvPr id="169" name="Group 168">
                <a:extLst>
                  <a:ext uri="{FF2B5EF4-FFF2-40B4-BE49-F238E27FC236}">
                    <a16:creationId xmlns:a16="http://schemas.microsoft.com/office/drawing/2014/main" id="{5E0D6C10-1CC8-09EA-1B98-7F0BE3A3E4B1}"/>
                  </a:ext>
                </a:extLst>
              </p:cNvPr>
              <p:cNvGrpSpPr/>
              <p:nvPr/>
            </p:nvGrpSpPr>
            <p:grpSpPr>
              <a:xfrm>
                <a:off x="5458296" y="3153610"/>
                <a:ext cx="1445092" cy="45719"/>
                <a:chOff x="5458296" y="3153610"/>
                <a:chExt cx="1445092" cy="45719"/>
              </a:xfrm>
            </p:grpSpPr>
            <p:cxnSp>
              <p:nvCxnSpPr>
                <p:cNvPr id="173" name="Straight Connector 172">
                  <a:extLst>
                    <a:ext uri="{FF2B5EF4-FFF2-40B4-BE49-F238E27FC236}">
                      <a16:creationId xmlns:a16="http://schemas.microsoft.com/office/drawing/2014/main" id="{57CA16D6-983B-E14A-03B2-7453A89CF2C4}"/>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74" name="Oval 173">
                  <a:extLst>
                    <a:ext uri="{FF2B5EF4-FFF2-40B4-BE49-F238E27FC236}">
                      <a16:creationId xmlns:a16="http://schemas.microsoft.com/office/drawing/2014/main" id="{EF0B7FB4-634B-B3CE-E9CF-2B803A85F0B1}"/>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75" name="Oval 174">
                  <a:extLst>
                    <a:ext uri="{FF2B5EF4-FFF2-40B4-BE49-F238E27FC236}">
                      <a16:creationId xmlns:a16="http://schemas.microsoft.com/office/drawing/2014/main" id="{887AD89A-3DC7-F93D-5C0E-81D2D408C78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70" name="Straight Connector 169">
                <a:extLst>
                  <a:ext uri="{FF2B5EF4-FFF2-40B4-BE49-F238E27FC236}">
                    <a16:creationId xmlns:a16="http://schemas.microsoft.com/office/drawing/2014/main" id="{69D4BD47-F3A8-34A4-076E-CCCD3CF0DF9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1" name="TextBox 170">
                <a:extLst>
                  <a:ext uri="{FF2B5EF4-FFF2-40B4-BE49-F238E27FC236}">
                    <a16:creationId xmlns:a16="http://schemas.microsoft.com/office/drawing/2014/main" id="{3D2808A3-C95A-0348-B122-11309FEE4B26}"/>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72" name="TextBox 171">
                <a:extLst>
                  <a:ext uri="{FF2B5EF4-FFF2-40B4-BE49-F238E27FC236}">
                    <a16:creationId xmlns:a16="http://schemas.microsoft.com/office/drawing/2014/main" id="{047749A1-12E6-74C8-BCBA-527400E90525}"/>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68" name="Oval 167">
              <a:extLst>
                <a:ext uri="{FF2B5EF4-FFF2-40B4-BE49-F238E27FC236}">
                  <a16:creationId xmlns:a16="http://schemas.microsoft.com/office/drawing/2014/main" id="{0A1A4E3D-807A-234A-D118-4C875C559376}"/>
                </a:ext>
              </a:extLst>
            </p:cNvPr>
            <p:cNvSpPr/>
            <p:nvPr/>
          </p:nvSpPr>
          <p:spPr>
            <a:xfrm>
              <a:off x="1551806"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grpSp>
        <p:nvGrpSpPr>
          <p:cNvPr id="136" name="Group 135" descr="Teknologi er en stor driftsomkostning">
            <a:extLst>
              <a:ext uri="{FF2B5EF4-FFF2-40B4-BE49-F238E27FC236}">
                <a16:creationId xmlns:a16="http://schemas.microsoft.com/office/drawing/2014/main" id="{E12D7D39-19B8-DDF0-9E43-03C8FD991B4C}"/>
              </a:ext>
              <a:ext uri="{C183D7F6-B498-43B3-948B-1728B52AA6E4}">
                <adec:decorative xmlns:adec="http://schemas.microsoft.com/office/drawing/2017/decorative" val="0"/>
              </a:ext>
            </a:extLst>
          </p:cNvPr>
          <p:cNvGrpSpPr/>
          <p:nvPr/>
        </p:nvGrpSpPr>
        <p:grpSpPr>
          <a:xfrm>
            <a:off x="7290762" y="4818452"/>
            <a:ext cx="1577741" cy="265864"/>
            <a:chOff x="860772" y="4884291"/>
            <a:chExt cx="1487909" cy="250726"/>
          </a:xfrm>
        </p:grpSpPr>
        <p:grpSp>
          <p:nvGrpSpPr>
            <p:cNvPr id="137" name="Group 136">
              <a:extLst>
                <a:ext uri="{FF2B5EF4-FFF2-40B4-BE49-F238E27FC236}">
                  <a16:creationId xmlns:a16="http://schemas.microsoft.com/office/drawing/2014/main" id="{85DB58EB-9CF5-C9D0-2B42-4E464BA9C8B0}"/>
                </a:ext>
              </a:extLst>
            </p:cNvPr>
            <p:cNvGrpSpPr/>
            <p:nvPr/>
          </p:nvGrpSpPr>
          <p:grpSpPr>
            <a:xfrm>
              <a:off x="860772" y="4884291"/>
              <a:ext cx="1487909" cy="212473"/>
              <a:chOff x="5354949" y="3009711"/>
              <a:chExt cx="1645739" cy="202758"/>
            </a:xfrm>
          </p:grpSpPr>
          <p:grpSp>
            <p:nvGrpSpPr>
              <p:cNvPr id="139" name="Group 138">
                <a:extLst>
                  <a:ext uri="{FF2B5EF4-FFF2-40B4-BE49-F238E27FC236}">
                    <a16:creationId xmlns:a16="http://schemas.microsoft.com/office/drawing/2014/main" id="{8679533D-3A76-83A6-3E33-012D4A1F22A7}"/>
                  </a:ext>
                </a:extLst>
              </p:cNvPr>
              <p:cNvGrpSpPr/>
              <p:nvPr/>
            </p:nvGrpSpPr>
            <p:grpSpPr>
              <a:xfrm>
                <a:off x="5458296" y="3153610"/>
                <a:ext cx="1445092" cy="45719"/>
                <a:chOff x="5458296" y="3153610"/>
                <a:chExt cx="1445092" cy="45719"/>
              </a:xfrm>
            </p:grpSpPr>
            <p:cxnSp>
              <p:nvCxnSpPr>
                <p:cNvPr id="143" name="Straight Connector 142">
                  <a:extLst>
                    <a:ext uri="{FF2B5EF4-FFF2-40B4-BE49-F238E27FC236}">
                      <a16:creationId xmlns:a16="http://schemas.microsoft.com/office/drawing/2014/main" id="{3E2430E1-2BB9-878F-24E4-7C65A3DD69FD}"/>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44" name="Oval 143">
                  <a:extLst>
                    <a:ext uri="{FF2B5EF4-FFF2-40B4-BE49-F238E27FC236}">
                      <a16:creationId xmlns:a16="http://schemas.microsoft.com/office/drawing/2014/main" id="{43BE6D1B-EE95-2377-20A8-98BC5EB59001}"/>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45" name="Oval 144">
                  <a:extLst>
                    <a:ext uri="{FF2B5EF4-FFF2-40B4-BE49-F238E27FC236}">
                      <a16:creationId xmlns:a16="http://schemas.microsoft.com/office/drawing/2014/main" id="{F2EDC808-A766-17FB-93F0-0D9759400AC0}"/>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40" name="Straight Connector 139">
                <a:extLst>
                  <a:ext uri="{FF2B5EF4-FFF2-40B4-BE49-F238E27FC236}">
                    <a16:creationId xmlns:a16="http://schemas.microsoft.com/office/drawing/2014/main" id="{DD4CDAB4-E726-A657-1C1B-4DAD467502C1}"/>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41" name="TextBox 140">
                <a:extLst>
                  <a:ext uri="{FF2B5EF4-FFF2-40B4-BE49-F238E27FC236}">
                    <a16:creationId xmlns:a16="http://schemas.microsoft.com/office/drawing/2014/main" id="{FEB54A41-663C-B7ED-59CF-13F516C062EC}"/>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42" name="TextBox 141">
                <a:extLst>
                  <a:ext uri="{FF2B5EF4-FFF2-40B4-BE49-F238E27FC236}">
                    <a16:creationId xmlns:a16="http://schemas.microsoft.com/office/drawing/2014/main" id="{B9A916DD-B688-BC9A-3F16-0120B2977695}"/>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38" name="Oval 137">
              <a:extLst>
                <a:ext uri="{FF2B5EF4-FFF2-40B4-BE49-F238E27FC236}">
                  <a16:creationId xmlns:a16="http://schemas.microsoft.com/office/drawing/2014/main" id="{93AADA65-E059-39D4-74F5-6418814728A2}"/>
                </a:ext>
              </a:extLst>
            </p:cNvPr>
            <p:cNvSpPr/>
            <p:nvPr/>
          </p:nvSpPr>
          <p:spPr>
            <a:xfrm>
              <a:off x="2167972"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grpSp>
        <p:nvGrpSpPr>
          <p:cNvPr id="146" name="Group 145" descr="Nye kompetencer er en stor driftsomkostning">
            <a:extLst>
              <a:ext uri="{FF2B5EF4-FFF2-40B4-BE49-F238E27FC236}">
                <a16:creationId xmlns:a16="http://schemas.microsoft.com/office/drawing/2014/main" id="{9924EA6C-1627-35DC-1FB0-66DE37BFB989}"/>
              </a:ext>
              <a:ext uri="{C183D7F6-B498-43B3-948B-1728B52AA6E4}">
                <adec:decorative xmlns:adec="http://schemas.microsoft.com/office/drawing/2017/decorative" val="0"/>
              </a:ext>
            </a:extLst>
          </p:cNvPr>
          <p:cNvGrpSpPr/>
          <p:nvPr/>
        </p:nvGrpSpPr>
        <p:grpSpPr>
          <a:xfrm>
            <a:off x="7290762" y="5350882"/>
            <a:ext cx="1577741" cy="265864"/>
            <a:chOff x="860772" y="4884291"/>
            <a:chExt cx="1487909" cy="250726"/>
          </a:xfrm>
        </p:grpSpPr>
        <p:grpSp>
          <p:nvGrpSpPr>
            <p:cNvPr id="147" name="Group 146">
              <a:extLst>
                <a:ext uri="{FF2B5EF4-FFF2-40B4-BE49-F238E27FC236}">
                  <a16:creationId xmlns:a16="http://schemas.microsoft.com/office/drawing/2014/main" id="{E6FB2F1B-CA7D-E401-E068-8787993C1990}"/>
                </a:ext>
              </a:extLst>
            </p:cNvPr>
            <p:cNvGrpSpPr/>
            <p:nvPr/>
          </p:nvGrpSpPr>
          <p:grpSpPr>
            <a:xfrm>
              <a:off x="860772" y="4884291"/>
              <a:ext cx="1487909" cy="212473"/>
              <a:chOff x="5354949" y="3009711"/>
              <a:chExt cx="1645739" cy="202758"/>
            </a:xfrm>
          </p:grpSpPr>
          <p:grpSp>
            <p:nvGrpSpPr>
              <p:cNvPr id="149" name="Group 148">
                <a:extLst>
                  <a:ext uri="{FF2B5EF4-FFF2-40B4-BE49-F238E27FC236}">
                    <a16:creationId xmlns:a16="http://schemas.microsoft.com/office/drawing/2014/main" id="{2FA975DE-DD18-EF8B-B3C1-A108A98180D4}"/>
                  </a:ext>
                </a:extLst>
              </p:cNvPr>
              <p:cNvGrpSpPr/>
              <p:nvPr/>
            </p:nvGrpSpPr>
            <p:grpSpPr>
              <a:xfrm>
                <a:off x="5458296" y="3153610"/>
                <a:ext cx="1445092" cy="45719"/>
                <a:chOff x="5458296" y="3153610"/>
                <a:chExt cx="1445092" cy="45719"/>
              </a:xfrm>
            </p:grpSpPr>
            <p:cxnSp>
              <p:nvCxnSpPr>
                <p:cNvPr id="153" name="Straight Connector 152">
                  <a:extLst>
                    <a:ext uri="{FF2B5EF4-FFF2-40B4-BE49-F238E27FC236}">
                      <a16:creationId xmlns:a16="http://schemas.microsoft.com/office/drawing/2014/main" id="{3F75E401-CCD7-939C-6A87-21D0B7F690F3}"/>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54" name="Oval 153">
                  <a:extLst>
                    <a:ext uri="{FF2B5EF4-FFF2-40B4-BE49-F238E27FC236}">
                      <a16:creationId xmlns:a16="http://schemas.microsoft.com/office/drawing/2014/main" id="{74A06866-CD3A-46EF-392C-EE1C059DD3C2}"/>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55" name="Oval 154">
                  <a:extLst>
                    <a:ext uri="{FF2B5EF4-FFF2-40B4-BE49-F238E27FC236}">
                      <a16:creationId xmlns:a16="http://schemas.microsoft.com/office/drawing/2014/main" id="{6E34B0D0-32D3-2137-4CCE-2ED0E8888035}"/>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50" name="Straight Connector 149">
                <a:extLst>
                  <a:ext uri="{FF2B5EF4-FFF2-40B4-BE49-F238E27FC236}">
                    <a16:creationId xmlns:a16="http://schemas.microsoft.com/office/drawing/2014/main" id="{86DEAD64-C9B2-3488-5F5B-B9B9555F9E19}"/>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51" name="TextBox 150">
                <a:extLst>
                  <a:ext uri="{FF2B5EF4-FFF2-40B4-BE49-F238E27FC236}">
                    <a16:creationId xmlns:a16="http://schemas.microsoft.com/office/drawing/2014/main" id="{42AA329C-3C8B-DCA2-7B9E-EC5256B796BE}"/>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52" name="TextBox 151">
                <a:extLst>
                  <a:ext uri="{FF2B5EF4-FFF2-40B4-BE49-F238E27FC236}">
                    <a16:creationId xmlns:a16="http://schemas.microsoft.com/office/drawing/2014/main" id="{016E9279-9AA5-DD67-2273-9539A1AEE978}"/>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48" name="Oval 147">
              <a:extLst>
                <a:ext uri="{FF2B5EF4-FFF2-40B4-BE49-F238E27FC236}">
                  <a16:creationId xmlns:a16="http://schemas.microsoft.com/office/drawing/2014/main" id="{904D4EDA-BF6B-F88E-D8E1-E7E47F48928C}"/>
                </a:ext>
              </a:extLst>
            </p:cNvPr>
            <p:cNvSpPr/>
            <p:nvPr/>
          </p:nvSpPr>
          <p:spPr>
            <a:xfrm>
              <a:off x="2167972"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grpSp>
        <p:nvGrpSpPr>
          <p:cNvPr id="156" name="Group 155" descr="Drift og support er en stor driftsomkostning">
            <a:extLst>
              <a:ext uri="{FF2B5EF4-FFF2-40B4-BE49-F238E27FC236}">
                <a16:creationId xmlns:a16="http://schemas.microsoft.com/office/drawing/2014/main" id="{65CB9BD2-2436-A571-4FEA-0F24844D60F7}"/>
              </a:ext>
              <a:ext uri="{C183D7F6-B498-43B3-948B-1728B52AA6E4}">
                <adec:decorative xmlns:adec="http://schemas.microsoft.com/office/drawing/2017/decorative" val="0"/>
              </a:ext>
            </a:extLst>
          </p:cNvPr>
          <p:cNvGrpSpPr/>
          <p:nvPr/>
        </p:nvGrpSpPr>
        <p:grpSpPr>
          <a:xfrm>
            <a:off x="7290762" y="5883313"/>
            <a:ext cx="1577741" cy="265864"/>
            <a:chOff x="860772" y="4884291"/>
            <a:chExt cx="1487909" cy="250726"/>
          </a:xfrm>
        </p:grpSpPr>
        <p:grpSp>
          <p:nvGrpSpPr>
            <p:cNvPr id="157" name="Group 156">
              <a:extLst>
                <a:ext uri="{FF2B5EF4-FFF2-40B4-BE49-F238E27FC236}">
                  <a16:creationId xmlns:a16="http://schemas.microsoft.com/office/drawing/2014/main" id="{3EB96C5F-69E0-39E9-9C52-85CED0C3B55F}"/>
                </a:ext>
              </a:extLst>
            </p:cNvPr>
            <p:cNvGrpSpPr/>
            <p:nvPr/>
          </p:nvGrpSpPr>
          <p:grpSpPr>
            <a:xfrm>
              <a:off x="860772" y="4884291"/>
              <a:ext cx="1487909" cy="212473"/>
              <a:chOff x="5354949" y="3009711"/>
              <a:chExt cx="1645739" cy="202758"/>
            </a:xfrm>
          </p:grpSpPr>
          <p:grpSp>
            <p:nvGrpSpPr>
              <p:cNvPr id="159" name="Group 158">
                <a:extLst>
                  <a:ext uri="{FF2B5EF4-FFF2-40B4-BE49-F238E27FC236}">
                    <a16:creationId xmlns:a16="http://schemas.microsoft.com/office/drawing/2014/main" id="{8B2ED86F-5CDA-E42D-3535-730BB6BDC4B2}"/>
                  </a:ext>
                </a:extLst>
              </p:cNvPr>
              <p:cNvGrpSpPr/>
              <p:nvPr/>
            </p:nvGrpSpPr>
            <p:grpSpPr>
              <a:xfrm>
                <a:off x="5458296" y="3153610"/>
                <a:ext cx="1445092" cy="45719"/>
                <a:chOff x="5458296" y="3153610"/>
                <a:chExt cx="1445092" cy="45719"/>
              </a:xfrm>
            </p:grpSpPr>
            <p:cxnSp>
              <p:nvCxnSpPr>
                <p:cNvPr id="163" name="Straight Connector 162">
                  <a:extLst>
                    <a:ext uri="{FF2B5EF4-FFF2-40B4-BE49-F238E27FC236}">
                      <a16:creationId xmlns:a16="http://schemas.microsoft.com/office/drawing/2014/main" id="{468BFFA4-BE3F-9A7C-291B-952B70297729}"/>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64" name="Oval 163">
                  <a:extLst>
                    <a:ext uri="{FF2B5EF4-FFF2-40B4-BE49-F238E27FC236}">
                      <a16:creationId xmlns:a16="http://schemas.microsoft.com/office/drawing/2014/main" id="{03043CE8-3CC6-8DDE-38DA-435B1C70E6C1}"/>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sp>
              <p:nvSpPr>
                <p:cNvPr id="165" name="Oval 164">
                  <a:extLst>
                    <a:ext uri="{FF2B5EF4-FFF2-40B4-BE49-F238E27FC236}">
                      <a16:creationId xmlns:a16="http://schemas.microsoft.com/office/drawing/2014/main" id="{8E59485D-132D-FEF1-313D-6B42D68B2071}"/>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cxnSp>
            <p:nvCxnSpPr>
              <p:cNvPr id="160" name="Straight Connector 159">
                <a:extLst>
                  <a:ext uri="{FF2B5EF4-FFF2-40B4-BE49-F238E27FC236}">
                    <a16:creationId xmlns:a16="http://schemas.microsoft.com/office/drawing/2014/main" id="{6CAEA9BF-A150-39E1-B3AC-878AF65EF2E1}"/>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1" name="TextBox 160">
                <a:extLst>
                  <a:ext uri="{FF2B5EF4-FFF2-40B4-BE49-F238E27FC236}">
                    <a16:creationId xmlns:a16="http://schemas.microsoft.com/office/drawing/2014/main" id="{BEA8F097-1461-3432-6421-5274DEE9201C}"/>
                  </a:ext>
                </a:extLst>
              </p:cNvPr>
              <p:cNvSpPr txBox="1"/>
              <p:nvPr/>
            </p:nvSpPr>
            <p:spPr>
              <a:xfrm>
                <a:off x="5354949" y="3009711"/>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Lille</a:t>
                </a:r>
              </a:p>
            </p:txBody>
          </p:sp>
          <p:sp>
            <p:nvSpPr>
              <p:cNvPr id="162" name="TextBox 161">
                <a:extLst>
                  <a:ext uri="{FF2B5EF4-FFF2-40B4-BE49-F238E27FC236}">
                    <a16:creationId xmlns:a16="http://schemas.microsoft.com/office/drawing/2014/main" id="{78C0657D-3E69-498D-54C8-FBBFC8BB42B5}"/>
                  </a:ext>
                </a:extLst>
              </p:cNvPr>
              <p:cNvSpPr txBox="1"/>
              <p:nvPr/>
            </p:nvSpPr>
            <p:spPr>
              <a:xfrm>
                <a:off x="6748277" y="3009726"/>
                <a:ext cx="252411" cy="88112"/>
              </a:xfrm>
              <a:prstGeom prst="rect">
                <a:avLst/>
              </a:prstGeom>
              <a:noFill/>
            </p:spPr>
            <p:txBody>
              <a:bodyPr wrap="square" lIns="0" tIns="0" rIns="0" bIns="0" rtlCol="0" anchor="ctr">
                <a:spAutoFit/>
              </a:bodyPr>
              <a:lstStyle/>
              <a:p>
                <a:pPr marL="0" marR="0" lvl="0" indent="0" algn="ctr" defTabSz="1039307" rtl="0" eaLnBrk="1" fontAlgn="auto" latinLnBrk="0" hangingPunct="1">
                  <a:lnSpc>
                    <a:spcPct val="100000"/>
                  </a:lnSpc>
                  <a:spcBef>
                    <a:spcPts val="0"/>
                  </a:spcBef>
                  <a:spcAft>
                    <a:spcPts val="0"/>
                  </a:spcAft>
                  <a:buClrTx/>
                  <a:buSzTx/>
                  <a:buFontTx/>
                  <a:buNone/>
                  <a:tabLst/>
                  <a:defRPr/>
                </a:pPr>
                <a:r>
                  <a:rPr kumimoji="0" lang="da-DK" sz="600" b="0" i="0" u="none" strike="noStrike" kern="1200" cap="none" spc="0" normalizeH="0" baseline="0" noProof="0">
                    <a:ln>
                      <a:noFill/>
                    </a:ln>
                    <a:solidFill>
                      <a:srgbClr val="000000"/>
                    </a:solidFill>
                    <a:effectLst/>
                    <a:uLnTx/>
                    <a:uFillTx/>
                    <a:latin typeface="KBH Tekst" panose="00000500000000000000" pitchFamily="2" charset="0"/>
                    <a:ea typeface="+mn-ea"/>
                    <a:cs typeface="+mn-cs"/>
                  </a:rPr>
                  <a:t>Stor</a:t>
                </a:r>
              </a:p>
            </p:txBody>
          </p:sp>
        </p:grpSp>
        <p:sp>
          <p:nvSpPr>
            <p:cNvPr id="158" name="Oval 157">
              <a:extLst>
                <a:ext uri="{FF2B5EF4-FFF2-40B4-BE49-F238E27FC236}">
                  <a16:creationId xmlns:a16="http://schemas.microsoft.com/office/drawing/2014/main" id="{5741F082-9B61-504E-EFB7-CBCE62881B10}"/>
                </a:ext>
              </a:extLst>
            </p:cNvPr>
            <p:cNvSpPr/>
            <p:nvPr/>
          </p:nvSpPr>
          <p:spPr>
            <a:xfrm>
              <a:off x="2167972"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FFFFFF"/>
                </a:solidFill>
                <a:effectLst/>
                <a:uLnTx/>
                <a:uFillTx/>
                <a:latin typeface="KBH Tekst" panose="00000500000000000000" pitchFamily="2" charset="0"/>
                <a:ea typeface="+mn-ea"/>
                <a:cs typeface="+mn-cs"/>
              </a:endParaRPr>
            </a:p>
          </p:txBody>
        </p:sp>
      </p:grpSp>
      <p:sp>
        <p:nvSpPr>
          <p:cNvPr id="25" name="TextBox 24">
            <a:extLst>
              <a:ext uri="{FF2B5EF4-FFF2-40B4-BE49-F238E27FC236}">
                <a16:creationId xmlns:a16="http://schemas.microsoft.com/office/drawing/2014/main" id="{165054E4-4D3A-ADB3-642F-5343252190EA}"/>
              </a:ext>
            </a:extLst>
          </p:cNvPr>
          <p:cNvSpPr txBox="1"/>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1100" b="1" i="0" u="none" strike="noStrike" kern="1200" cap="none" spc="0" normalizeH="0" baseline="0" noProof="0">
                <a:ln>
                  <a:noFill/>
                </a:ln>
                <a:solidFill>
                  <a:srgbClr val="36465A"/>
                </a:solidFill>
                <a:effectLst/>
                <a:uLnTx/>
                <a:uFillTx/>
                <a:latin typeface="Arial" panose="020B0604020202020204"/>
                <a:ea typeface="+mn-ea"/>
                <a:cs typeface="+mn-cs"/>
              </a:rPr>
              <a:t>Nøgletal</a:t>
            </a:r>
          </a:p>
        </p:txBody>
      </p:sp>
      <p:sp>
        <p:nvSpPr>
          <p:cNvPr id="26" name="TextBox 25">
            <a:extLst>
              <a:ext uri="{FF2B5EF4-FFF2-40B4-BE49-F238E27FC236}">
                <a16:creationId xmlns:a16="http://schemas.microsoft.com/office/drawing/2014/main" id="{F0634DDA-DA42-F874-D7C6-A067A6048DA3}"/>
              </a:ext>
            </a:extLst>
          </p:cNvPr>
          <p:cNvSpPr txBox="1"/>
          <p:nvPr/>
        </p:nvSpPr>
        <p:spPr>
          <a:xfrm>
            <a:off x="10330125" y="2033118"/>
            <a:ext cx="1334894" cy="707886"/>
          </a:xfrm>
          <a:prstGeom prst="rect">
            <a:avLst/>
          </a:prstGeom>
          <a:noFill/>
        </p:spPr>
        <p:txBody>
          <a:bodyPr wrap="square">
            <a:spAutoFit/>
          </a:bodyPr>
          <a:lstStyle/>
          <a:p>
            <a:pPr lvl="0">
              <a:defRPr/>
            </a:pPr>
            <a:r>
              <a:rPr lang="da-DK" sz="1600" noProof="0">
                <a:solidFill>
                  <a:srgbClr val="EE2F66"/>
                </a:solidFill>
              </a:rPr>
              <a:t>€</a:t>
            </a:r>
            <a:r>
              <a:rPr kumimoji="0" lang="da-DK" sz="1600" b="0" i="0" u="none" strike="noStrike" kern="1200" cap="none" spc="0" normalizeH="0" baseline="0" noProof="0">
                <a:ln>
                  <a:noFill/>
                </a:ln>
                <a:solidFill>
                  <a:srgbClr val="EE2F66"/>
                </a:solidFill>
                <a:effectLst/>
                <a:uLnTx/>
                <a:uFillTx/>
                <a:latin typeface="Arial" panose="020B0604020202020204"/>
                <a:ea typeface="+mn-ea"/>
                <a:cs typeface="+mn-cs"/>
              </a:rPr>
              <a:t>300 mia.</a:t>
            </a:r>
            <a:r>
              <a:rPr kumimoji="0" lang="da-DK" sz="1000" b="0" i="0" u="none" strike="noStrike" kern="1200" cap="none" spc="0" normalizeH="0" baseline="0" noProof="0">
                <a:ln>
                  <a:noFill/>
                </a:ln>
                <a:solidFill>
                  <a:srgbClr val="2C8027"/>
                </a:solidFill>
                <a:effectLst/>
                <a:highlight>
                  <a:srgbClr val="FFFF00"/>
                </a:highlight>
                <a:uLnTx/>
                <a:uFillTx/>
                <a:latin typeface="Arial" panose="020B0604020202020204"/>
                <a:ea typeface="+mn-ea"/>
                <a:cs typeface="+mn-cs"/>
              </a:rPr>
              <a:t> </a:t>
            </a: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srgbClr val="000000"/>
                </a:solidFill>
                <a:effectLst/>
                <a:uLnTx/>
                <a:uFillTx/>
                <a:latin typeface="Arial" panose="020B0604020202020204"/>
                <a:ea typeface="+mn-ea"/>
                <a:cs typeface="+mn-cs"/>
              </a:rPr>
              <a:t>est</a:t>
            </a:r>
            <a:r>
              <a:rPr lang="da-DK" sz="800" noProof="0">
                <a:solidFill>
                  <a:srgbClr val="000000"/>
                </a:solidFill>
                <a:latin typeface="Arial" panose="020B0604020202020204"/>
              </a:rPr>
              <a:t>imerede investeringer over 10 år.</a:t>
            </a:r>
            <a:endParaRPr kumimoji="0" lang="da-DK" sz="800" b="0" i="0" u="none" strike="noStrike" kern="1200" cap="none" spc="0" normalizeH="0" baseline="0" noProof="0">
              <a:ln>
                <a:noFill/>
              </a:ln>
              <a:solidFill>
                <a:srgbClr val="000000"/>
              </a:solidFill>
              <a:effectLst/>
              <a:uLnTx/>
              <a:uFillTx/>
              <a:latin typeface="Arial" panose="020B0604020202020204"/>
              <a:ea typeface="+mn-ea"/>
              <a:cs typeface="+mn-cs"/>
            </a:endParaRPr>
          </a:p>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TextBox 31">
            <a:extLst>
              <a:ext uri="{FF2B5EF4-FFF2-40B4-BE49-F238E27FC236}">
                <a16:creationId xmlns:a16="http://schemas.microsoft.com/office/drawing/2014/main" id="{2349C58D-8F76-F29F-A150-FF684940B0D9}"/>
              </a:ext>
            </a:extLst>
          </p:cNvPr>
          <p:cNvSpPr txBox="1"/>
          <p:nvPr/>
        </p:nvSpPr>
        <p:spPr>
          <a:xfrm>
            <a:off x="10330125" y="2778772"/>
            <a:ext cx="1334894" cy="707886"/>
          </a:xfrm>
          <a:prstGeom prst="rect">
            <a:avLst/>
          </a:prstGeom>
          <a:noFill/>
        </p:spPr>
        <p:txBody>
          <a:bodyPr wrap="square">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600" noProof="0">
                <a:solidFill>
                  <a:srgbClr val="EE2F66"/>
                </a:solidFill>
                <a:latin typeface="Arial" panose="020B0604020202020204"/>
              </a:rPr>
              <a:t>2</a:t>
            </a:r>
            <a:r>
              <a:rPr kumimoji="0" lang="da-DK" sz="1600" b="0" i="0" u="none" strike="noStrike" kern="1200" cap="none" spc="0" normalizeH="0" baseline="0" noProof="0">
                <a:ln>
                  <a:noFill/>
                </a:ln>
                <a:solidFill>
                  <a:srgbClr val="EE2F66"/>
                </a:solidFill>
                <a:effectLst/>
                <a:uLnTx/>
                <a:uFillTx/>
                <a:latin typeface="Arial" panose="020B0604020202020204"/>
                <a:ea typeface="+mn-ea"/>
                <a:cs typeface="+mn-cs"/>
              </a:rPr>
              <a:t>60+</a:t>
            </a:r>
            <a:endParaRPr kumimoji="0" lang="da-DK" sz="1600" b="0" i="0" u="none" strike="noStrike" kern="1200" cap="none" spc="0" normalizeH="0" baseline="0" noProof="0">
              <a:ln>
                <a:noFill/>
              </a:ln>
              <a:solidFill>
                <a:srgbClr val="2C8027"/>
              </a:solidFill>
              <a:effectLst/>
              <a:uLnTx/>
              <a:uFillTx/>
              <a:latin typeface="Arial" panose="020B0604020202020204"/>
              <a:ea typeface="+mn-ea"/>
              <a:cs typeface="+mn-cs"/>
            </a:endParaRPr>
          </a:p>
          <a:p>
            <a:pPr marL="0" marR="0" lvl="0" indent="0" algn="l" defTabSz="1039307" rtl="0" eaLnBrk="1" fontAlgn="auto" latinLnBrk="0" hangingPunct="1">
              <a:lnSpc>
                <a:spcPct val="100000"/>
              </a:lnSpc>
              <a:spcBef>
                <a:spcPts val="0"/>
              </a:spcBef>
              <a:spcAft>
                <a:spcPts val="0"/>
              </a:spcAft>
              <a:buClrTx/>
              <a:buSzTx/>
              <a:buFontTx/>
              <a:buNone/>
              <a:tabLst/>
              <a:defRPr/>
            </a:pPr>
            <a:r>
              <a:rPr lang="da-DK" sz="800" noProof="0">
                <a:solidFill>
                  <a:srgbClr val="000000"/>
                </a:solidFill>
                <a:latin typeface="Arial" panose="020B0604020202020204"/>
              </a:rPr>
              <a:t>f</a:t>
            </a:r>
            <a:r>
              <a:rPr kumimoji="0" lang="da-DK" sz="800" b="0" i="0" u="none" strike="noStrike" kern="1200" cap="none" spc="0" normalizeH="0" baseline="0" noProof="0">
                <a:ln>
                  <a:noFill/>
                </a:ln>
                <a:solidFill>
                  <a:srgbClr val="000000"/>
                </a:solidFill>
                <a:effectLst/>
                <a:uLnTx/>
                <a:uFillTx/>
                <a:latin typeface="Arial" panose="020B0604020202020204"/>
                <a:ea typeface="+mn-ea"/>
                <a:cs typeface="+mn-cs"/>
              </a:rPr>
              <a:t>orskellige organisationer har tilsluttet sig </a:t>
            </a:r>
            <a:r>
              <a:rPr kumimoji="0" lang="da-DK" sz="800" b="0" i="0" u="none" strike="noStrike" kern="1200" cap="none" spc="0" normalizeH="0" baseline="0" noProof="0" dirty="0" err="1">
                <a:ln>
                  <a:noFill/>
                </a:ln>
                <a:solidFill>
                  <a:srgbClr val="000000"/>
                </a:solidFill>
                <a:effectLst/>
                <a:uLnTx/>
                <a:uFillTx/>
                <a:latin typeface="Arial" panose="020B0604020202020204"/>
                <a:ea typeface="+mn-ea"/>
                <a:cs typeface="+mn-cs"/>
              </a:rPr>
              <a:t>EuroStack</a:t>
            </a:r>
            <a:r>
              <a:rPr kumimoji="0" lang="da-DK" sz="800" b="0" i="0" u="none" strike="noStrike" kern="1200" cap="none" spc="0" normalizeH="0" baseline="0" noProof="0">
                <a:ln>
                  <a:noFill/>
                </a:ln>
                <a:solidFill>
                  <a:srgbClr val="000000"/>
                </a:solidFill>
                <a:effectLst/>
                <a:uLnTx/>
                <a:uFillTx/>
                <a:latin typeface="Arial" panose="020B0604020202020204"/>
                <a:ea typeface="+mn-ea"/>
                <a:cs typeface="+mn-cs"/>
              </a:rPr>
              <a:t>-initiativet.</a:t>
            </a:r>
          </a:p>
        </p:txBody>
      </p:sp>
      <p:sp>
        <p:nvSpPr>
          <p:cNvPr id="33" name="TextBox 32">
            <a:extLst>
              <a:ext uri="{FF2B5EF4-FFF2-40B4-BE49-F238E27FC236}">
                <a16:creationId xmlns:a16="http://schemas.microsoft.com/office/drawing/2014/main" id="{1D255918-87F6-0256-BD1F-7E048E7D00D9}"/>
              </a:ext>
            </a:extLst>
          </p:cNvPr>
          <p:cNvSpPr txBox="1"/>
          <p:nvPr/>
        </p:nvSpPr>
        <p:spPr>
          <a:xfrm>
            <a:off x="10330125" y="3559159"/>
            <a:ext cx="1334894" cy="553998"/>
          </a:xfrm>
          <a:prstGeom prst="rect">
            <a:avLst/>
          </a:prstGeom>
          <a:noFill/>
        </p:spPr>
        <p:txBody>
          <a:bodyPr wrap="square">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400" noProof="0">
                <a:solidFill>
                  <a:srgbClr val="EE2F66"/>
                </a:solidFill>
                <a:latin typeface="Arial" panose="020B0604020202020204"/>
              </a:rPr>
              <a:t>+80</a:t>
            </a:r>
            <a:r>
              <a:rPr kumimoji="0" lang="da-DK" sz="1400" i="0" u="none" strike="noStrike" kern="1200" cap="none" spc="0" normalizeH="0" baseline="0" noProof="0">
                <a:ln>
                  <a:noFill/>
                </a:ln>
                <a:solidFill>
                  <a:srgbClr val="EE2F66"/>
                </a:solidFill>
                <a:effectLst/>
                <a:uLnTx/>
                <a:uFillTx/>
                <a:latin typeface="Arial" panose="020B0604020202020204"/>
                <a:ea typeface="+mn-ea"/>
                <a:cs typeface="+mn-cs"/>
              </a:rPr>
              <a:t>%</a:t>
            </a:r>
            <a:endParaRPr kumimoji="0" lang="da-DK" sz="1400" i="0" u="none" strike="noStrike" kern="1200" cap="none" spc="0" normalizeH="0" baseline="0" noProof="0">
              <a:ln>
                <a:noFill/>
              </a:ln>
              <a:solidFill>
                <a:srgbClr val="2C8027"/>
              </a:solidFill>
              <a:effectLst/>
              <a:uLnTx/>
              <a:uFillTx/>
              <a:latin typeface="Arial" panose="020B0604020202020204"/>
              <a:ea typeface="+mn-ea"/>
              <a:cs typeface="+mn-cs"/>
            </a:endParaRPr>
          </a:p>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srgbClr val="000000"/>
                </a:solidFill>
                <a:effectLst/>
                <a:uLnTx/>
                <a:uFillTx/>
                <a:latin typeface="Arial" panose="020B0604020202020204"/>
                <a:ea typeface="+mn-ea"/>
                <a:cs typeface="+mn-cs"/>
              </a:rPr>
              <a:t>af Europas digitale teknologier er importeret.</a:t>
            </a:r>
          </a:p>
        </p:txBody>
      </p:sp>
      <p:pic>
        <p:nvPicPr>
          <p:cNvPr id="109" name="Graphic 9">
            <a:extLst>
              <a:ext uri="{FF2B5EF4-FFF2-40B4-BE49-F238E27FC236}">
                <a16:creationId xmlns:a16="http://schemas.microsoft.com/office/drawing/2014/main" id="{4DB47922-3077-EDEB-9EBD-ED54BF4DA056}"/>
              </a:ext>
              <a:ext uri="{C183D7F6-B498-43B3-948B-1728B52AA6E4}">
                <adec:decorative xmlns:adec="http://schemas.microsoft.com/office/drawing/2017/decorative" val="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473144" y="4350702"/>
            <a:ext cx="431800" cy="349250"/>
          </a:xfrm>
          <a:prstGeom prst="rect">
            <a:avLst/>
          </a:prstGeom>
        </p:spPr>
      </p:pic>
      <p:grpSp>
        <p:nvGrpSpPr>
          <p:cNvPr id="21" name="Group 20">
            <a:extLst>
              <a:ext uri="{FF2B5EF4-FFF2-40B4-BE49-F238E27FC236}">
                <a16:creationId xmlns:a16="http://schemas.microsoft.com/office/drawing/2014/main" id="{58AF0518-41DC-B92D-2FB2-E13F2D36171D}"/>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34" name="Rectangle 33">
              <a:extLst>
                <a:ext uri="{FF2B5EF4-FFF2-40B4-BE49-F238E27FC236}">
                  <a16:creationId xmlns:a16="http://schemas.microsoft.com/office/drawing/2014/main" id="{17A8E5F9-53B7-D67A-6173-EE9AA28246FD}"/>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Rectangle 76">
              <a:extLst>
                <a:ext uri="{FF2B5EF4-FFF2-40B4-BE49-F238E27FC236}">
                  <a16:creationId xmlns:a16="http://schemas.microsoft.com/office/drawing/2014/main" id="{4D81F9D6-9B20-E14D-9810-C143661B1A8E}"/>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1039307"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err="1">
                  <a:ln>
                    <a:noFill/>
                  </a:ln>
                  <a:solidFill>
                    <a:srgbClr val="FFFFFF"/>
                  </a:solidFill>
                  <a:effectLst/>
                  <a:uLnTx/>
                  <a:uFillTx/>
                  <a:latin typeface="Arial" panose="020B0604020202020204"/>
                  <a:ea typeface="+mn-ea"/>
                  <a:cs typeface="+mn-cs"/>
                </a:rPr>
                <a:t>Casekatalog</a:t>
              </a:r>
              <a:endParaRPr kumimoji="0" lang="da-DK" sz="900" b="1"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07" name="TextBox 106">
            <a:extLst>
              <a:ext uri="{FF2B5EF4-FFF2-40B4-BE49-F238E27FC236}">
                <a16:creationId xmlns:a16="http://schemas.microsoft.com/office/drawing/2014/main" id="{88D6A05F-FD01-2D62-120B-3B6272E516FE}"/>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marL="0" marR="0" lvl="0" indent="0" algn="l" defTabSz="1039307" rtl="0" eaLnBrk="1" fontAlgn="auto" latinLnBrk="0" hangingPunct="1">
              <a:lnSpc>
                <a:spcPct val="150000"/>
              </a:lnSpc>
              <a:spcBef>
                <a:spcPts val="0"/>
              </a:spcBef>
              <a:spcAft>
                <a:spcPts val="0"/>
              </a:spcAft>
              <a:buClrTx/>
              <a:buSzTx/>
              <a:buFontTx/>
              <a:buNone/>
              <a:tabLst/>
              <a:defRPr/>
            </a:pPr>
            <a:r>
              <a:rPr kumimoji="0" lang="da-DK" sz="900" b="1" i="0" u="none" strike="noStrike" kern="1200" cap="none" spc="0" normalizeH="0" baseline="0" noProof="0" dirty="0">
                <a:ln>
                  <a:noFill/>
                </a:ln>
                <a:solidFill>
                  <a:srgbClr val="36465A"/>
                </a:solidFill>
                <a:effectLst/>
                <a:uLnTx/>
                <a:uFillTx/>
                <a:latin typeface="Arial" panose="020B0604020202020204"/>
                <a:ea typeface="+mn-ea"/>
                <a:cs typeface="+mn-cs"/>
              </a:rPr>
              <a:t>Midlertidige omkostninger</a:t>
            </a: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 Projektledelse </a:t>
            </a:r>
          </a:p>
          <a:p>
            <a:pPr marL="0" marR="0" lvl="0" indent="0" algn="l" defTabSz="1039307" rtl="0" eaLnBrk="1" fontAlgn="auto" latinLnBrk="0" hangingPunct="1">
              <a:lnSpc>
                <a:spcPct val="200000"/>
              </a:lnSpc>
              <a:spcBef>
                <a:spcPts val="0"/>
              </a:spcBef>
              <a:spcAft>
                <a:spcPts val="0"/>
              </a:spcAft>
              <a:buClrTx/>
              <a:buSzTx/>
              <a:buFontTx/>
              <a:buNone/>
              <a:tabLst/>
              <a:defRPr/>
            </a:pPr>
            <a:endPar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endParaRP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 Organisatorisk implementering</a:t>
            </a: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 </a:t>
            </a: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rPr>
              <a:t> Teknisk implementering</a:t>
            </a:r>
          </a:p>
          <a:p>
            <a:pPr marL="0" marR="0" lvl="0" indent="0" algn="l" defTabSz="1039307" rtl="0" eaLnBrk="1" fontAlgn="auto" latinLnBrk="0" hangingPunct="1">
              <a:lnSpc>
                <a:spcPct val="150000"/>
              </a:lnSpc>
              <a:spcBef>
                <a:spcPts val="0"/>
              </a:spcBef>
              <a:spcAft>
                <a:spcPts val="0"/>
              </a:spcAft>
              <a:buClrTx/>
              <a:buSzTx/>
              <a:buFontTx/>
              <a:buNone/>
              <a:tabLst/>
              <a:defRPr/>
            </a:pPr>
            <a:endParaRPr kumimoji="0" lang="da-DK" sz="900" b="0" i="0" u="none" strike="noStrike" kern="1200" cap="none" spc="0" normalizeH="0" baseline="0" noProof="0" dirty="0">
              <a:ln>
                <a:noFill/>
              </a:ln>
              <a:solidFill>
                <a:srgbClr val="000000"/>
              </a:solidFill>
              <a:effectLst/>
              <a:uLnTx/>
              <a:uFillTx/>
              <a:latin typeface="Arial" panose="020B0604020202020204"/>
              <a:ea typeface="+mn-ea"/>
              <a:cs typeface="+mn-cs"/>
            </a:endParaRPr>
          </a:p>
          <a:p>
            <a:pPr marL="0" marR="0" lvl="0" indent="0" algn="l" defTabSz="1039307" rtl="0" eaLnBrk="1" fontAlgn="auto" latinLnBrk="0" hangingPunct="1">
              <a:lnSpc>
                <a:spcPct val="150000"/>
              </a:lnSpc>
              <a:spcBef>
                <a:spcPts val="0"/>
              </a:spcBef>
              <a:spcAft>
                <a:spcPts val="0"/>
              </a:spcAft>
              <a:buClrTx/>
              <a:buSzTx/>
              <a:buFontTx/>
              <a:buNone/>
              <a:tabLst/>
              <a:defRPr/>
            </a:pPr>
            <a:endParaRPr kumimoji="0" lang="da-DK" sz="900" b="1" i="0" u="none" strike="noStrike" kern="1200" cap="none" spc="0" normalizeH="0" baseline="0" noProof="0" dirty="0">
              <a:ln>
                <a:noFill/>
              </a:ln>
              <a:solidFill>
                <a:srgbClr val="36465A"/>
              </a:solidFill>
              <a:effectLst/>
              <a:uLnTx/>
              <a:uFillTx/>
              <a:latin typeface="Arial" panose="020B0604020202020204"/>
              <a:ea typeface="+mn-ea"/>
              <a:cs typeface="+mn-cs"/>
            </a:endParaRPr>
          </a:p>
          <a:p>
            <a:pPr marL="0" marR="0" lvl="0" indent="0" algn="l" defTabSz="1039307" rtl="0" eaLnBrk="1" fontAlgn="auto" latinLnBrk="0" hangingPunct="1">
              <a:lnSpc>
                <a:spcPct val="150000"/>
              </a:lnSpc>
              <a:spcBef>
                <a:spcPts val="0"/>
              </a:spcBef>
              <a:spcAft>
                <a:spcPts val="0"/>
              </a:spcAft>
              <a:buClrTx/>
              <a:buSzTx/>
              <a:buFontTx/>
              <a:buNone/>
              <a:tabLst/>
              <a:defRPr/>
            </a:pPr>
            <a:r>
              <a:rPr kumimoji="0" lang="da-DK" sz="900" b="1" i="0" u="none" strike="noStrike" kern="1200" cap="none" spc="0" normalizeH="0" baseline="0" noProof="0" dirty="0">
                <a:ln>
                  <a:noFill/>
                </a:ln>
                <a:solidFill>
                  <a:srgbClr val="36465A"/>
                </a:solidFill>
                <a:effectLst/>
                <a:uLnTx/>
                <a:uFillTx/>
                <a:latin typeface="Arial" panose="020B0604020202020204"/>
                <a:ea typeface="+mn-ea"/>
                <a:cs typeface="+mn-cs"/>
              </a:rPr>
              <a:t>Driftsomkostninger</a:t>
            </a: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dirty="0">
                <a:ln>
                  <a:noFill/>
                </a:ln>
                <a:solidFill>
                  <a:srgbClr val="64778A">
                    <a:lumMod val="50000"/>
                  </a:srgbClr>
                </a:solidFill>
                <a:effectLst/>
                <a:uLnTx/>
                <a:uFillTx/>
                <a:latin typeface="Arial" panose="020B0604020202020204"/>
                <a:ea typeface="+mn-ea"/>
                <a:cs typeface="+mn-cs"/>
              </a:rPr>
              <a:t> Teknologi</a:t>
            </a:r>
          </a:p>
          <a:p>
            <a:pPr marL="0" marR="0" lvl="0" indent="0" algn="l" defTabSz="1039307" rtl="0" eaLnBrk="1" fontAlgn="auto" latinLnBrk="0" hangingPunct="1">
              <a:lnSpc>
                <a:spcPct val="200000"/>
              </a:lnSpc>
              <a:spcBef>
                <a:spcPts val="0"/>
              </a:spcBef>
              <a:spcAft>
                <a:spcPts val="0"/>
              </a:spcAft>
              <a:buClrTx/>
              <a:buSzTx/>
              <a:buFontTx/>
              <a:buNone/>
              <a:tabLst/>
              <a:defRPr/>
            </a:pPr>
            <a:endParaRPr kumimoji="0" lang="da-DK" sz="900" b="0" i="0" u="none" strike="noStrike" kern="1200" cap="none" spc="0" normalizeH="0" baseline="0" noProof="0" dirty="0">
              <a:ln>
                <a:noFill/>
              </a:ln>
              <a:solidFill>
                <a:srgbClr val="64778A">
                  <a:lumMod val="50000"/>
                </a:srgbClr>
              </a:solidFill>
              <a:effectLst/>
              <a:uLnTx/>
              <a:uFillTx/>
              <a:latin typeface="Arial" panose="020B0604020202020204"/>
              <a:ea typeface="+mn-ea"/>
              <a:cs typeface="+mn-cs"/>
            </a:endParaRP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dirty="0">
                <a:ln>
                  <a:noFill/>
                </a:ln>
                <a:solidFill>
                  <a:srgbClr val="64778A">
                    <a:lumMod val="50000"/>
                  </a:srgbClr>
                </a:solidFill>
                <a:effectLst/>
                <a:uLnTx/>
                <a:uFillTx/>
                <a:latin typeface="Arial" panose="020B0604020202020204"/>
                <a:ea typeface="+mn-ea"/>
                <a:cs typeface="+mn-cs"/>
              </a:rPr>
              <a:t> Nye kompetencer </a:t>
            </a:r>
          </a:p>
          <a:p>
            <a:pPr marL="0" marR="0" lvl="0" indent="0" algn="l" defTabSz="1039307" rtl="0" eaLnBrk="1" fontAlgn="auto" latinLnBrk="0" hangingPunct="1">
              <a:lnSpc>
                <a:spcPct val="200000"/>
              </a:lnSpc>
              <a:spcBef>
                <a:spcPts val="0"/>
              </a:spcBef>
              <a:spcAft>
                <a:spcPts val="0"/>
              </a:spcAft>
              <a:buClrTx/>
              <a:buSzTx/>
              <a:buFontTx/>
              <a:buNone/>
              <a:tabLst/>
              <a:defRPr/>
            </a:pPr>
            <a:endParaRPr kumimoji="0" lang="da-DK" sz="900" b="0" i="0" u="none" strike="noStrike" kern="1200" cap="none" spc="0" normalizeH="0" baseline="0" noProof="0" dirty="0">
              <a:ln>
                <a:noFill/>
              </a:ln>
              <a:solidFill>
                <a:srgbClr val="64778A">
                  <a:lumMod val="50000"/>
                </a:srgbClr>
              </a:solidFill>
              <a:effectLst/>
              <a:uLnTx/>
              <a:uFillTx/>
              <a:latin typeface="Arial" panose="020B0604020202020204"/>
              <a:ea typeface="+mn-ea"/>
              <a:cs typeface="+mn-cs"/>
            </a:endParaRPr>
          </a:p>
          <a:p>
            <a:pPr marL="0" marR="0" lvl="0" indent="0" algn="l" defTabSz="1039307" rtl="0" eaLnBrk="1" fontAlgn="auto" latinLnBrk="0" hangingPunct="1">
              <a:lnSpc>
                <a:spcPct val="200000"/>
              </a:lnSpc>
              <a:spcBef>
                <a:spcPts val="0"/>
              </a:spcBef>
              <a:spcAft>
                <a:spcPts val="0"/>
              </a:spcAft>
              <a:buClrTx/>
              <a:buSzTx/>
              <a:buFontTx/>
              <a:buNone/>
              <a:tabLst/>
              <a:defRPr/>
            </a:pPr>
            <a:r>
              <a:rPr kumimoji="0" lang="da-DK" sz="900" b="0" i="0" u="none" strike="noStrike" kern="1200" cap="none" spc="0" normalizeH="0" baseline="0" noProof="0" dirty="0">
                <a:ln>
                  <a:noFill/>
                </a:ln>
                <a:solidFill>
                  <a:srgbClr val="64778A">
                    <a:lumMod val="50000"/>
                  </a:srgbClr>
                </a:solidFill>
                <a:effectLst/>
                <a:uLnTx/>
                <a:uFillTx/>
                <a:latin typeface="Arial" panose="020B0604020202020204"/>
                <a:ea typeface="+mn-ea"/>
                <a:cs typeface="+mn-cs"/>
              </a:rPr>
              <a:t> Drift og support</a:t>
            </a:r>
          </a:p>
        </p:txBody>
      </p:sp>
      <p:grpSp>
        <p:nvGrpSpPr>
          <p:cNvPr id="110" name="Group 109">
            <a:extLst>
              <a:ext uri="{FF2B5EF4-FFF2-40B4-BE49-F238E27FC236}">
                <a16:creationId xmlns:a16="http://schemas.microsoft.com/office/drawing/2014/main" id="{D21257D2-68F2-98D4-DE27-B0331ED9023F}"/>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111" name="Oval 110">
              <a:extLst>
                <a:ext uri="{FF2B5EF4-FFF2-40B4-BE49-F238E27FC236}">
                  <a16:creationId xmlns:a16="http://schemas.microsoft.com/office/drawing/2014/main" id="{A7FE37CF-D382-531C-6BB1-D49526243133}"/>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2" name="Freeform 11">
              <a:extLst>
                <a:ext uri="{FF2B5EF4-FFF2-40B4-BE49-F238E27FC236}">
                  <a16:creationId xmlns:a16="http://schemas.microsoft.com/office/drawing/2014/main" id="{571E92C9-C452-DB5C-362E-4EDF617BFC26}"/>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123" name="Group 122">
            <a:extLst>
              <a:ext uri="{FF2B5EF4-FFF2-40B4-BE49-F238E27FC236}">
                <a16:creationId xmlns:a16="http://schemas.microsoft.com/office/drawing/2014/main" id="{9063F510-2A6B-3935-789F-B3644842E144}"/>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124" name="Oval 123">
              <a:extLst>
                <a:ext uri="{FF2B5EF4-FFF2-40B4-BE49-F238E27FC236}">
                  <a16:creationId xmlns:a16="http://schemas.microsoft.com/office/drawing/2014/main" id="{C32A8C15-69C9-8D55-8DAC-983817CFFCDF}"/>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5" name="Freeform 19">
              <a:extLst>
                <a:ext uri="{FF2B5EF4-FFF2-40B4-BE49-F238E27FC236}">
                  <a16:creationId xmlns:a16="http://schemas.microsoft.com/office/drawing/2014/main" id="{E999DDD1-033F-A568-9BD6-D3B8DA90D7F1}"/>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15" name="Content Placeholder 5">
            <a:extLst>
              <a:ext uri="{FF2B5EF4-FFF2-40B4-BE49-F238E27FC236}">
                <a16:creationId xmlns:a16="http://schemas.microsoft.com/office/drawing/2014/main" id="{06FCE56B-B2C9-A4A1-E9A2-563337082DB6}"/>
              </a:ext>
            </a:extLst>
          </p:cNvPr>
          <p:cNvSpPr txBox="1">
            <a:spLocks/>
          </p:cNvSpPr>
          <p:nvPr/>
        </p:nvSpPr>
        <p:spPr>
          <a:xfrm>
            <a:off x="540228" y="6406485"/>
            <a:ext cx="11456822" cy="21705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marR="0" lvl="0" indent="-87313"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700" b="0" i="1" u="none" strike="noStrike" kern="1200" cap="none" spc="0" normalizeH="0" noProof="0">
                <a:ln>
                  <a:noFill/>
                </a:ln>
                <a:solidFill>
                  <a:srgbClr val="000000"/>
                </a:solidFill>
                <a:effectLst/>
                <a:uLnTx/>
                <a:uFillTx/>
                <a:latin typeface="Arial" panose="020B0604020202020204"/>
                <a:ea typeface="+mn-ea"/>
                <a:cs typeface="+mn-cs"/>
              </a:rPr>
              <a:t>*EDIC er et EU-instrument under Digital </a:t>
            </a:r>
            <a:r>
              <a:rPr kumimoji="0" lang="da-DK" sz="700" b="0" i="1" u="none" strike="noStrike" kern="1200" cap="none" spc="0" normalizeH="0" noProof="0" dirty="0" err="1">
                <a:ln>
                  <a:noFill/>
                </a:ln>
                <a:solidFill>
                  <a:srgbClr val="000000"/>
                </a:solidFill>
                <a:effectLst/>
                <a:uLnTx/>
                <a:uFillTx/>
                <a:latin typeface="Arial" panose="020B0604020202020204"/>
                <a:ea typeface="+mn-ea"/>
                <a:cs typeface="+mn-cs"/>
              </a:rPr>
              <a:t>Decade</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Policy </a:t>
            </a:r>
            <a:r>
              <a:rPr kumimoji="0" lang="da-DK" sz="700" b="0" i="1" u="none" strike="noStrike" kern="1200" cap="none" spc="0" normalizeH="0" noProof="0" dirty="0" err="1">
                <a:ln>
                  <a:noFill/>
                </a:ln>
                <a:solidFill>
                  <a:srgbClr val="000000"/>
                </a:solidFill>
                <a:effectLst/>
                <a:uLnTx/>
                <a:uFillTx/>
                <a:latin typeface="Arial" panose="020B0604020202020204"/>
                <a:ea typeface="+mn-ea"/>
                <a:cs typeface="+mn-cs"/>
              </a:rPr>
              <a:t>Programme</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2030, der gør det muligt for medlemslande at samarbejde om udvikling og drift af fælles digitale infrastrukturer. Det fungerer som en ramme for at koordinere investeringer, standarder og </a:t>
            </a:r>
            <a:r>
              <a:rPr kumimoji="0" lang="da-DK" sz="700" b="0" i="1" u="none" strike="noStrike" kern="1200" cap="none" spc="0" normalizeH="0" noProof="0" dirty="0" err="1">
                <a:ln>
                  <a:noFill/>
                </a:ln>
                <a:solidFill>
                  <a:srgbClr val="000000"/>
                </a:solidFill>
                <a:effectLst/>
                <a:uLnTx/>
                <a:uFillTx/>
                <a:latin typeface="Arial" panose="020B0604020202020204"/>
                <a:ea typeface="+mn-ea"/>
                <a:cs typeface="+mn-cs"/>
              </a:rPr>
              <a:t>governance</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 på tværs af grænser, hvilket er centralt for at undgå fragmentering og sikre </a:t>
            </a:r>
            <a:r>
              <a:rPr kumimoji="0" lang="da-DK" sz="700" b="0" i="1" u="none" strike="noStrike" kern="1200" cap="none" spc="0" normalizeH="0" noProof="0" dirty="0" err="1">
                <a:ln>
                  <a:noFill/>
                </a:ln>
                <a:solidFill>
                  <a:srgbClr val="000000"/>
                </a:solidFill>
                <a:effectLst/>
                <a:uLnTx/>
                <a:uFillTx/>
                <a:latin typeface="Arial" panose="020B0604020202020204"/>
                <a:ea typeface="+mn-ea"/>
                <a:cs typeface="+mn-cs"/>
              </a:rPr>
              <a:t>interoperabilitet</a:t>
            </a:r>
            <a:r>
              <a:rPr kumimoji="0" lang="da-DK" sz="700" b="0" i="1" u="none" strike="noStrike" kern="1200" cap="none" spc="0" normalizeH="0" noProof="0">
                <a:ln>
                  <a:noFill/>
                </a:ln>
                <a:solidFill>
                  <a:srgbClr val="000000"/>
                </a:solidFill>
                <a:effectLst/>
                <a:uLnTx/>
                <a:uFillTx/>
                <a:latin typeface="Arial" panose="020B0604020202020204"/>
                <a:ea typeface="+mn-ea"/>
                <a:cs typeface="+mn-cs"/>
              </a:rPr>
              <a:t>.</a:t>
            </a:r>
          </a:p>
        </p:txBody>
      </p:sp>
      <p:sp>
        <p:nvSpPr>
          <p:cNvPr id="17" name="Freeform 15">
            <a:extLst>
              <a:ext uri="{FF2B5EF4-FFF2-40B4-BE49-F238E27FC236}">
                <a16:creationId xmlns:a16="http://schemas.microsoft.com/office/drawing/2014/main" id="{4F5FDA9D-01B4-3B45-75BE-18C0B6F86AB3}"/>
              </a:ext>
              <a:ext uri="{C183D7F6-B498-43B3-948B-1728B52AA6E4}">
                <adec:decorative xmlns:adec="http://schemas.microsoft.com/office/drawing/2017/decorative" val="1"/>
              </a:ext>
            </a:extLst>
          </p:cNvPr>
          <p:cNvSpPr>
            <a:spLocks noEditPoints="1"/>
          </p:cNvSpPr>
          <p:nvPr/>
        </p:nvSpPr>
        <p:spPr bwMode="auto">
          <a:xfrm>
            <a:off x="9609363" y="2080937"/>
            <a:ext cx="368980" cy="368980"/>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3 w 208"/>
              <a:gd name="T11" fmla="*/ 49 h 208"/>
              <a:gd name="T12" fmla="*/ 64 w 208"/>
              <a:gd name="T13" fmla="*/ 48 h 208"/>
              <a:gd name="T14" fmla="*/ 44 w 208"/>
              <a:gd name="T15" fmla="*/ 66 h 208"/>
              <a:gd name="T16" fmla="*/ 23 w 208"/>
              <a:gd name="T17" fmla="*/ 48 h 208"/>
              <a:gd name="T18" fmla="*/ 0 w 208"/>
              <a:gd name="T19" fmla="*/ 69 h 208"/>
              <a:gd name="T20" fmla="*/ 16 w 208"/>
              <a:gd name="T21" fmla="*/ 144 h 208"/>
              <a:gd name="T22" fmla="*/ 17 w 208"/>
              <a:gd name="T23" fmla="*/ 207 h 208"/>
              <a:gd name="T24" fmla="*/ 68 w 208"/>
              <a:gd name="T25" fmla="*/ 208 h 208"/>
              <a:gd name="T26" fmla="*/ 72 w 208"/>
              <a:gd name="T27" fmla="*/ 204 h 208"/>
              <a:gd name="T28" fmla="*/ 80 w 208"/>
              <a:gd name="T29" fmla="*/ 72 h 208"/>
              <a:gd name="T30" fmla="*/ 144 w 208"/>
              <a:gd name="T31" fmla="*/ 52 h 208"/>
              <a:gd name="T32" fmla="*/ 64 w 208"/>
              <a:gd name="T33" fmla="*/ 200 h 208"/>
              <a:gd name="T34" fmla="*/ 48 w 208"/>
              <a:gd name="T35" fmla="*/ 132 h 208"/>
              <a:gd name="T36" fmla="*/ 40 w 208"/>
              <a:gd name="T37" fmla="*/ 132 h 208"/>
              <a:gd name="T38" fmla="*/ 24 w 208"/>
              <a:gd name="T39" fmla="*/ 200 h 208"/>
              <a:gd name="T40" fmla="*/ 24 w 208"/>
              <a:gd name="T41" fmla="*/ 140 h 208"/>
              <a:gd name="T42" fmla="*/ 24 w 208"/>
              <a:gd name="T43" fmla="*/ 84 h 208"/>
              <a:gd name="T44" fmla="*/ 16 w 208"/>
              <a:gd name="T45" fmla="*/ 84 h 208"/>
              <a:gd name="T46" fmla="*/ 8 w 208"/>
              <a:gd name="T47" fmla="*/ 124 h 208"/>
              <a:gd name="T48" fmla="*/ 15 w 208"/>
              <a:gd name="T49" fmla="*/ 59 h 208"/>
              <a:gd name="T50" fmla="*/ 41 w 208"/>
              <a:gd name="T51" fmla="*/ 75 h 208"/>
              <a:gd name="T52" fmla="*/ 47 w 208"/>
              <a:gd name="T53" fmla="*/ 75 h 208"/>
              <a:gd name="T54" fmla="*/ 135 w 208"/>
              <a:gd name="T55" fmla="*/ 56 h 208"/>
              <a:gd name="T56" fmla="*/ 80 w 208"/>
              <a:gd name="T57" fmla="*/ 64 h 208"/>
              <a:gd name="T58" fmla="*/ 148 w 208"/>
              <a:gd name="T59" fmla="*/ 88 h 208"/>
              <a:gd name="T60" fmla="*/ 148 w 208"/>
              <a:gd name="T61" fmla="*/ 208 h 208"/>
              <a:gd name="T62" fmla="*/ 148 w 208"/>
              <a:gd name="T63" fmla="*/ 88 h 208"/>
              <a:gd name="T64" fmla="*/ 96 w 208"/>
              <a:gd name="T65" fmla="*/ 148 h 208"/>
              <a:gd name="T66" fmla="*/ 200 w 208"/>
              <a:gd name="T67" fmla="*/ 148 h 208"/>
              <a:gd name="T68" fmla="*/ 152 w 208"/>
              <a:gd name="T69" fmla="*/ 144 h 208"/>
              <a:gd name="T70" fmla="*/ 136 w 208"/>
              <a:gd name="T71" fmla="*/ 136 h 208"/>
              <a:gd name="T72" fmla="*/ 164 w 208"/>
              <a:gd name="T73" fmla="*/ 128 h 208"/>
              <a:gd name="T74" fmla="*/ 164 w 208"/>
              <a:gd name="T75" fmla="*/ 120 h 208"/>
              <a:gd name="T76" fmla="*/ 152 w 208"/>
              <a:gd name="T77" fmla="*/ 108 h 208"/>
              <a:gd name="T78" fmla="*/ 144 w 208"/>
              <a:gd name="T79" fmla="*/ 108 h 208"/>
              <a:gd name="T80" fmla="*/ 128 w 208"/>
              <a:gd name="T81" fmla="*/ 136 h 208"/>
              <a:gd name="T82" fmla="*/ 152 w 208"/>
              <a:gd name="T83" fmla="*/ 152 h 208"/>
              <a:gd name="T84" fmla="*/ 152 w 208"/>
              <a:gd name="T85" fmla="*/ 168 h 208"/>
              <a:gd name="T86" fmla="*/ 128 w 208"/>
              <a:gd name="T87" fmla="*/ 172 h 208"/>
              <a:gd name="T88" fmla="*/ 144 w 208"/>
              <a:gd name="T89" fmla="*/ 176 h 208"/>
              <a:gd name="T90" fmla="*/ 148 w 208"/>
              <a:gd name="T91" fmla="*/ 192 h 208"/>
              <a:gd name="T92" fmla="*/ 152 w 208"/>
              <a:gd name="T93" fmla="*/ 176 h 208"/>
              <a:gd name="T94" fmla="*/ 152 w 208"/>
              <a:gd name="T95" fmla="*/ 14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44" y="52"/>
                </a:move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cubicBezTo>
                  <a:pt x="124" y="72"/>
                  <a:pt x="124" y="72"/>
                  <a:pt x="124" y="72"/>
                </a:cubicBezTo>
                <a:cubicBezTo>
                  <a:pt x="135" y="72"/>
                  <a:pt x="144" y="63"/>
                  <a:pt x="144" y="52"/>
                </a:cubicBez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140"/>
                  <a:pt x="24" y="140"/>
                  <a:pt x="24" y="140"/>
                </a:cubicBezTo>
                <a:cubicBezTo>
                  <a:pt x="24" y="140"/>
                  <a:pt x="24" y="140"/>
                  <a:pt x="24" y="140"/>
                </a:cubicBezTo>
                <a:cubicBezTo>
                  <a:pt x="24" y="140"/>
                  <a:pt x="24" y="140"/>
                  <a:pt x="24" y="14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148" y="88"/>
                </a:moveTo>
                <a:cubicBezTo>
                  <a:pt x="115" y="88"/>
                  <a:pt x="88" y="115"/>
                  <a:pt x="88" y="148"/>
                </a:cubicBezTo>
                <a:cubicBezTo>
                  <a:pt x="88" y="181"/>
                  <a:pt x="115" y="208"/>
                  <a:pt x="148" y="208"/>
                </a:cubicBezTo>
                <a:cubicBezTo>
                  <a:pt x="181" y="208"/>
                  <a:pt x="208" y="181"/>
                  <a:pt x="208" y="148"/>
                </a:cubicBezTo>
                <a:cubicBezTo>
                  <a:pt x="208" y="115"/>
                  <a:pt x="181" y="88"/>
                  <a:pt x="148" y="88"/>
                </a:cubicBezTo>
                <a:close/>
                <a:moveTo>
                  <a:pt x="148" y="200"/>
                </a:moveTo>
                <a:cubicBezTo>
                  <a:pt x="119" y="200"/>
                  <a:pt x="96" y="177"/>
                  <a:pt x="96" y="148"/>
                </a:cubicBezTo>
                <a:cubicBezTo>
                  <a:pt x="96" y="119"/>
                  <a:pt x="119" y="96"/>
                  <a:pt x="148" y="96"/>
                </a:cubicBezTo>
                <a:cubicBezTo>
                  <a:pt x="177" y="96"/>
                  <a:pt x="200" y="119"/>
                  <a:pt x="200" y="148"/>
                </a:cubicBezTo>
                <a:cubicBezTo>
                  <a:pt x="200" y="177"/>
                  <a:pt x="177" y="200"/>
                  <a:pt x="148" y="200"/>
                </a:cubicBezTo>
                <a:close/>
                <a:moveTo>
                  <a:pt x="152" y="144"/>
                </a:moveTo>
                <a:cubicBezTo>
                  <a:pt x="144" y="144"/>
                  <a:pt x="144" y="144"/>
                  <a:pt x="144" y="144"/>
                </a:cubicBezTo>
                <a:cubicBezTo>
                  <a:pt x="140" y="144"/>
                  <a:pt x="136" y="140"/>
                  <a:pt x="136" y="136"/>
                </a:cubicBezTo>
                <a:cubicBezTo>
                  <a:pt x="136" y="132"/>
                  <a:pt x="140" y="128"/>
                  <a:pt x="144" y="128"/>
                </a:cubicBezTo>
                <a:cubicBezTo>
                  <a:pt x="164" y="128"/>
                  <a:pt x="164" y="128"/>
                  <a:pt x="164" y="128"/>
                </a:cubicBezTo>
                <a:cubicBezTo>
                  <a:pt x="166" y="128"/>
                  <a:pt x="168" y="126"/>
                  <a:pt x="168" y="124"/>
                </a:cubicBezTo>
                <a:cubicBezTo>
                  <a:pt x="168" y="122"/>
                  <a:pt x="166" y="120"/>
                  <a:pt x="164" y="120"/>
                </a:cubicBezTo>
                <a:cubicBezTo>
                  <a:pt x="152" y="120"/>
                  <a:pt x="152" y="120"/>
                  <a:pt x="152" y="120"/>
                </a:cubicBezTo>
                <a:cubicBezTo>
                  <a:pt x="152" y="108"/>
                  <a:pt x="152" y="108"/>
                  <a:pt x="152" y="108"/>
                </a:cubicBezTo>
                <a:cubicBezTo>
                  <a:pt x="152" y="106"/>
                  <a:pt x="150" y="104"/>
                  <a:pt x="148" y="104"/>
                </a:cubicBezTo>
                <a:cubicBezTo>
                  <a:pt x="146" y="104"/>
                  <a:pt x="144" y="106"/>
                  <a:pt x="144" y="108"/>
                </a:cubicBezTo>
                <a:cubicBezTo>
                  <a:pt x="144" y="120"/>
                  <a:pt x="144" y="120"/>
                  <a:pt x="144" y="120"/>
                </a:cubicBezTo>
                <a:cubicBezTo>
                  <a:pt x="135" y="120"/>
                  <a:pt x="128" y="127"/>
                  <a:pt x="128" y="136"/>
                </a:cubicBezTo>
                <a:cubicBezTo>
                  <a:pt x="128" y="145"/>
                  <a:pt x="135" y="152"/>
                  <a:pt x="144" y="152"/>
                </a:cubicBezTo>
                <a:cubicBezTo>
                  <a:pt x="152" y="152"/>
                  <a:pt x="152" y="152"/>
                  <a:pt x="152" y="152"/>
                </a:cubicBezTo>
                <a:cubicBezTo>
                  <a:pt x="156" y="152"/>
                  <a:pt x="160" y="156"/>
                  <a:pt x="160" y="160"/>
                </a:cubicBezTo>
                <a:cubicBezTo>
                  <a:pt x="160" y="164"/>
                  <a:pt x="156" y="168"/>
                  <a:pt x="152" y="168"/>
                </a:cubicBezTo>
                <a:cubicBezTo>
                  <a:pt x="132" y="168"/>
                  <a:pt x="132" y="168"/>
                  <a:pt x="132" y="168"/>
                </a:cubicBezTo>
                <a:cubicBezTo>
                  <a:pt x="130" y="168"/>
                  <a:pt x="128" y="170"/>
                  <a:pt x="128" y="172"/>
                </a:cubicBezTo>
                <a:cubicBezTo>
                  <a:pt x="128" y="174"/>
                  <a:pt x="130" y="176"/>
                  <a:pt x="132" y="176"/>
                </a:cubicBezTo>
                <a:cubicBezTo>
                  <a:pt x="144" y="176"/>
                  <a:pt x="144" y="176"/>
                  <a:pt x="144" y="176"/>
                </a:cubicBezTo>
                <a:cubicBezTo>
                  <a:pt x="144" y="188"/>
                  <a:pt x="144" y="188"/>
                  <a:pt x="144" y="188"/>
                </a:cubicBezTo>
                <a:cubicBezTo>
                  <a:pt x="144" y="190"/>
                  <a:pt x="146" y="192"/>
                  <a:pt x="148" y="192"/>
                </a:cubicBezTo>
                <a:cubicBezTo>
                  <a:pt x="150" y="192"/>
                  <a:pt x="152" y="190"/>
                  <a:pt x="152" y="188"/>
                </a:cubicBezTo>
                <a:cubicBezTo>
                  <a:pt x="152" y="176"/>
                  <a:pt x="152" y="176"/>
                  <a:pt x="152" y="176"/>
                </a:cubicBezTo>
                <a:cubicBezTo>
                  <a:pt x="161" y="176"/>
                  <a:pt x="168" y="169"/>
                  <a:pt x="168" y="160"/>
                </a:cubicBezTo>
                <a:cubicBezTo>
                  <a:pt x="168" y="151"/>
                  <a:pt x="161" y="144"/>
                  <a:pt x="152" y="144"/>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29" name="Freeform 6">
            <a:extLst>
              <a:ext uri="{FF2B5EF4-FFF2-40B4-BE49-F238E27FC236}">
                <a16:creationId xmlns:a16="http://schemas.microsoft.com/office/drawing/2014/main" id="{22636420-5613-FC6D-8A1C-D30FB6847C83}"/>
              </a:ext>
              <a:ext uri="{C183D7F6-B498-43B3-948B-1728B52AA6E4}">
                <adec:decorative xmlns:adec="http://schemas.microsoft.com/office/drawing/2017/decorative" val="1"/>
              </a:ext>
            </a:extLst>
          </p:cNvPr>
          <p:cNvSpPr>
            <a:spLocks noEditPoints="1"/>
          </p:cNvSpPr>
          <p:nvPr/>
        </p:nvSpPr>
        <p:spPr bwMode="auto">
          <a:xfrm>
            <a:off x="9592728" y="2883429"/>
            <a:ext cx="367599" cy="340248"/>
          </a:xfrm>
          <a:custGeom>
            <a:avLst/>
            <a:gdLst>
              <a:gd name="T0" fmla="*/ 128 w 208"/>
              <a:gd name="T1" fmla="*/ 44 h 192"/>
              <a:gd name="T2" fmla="*/ 80 w 208"/>
              <a:gd name="T3" fmla="*/ 44 h 192"/>
              <a:gd name="T4" fmla="*/ 80 w 208"/>
              <a:gd name="T5" fmla="*/ 60 h 192"/>
              <a:gd name="T6" fmla="*/ 112 w 208"/>
              <a:gd name="T7" fmla="*/ 60 h 192"/>
              <a:gd name="T8" fmla="*/ 84 w 208"/>
              <a:gd name="T9" fmla="*/ 88 h 192"/>
              <a:gd name="T10" fmla="*/ 124 w 208"/>
              <a:gd name="T11" fmla="*/ 80 h 192"/>
              <a:gd name="T12" fmla="*/ 84 w 208"/>
              <a:gd name="T13" fmla="*/ 88 h 192"/>
              <a:gd name="T14" fmla="*/ 84 w 208"/>
              <a:gd name="T15" fmla="*/ 104 h 192"/>
              <a:gd name="T16" fmla="*/ 108 w 208"/>
              <a:gd name="T17" fmla="*/ 96 h 192"/>
              <a:gd name="T18" fmla="*/ 124 w 208"/>
              <a:gd name="T19" fmla="*/ 128 h 192"/>
              <a:gd name="T20" fmla="*/ 84 w 208"/>
              <a:gd name="T21" fmla="*/ 120 h 192"/>
              <a:gd name="T22" fmla="*/ 108 w 208"/>
              <a:gd name="T23" fmla="*/ 136 h 192"/>
              <a:gd name="T24" fmla="*/ 84 w 208"/>
              <a:gd name="T25" fmla="*/ 144 h 192"/>
              <a:gd name="T26" fmla="*/ 108 w 208"/>
              <a:gd name="T27" fmla="*/ 136 h 192"/>
              <a:gd name="T28" fmla="*/ 49 w 208"/>
              <a:gd name="T29" fmla="*/ 63 h 192"/>
              <a:gd name="T30" fmla="*/ 71 w 208"/>
              <a:gd name="T31" fmla="*/ 47 h 192"/>
              <a:gd name="T32" fmla="*/ 65 w 208"/>
              <a:gd name="T33" fmla="*/ 41 h 192"/>
              <a:gd name="T34" fmla="*/ 41 w 208"/>
              <a:gd name="T35" fmla="*/ 49 h 192"/>
              <a:gd name="T36" fmla="*/ 52 w 208"/>
              <a:gd name="T37" fmla="*/ 94 h 192"/>
              <a:gd name="T38" fmla="*/ 41 w 208"/>
              <a:gd name="T39" fmla="*/ 95 h 192"/>
              <a:gd name="T40" fmla="*/ 55 w 208"/>
              <a:gd name="T41" fmla="*/ 103 h 192"/>
              <a:gd name="T42" fmla="*/ 65 w 208"/>
              <a:gd name="T43" fmla="*/ 81 h 192"/>
              <a:gd name="T44" fmla="*/ 52 w 208"/>
              <a:gd name="T45" fmla="*/ 134 h 192"/>
              <a:gd name="T46" fmla="*/ 41 w 208"/>
              <a:gd name="T47" fmla="*/ 135 h 192"/>
              <a:gd name="T48" fmla="*/ 55 w 208"/>
              <a:gd name="T49" fmla="*/ 143 h 192"/>
              <a:gd name="T50" fmla="*/ 65 w 208"/>
              <a:gd name="T51" fmla="*/ 121 h 192"/>
              <a:gd name="T52" fmla="*/ 184 w 208"/>
              <a:gd name="T53" fmla="*/ 40 h 192"/>
              <a:gd name="T54" fmla="*/ 168 w 208"/>
              <a:gd name="T55" fmla="*/ 164 h 192"/>
              <a:gd name="T56" fmla="*/ 182 w 208"/>
              <a:gd name="T57" fmla="*/ 192 h 192"/>
              <a:gd name="T58" fmla="*/ 196 w 208"/>
              <a:gd name="T59" fmla="*/ 164 h 192"/>
              <a:gd name="T60" fmla="*/ 200 w 208"/>
              <a:gd name="T61" fmla="*/ 92 h 192"/>
              <a:gd name="T62" fmla="*/ 208 w 208"/>
              <a:gd name="T63" fmla="*/ 64 h 192"/>
              <a:gd name="T64" fmla="*/ 176 w 208"/>
              <a:gd name="T65" fmla="*/ 163 h 192"/>
              <a:gd name="T66" fmla="*/ 188 w 208"/>
              <a:gd name="T67" fmla="*/ 163 h 192"/>
              <a:gd name="T68" fmla="*/ 176 w 208"/>
              <a:gd name="T69" fmla="*/ 52 h 192"/>
              <a:gd name="T70" fmla="*/ 188 w 208"/>
              <a:gd name="T71" fmla="*/ 52 h 192"/>
              <a:gd name="T72" fmla="*/ 192 w 208"/>
              <a:gd name="T73" fmla="*/ 28 h 192"/>
              <a:gd name="T74" fmla="*/ 44 w 208"/>
              <a:gd name="T75" fmla="*/ 0 h 192"/>
              <a:gd name="T76" fmla="*/ 4 w 208"/>
              <a:gd name="T77" fmla="*/ 160 h 192"/>
              <a:gd name="T78" fmla="*/ 0 w 208"/>
              <a:gd name="T79" fmla="*/ 172 h 192"/>
              <a:gd name="T80" fmla="*/ 160 w 208"/>
              <a:gd name="T81" fmla="*/ 172 h 192"/>
              <a:gd name="T82" fmla="*/ 191 w 208"/>
              <a:gd name="T83" fmla="*/ 31 h 192"/>
              <a:gd name="T84" fmla="*/ 8 w 208"/>
              <a:gd name="T85" fmla="*/ 168 h 192"/>
              <a:gd name="T86" fmla="*/ 124 w 208"/>
              <a:gd name="T87" fmla="*/ 184 h 192"/>
              <a:gd name="T88" fmla="*/ 152 w 208"/>
              <a:gd name="T89" fmla="*/ 172 h 192"/>
              <a:gd name="T90" fmla="*/ 128 w 208"/>
              <a:gd name="T91" fmla="*/ 164 h 192"/>
              <a:gd name="T92" fmla="*/ 32 w 208"/>
              <a:gd name="T93" fmla="*/ 160 h 192"/>
              <a:gd name="T94" fmla="*/ 156 w 208"/>
              <a:gd name="T95" fmla="*/ 8 h 192"/>
              <a:gd name="T96" fmla="*/ 160 w 208"/>
              <a:gd name="T97" fmla="*/ 24 h 192"/>
              <a:gd name="T98" fmla="*/ 172 w 208"/>
              <a:gd name="T99" fmla="*/ 8 h 192"/>
              <a:gd name="T100" fmla="*/ 184 w 208"/>
              <a:gd name="T101" fmla="*/ 24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208" h="192">
                <a:moveTo>
                  <a:pt x="84" y="48"/>
                </a:moveTo>
                <a:cubicBezTo>
                  <a:pt x="124" y="48"/>
                  <a:pt x="124" y="48"/>
                  <a:pt x="124" y="48"/>
                </a:cubicBezTo>
                <a:cubicBezTo>
                  <a:pt x="126" y="48"/>
                  <a:pt x="128" y="46"/>
                  <a:pt x="128" y="44"/>
                </a:cubicBezTo>
                <a:cubicBezTo>
                  <a:pt x="128" y="42"/>
                  <a:pt x="126" y="40"/>
                  <a:pt x="124" y="40"/>
                </a:cubicBezTo>
                <a:cubicBezTo>
                  <a:pt x="84" y="40"/>
                  <a:pt x="84" y="40"/>
                  <a:pt x="84" y="40"/>
                </a:cubicBezTo>
                <a:cubicBezTo>
                  <a:pt x="82" y="40"/>
                  <a:pt x="80" y="42"/>
                  <a:pt x="80" y="44"/>
                </a:cubicBezTo>
                <a:cubicBezTo>
                  <a:pt x="80" y="46"/>
                  <a:pt x="82" y="48"/>
                  <a:pt x="84" y="48"/>
                </a:cubicBezTo>
                <a:close/>
                <a:moveTo>
                  <a:pt x="84" y="56"/>
                </a:moveTo>
                <a:cubicBezTo>
                  <a:pt x="82" y="56"/>
                  <a:pt x="80" y="58"/>
                  <a:pt x="80" y="60"/>
                </a:cubicBezTo>
                <a:cubicBezTo>
                  <a:pt x="80" y="62"/>
                  <a:pt x="82" y="64"/>
                  <a:pt x="84" y="64"/>
                </a:cubicBezTo>
                <a:cubicBezTo>
                  <a:pt x="108" y="64"/>
                  <a:pt x="108" y="64"/>
                  <a:pt x="108" y="64"/>
                </a:cubicBezTo>
                <a:cubicBezTo>
                  <a:pt x="110" y="64"/>
                  <a:pt x="112" y="62"/>
                  <a:pt x="112" y="60"/>
                </a:cubicBezTo>
                <a:cubicBezTo>
                  <a:pt x="112" y="58"/>
                  <a:pt x="110" y="56"/>
                  <a:pt x="108" y="56"/>
                </a:cubicBezTo>
                <a:lnTo>
                  <a:pt x="84" y="56"/>
                </a:lnTo>
                <a:close/>
                <a:moveTo>
                  <a:pt x="84" y="88"/>
                </a:moveTo>
                <a:cubicBezTo>
                  <a:pt x="124" y="88"/>
                  <a:pt x="124" y="88"/>
                  <a:pt x="124" y="88"/>
                </a:cubicBezTo>
                <a:cubicBezTo>
                  <a:pt x="126" y="88"/>
                  <a:pt x="128" y="86"/>
                  <a:pt x="128" y="84"/>
                </a:cubicBezTo>
                <a:cubicBezTo>
                  <a:pt x="128" y="82"/>
                  <a:pt x="126" y="80"/>
                  <a:pt x="124" y="80"/>
                </a:cubicBezTo>
                <a:cubicBezTo>
                  <a:pt x="84" y="80"/>
                  <a:pt x="84" y="80"/>
                  <a:pt x="84" y="80"/>
                </a:cubicBezTo>
                <a:cubicBezTo>
                  <a:pt x="82" y="80"/>
                  <a:pt x="80" y="82"/>
                  <a:pt x="80" y="84"/>
                </a:cubicBezTo>
                <a:cubicBezTo>
                  <a:pt x="80" y="86"/>
                  <a:pt x="82" y="88"/>
                  <a:pt x="84" y="88"/>
                </a:cubicBezTo>
                <a:close/>
                <a:moveTo>
                  <a:pt x="84" y="96"/>
                </a:moveTo>
                <a:cubicBezTo>
                  <a:pt x="82" y="96"/>
                  <a:pt x="80" y="98"/>
                  <a:pt x="80" y="100"/>
                </a:cubicBezTo>
                <a:cubicBezTo>
                  <a:pt x="80" y="102"/>
                  <a:pt x="82" y="104"/>
                  <a:pt x="84" y="104"/>
                </a:cubicBezTo>
                <a:cubicBezTo>
                  <a:pt x="108" y="104"/>
                  <a:pt x="108" y="104"/>
                  <a:pt x="108" y="104"/>
                </a:cubicBezTo>
                <a:cubicBezTo>
                  <a:pt x="110" y="104"/>
                  <a:pt x="112" y="102"/>
                  <a:pt x="112" y="100"/>
                </a:cubicBezTo>
                <a:cubicBezTo>
                  <a:pt x="112" y="98"/>
                  <a:pt x="110" y="96"/>
                  <a:pt x="108" y="96"/>
                </a:cubicBezTo>
                <a:lnTo>
                  <a:pt x="84" y="96"/>
                </a:lnTo>
                <a:close/>
                <a:moveTo>
                  <a:pt x="84" y="128"/>
                </a:moveTo>
                <a:cubicBezTo>
                  <a:pt x="124" y="128"/>
                  <a:pt x="124" y="128"/>
                  <a:pt x="124" y="128"/>
                </a:cubicBezTo>
                <a:cubicBezTo>
                  <a:pt x="126" y="128"/>
                  <a:pt x="128" y="126"/>
                  <a:pt x="128" y="124"/>
                </a:cubicBezTo>
                <a:cubicBezTo>
                  <a:pt x="128" y="122"/>
                  <a:pt x="126" y="120"/>
                  <a:pt x="124" y="120"/>
                </a:cubicBezTo>
                <a:cubicBezTo>
                  <a:pt x="84" y="120"/>
                  <a:pt x="84" y="120"/>
                  <a:pt x="84" y="120"/>
                </a:cubicBezTo>
                <a:cubicBezTo>
                  <a:pt x="82" y="120"/>
                  <a:pt x="80" y="122"/>
                  <a:pt x="80" y="124"/>
                </a:cubicBezTo>
                <a:cubicBezTo>
                  <a:pt x="80" y="126"/>
                  <a:pt x="82" y="128"/>
                  <a:pt x="84" y="128"/>
                </a:cubicBezTo>
                <a:close/>
                <a:moveTo>
                  <a:pt x="108" y="136"/>
                </a:moveTo>
                <a:cubicBezTo>
                  <a:pt x="84" y="136"/>
                  <a:pt x="84" y="136"/>
                  <a:pt x="84" y="136"/>
                </a:cubicBezTo>
                <a:cubicBezTo>
                  <a:pt x="82" y="136"/>
                  <a:pt x="80" y="138"/>
                  <a:pt x="80" y="140"/>
                </a:cubicBezTo>
                <a:cubicBezTo>
                  <a:pt x="80" y="142"/>
                  <a:pt x="82" y="144"/>
                  <a:pt x="84" y="144"/>
                </a:cubicBezTo>
                <a:cubicBezTo>
                  <a:pt x="108" y="144"/>
                  <a:pt x="108" y="144"/>
                  <a:pt x="108" y="144"/>
                </a:cubicBezTo>
                <a:cubicBezTo>
                  <a:pt x="110" y="144"/>
                  <a:pt x="112" y="142"/>
                  <a:pt x="112" y="140"/>
                </a:cubicBezTo>
                <a:cubicBezTo>
                  <a:pt x="112" y="138"/>
                  <a:pt x="110" y="136"/>
                  <a:pt x="108" y="136"/>
                </a:cubicBezTo>
                <a:close/>
                <a:moveTo>
                  <a:pt x="41" y="49"/>
                </a:moveTo>
                <a:cubicBezTo>
                  <a:pt x="40" y="51"/>
                  <a:pt x="40" y="53"/>
                  <a:pt x="41" y="55"/>
                </a:cubicBezTo>
                <a:cubicBezTo>
                  <a:pt x="49" y="63"/>
                  <a:pt x="49" y="63"/>
                  <a:pt x="49" y="63"/>
                </a:cubicBezTo>
                <a:cubicBezTo>
                  <a:pt x="50" y="64"/>
                  <a:pt x="51" y="64"/>
                  <a:pt x="52" y="64"/>
                </a:cubicBezTo>
                <a:cubicBezTo>
                  <a:pt x="53" y="64"/>
                  <a:pt x="54" y="64"/>
                  <a:pt x="55" y="63"/>
                </a:cubicBezTo>
                <a:cubicBezTo>
                  <a:pt x="71" y="47"/>
                  <a:pt x="71" y="47"/>
                  <a:pt x="71" y="47"/>
                </a:cubicBezTo>
                <a:cubicBezTo>
                  <a:pt x="72" y="45"/>
                  <a:pt x="72" y="43"/>
                  <a:pt x="71" y="41"/>
                </a:cubicBezTo>
                <a:cubicBezTo>
                  <a:pt x="69" y="40"/>
                  <a:pt x="67" y="40"/>
                  <a:pt x="65" y="41"/>
                </a:cubicBezTo>
                <a:cubicBezTo>
                  <a:pt x="65" y="41"/>
                  <a:pt x="65" y="41"/>
                  <a:pt x="65" y="41"/>
                </a:cubicBezTo>
                <a:cubicBezTo>
                  <a:pt x="52" y="54"/>
                  <a:pt x="52" y="54"/>
                  <a:pt x="52" y="54"/>
                </a:cubicBezTo>
                <a:cubicBezTo>
                  <a:pt x="47" y="49"/>
                  <a:pt x="47" y="49"/>
                  <a:pt x="47" y="49"/>
                </a:cubicBezTo>
                <a:cubicBezTo>
                  <a:pt x="45" y="48"/>
                  <a:pt x="43" y="48"/>
                  <a:pt x="41" y="49"/>
                </a:cubicBezTo>
                <a:close/>
                <a:moveTo>
                  <a:pt x="65" y="81"/>
                </a:moveTo>
                <a:cubicBezTo>
                  <a:pt x="65" y="81"/>
                  <a:pt x="65" y="81"/>
                  <a:pt x="65" y="81"/>
                </a:cubicBezTo>
                <a:cubicBezTo>
                  <a:pt x="52" y="94"/>
                  <a:pt x="52" y="94"/>
                  <a:pt x="52" y="94"/>
                </a:cubicBezTo>
                <a:cubicBezTo>
                  <a:pt x="47" y="89"/>
                  <a:pt x="47" y="89"/>
                  <a:pt x="47" y="89"/>
                </a:cubicBezTo>
                <a:cubicBezTo>
                  <a:pt x="45" y="88"/>
                  <a:pt x="43" y="88"/>
                  <a:pt x="41" y="89"/>
                </a:cubicBezTo>
                <a:cubicBezTo>
                  <a:pt x="40" y="91"/>
                  <a:pt x="40" y="93"/>
                  <a:pt x="41" y="95"/>
                </a:cubicBezTo>
                <a:cubicBezTo>
                  <a:pt x="49" y="103"/>
                  <a:pt x="49" y="103"/>
                  <a:pt x="49" y="103"/>
                </a:cubicBezTo>
                <a:cubicBezTo>
                  <a:pt x="50" y="104"/>
                  <a:pt x="51" y="104"/>
                  <a:pt x="52" y="104"/>
                </a:cubicBezTo>
                <a:cubicBezTo>
                  <a:pt x="53" y="104"/>
                  <a:pt x="54" y="104"/>
                  <a:pt x="55" y="103"/>
                </a:cubicBezTo>
                <a:cubicBezTo>
                  <a:pt x="71" y="87"/>
                  <a:pt x="71" y="87"/>
                  <a:pt x="71" y="87"/>
                </a:cubicBezTo>
                <a:cubicBezTo>
                  <a:pt x="72" y="85"/>
                  <a:pt x="72" y="83"/>
                  <a:pt x="71" y="81"/>
                </a:cubicBezTo>
                <a:cubicBezTo>
                  <a:pt x="69" y="80"/>
                  <a:pt x="67" y="80"/>
                  <a:pt x="65" y="81"/>
                </a:cubicBezTo>
                <a:close/>
                <a:moveTo>
                  <a:pt x="65" y="121"/>
                </a:moveTo>
                <a:cubicBezTo>
                  <a:pt x="65" y="121"/>
                  <a:pt x="65" y="121"/>
                  <a:pt x="65" y="121"/>
                </a:cubicBezTo>
                <a:cubicBezTo>
                  <a:pt x="52" y="134"/>
                  <a:pt x="52" y="134"/>
                  <a:pt x="52" y="134"/>
                </a:cubicBezTo>
                <a:cubicBezTo>
                  <a:pt x="47" y="129"/>
                  <a:pt x="47" y="129"/>
                  <a:pt x="47" y="129"/>
                </a:cubicBezTo>
                <a:cubicBezTo>
                  <a:pt x="45" y="128"/>
                  <a:pt x="43" y="128"/>
                  <a:pt x="41" y="129"/>
                </a:cubicBezTo>
                <a:cubicBezTo>
                  <a:pt x="40" y="131"/>
                  <a:pt x="40" y="133"/>
                  <a:pt x="41" y="135"/>
                </a:cubicBezTo>
                <a:cubicBezTo>
                  <a:pt x="49" y="143"/>
                  <a:pt x="49" y="143"/>
                  <a:pt x="49" y="143"/>
                </a:cubicBezTo>
                <a:cubicBezTo>
                  <a:pt x="50" y="144"/>
                  <a:pt x="51" y="144"/>
                  <a:pt x="52" y="144"/>
                </a:cubicBezTo>
                <a:cubicBezTo>
                  <a:pt x="53" y="144"/>
                  <a:pt x="54" y="144"/>
                  <a:pt x="55" y="143"/>
                </a:cubicBezTo>
                <a:cubicBezTo>
                  <a:pt x="71" y="127"/>
                  <a:pt x="71" y="127"/>
                  <a:pt x="71" y="127"/>
                </a:cubicBezTo>
                <a:cubicBezTo>
                  <a:pt x="72" y="125"/>
                  <a:pt x="72" y="123"/>
                  <a:pt x="71" y="121"/>
                </a:cubicBezTo>
                <a:cubicBezTo>
                  <a:pt x="69" y="120"/>
                  <a:pt x="67" y="120"/>
                  <a:pt x="65" y="121"/>
                </a:cubicBezTo>
                <a:close/>
                <a:moveTo>
                  <a:pt x="208" y="64"/>
                </a:moveTo>
                <a:cubicBezTo>
                  <a:pt x="208" y="56"/>
                  <a:pt x="203" y="50"/>
                  <a:pt x="195" y="48"/>
                </a:cubicBezTo>
                <a:cubicBezTo>
                  <a:pt x="194" y="44"/>
                  <a:pt x="189" y="40"/>
                  <a:pt x="184" y="40"/>
                </a:cubicBezTo>
                <a:cubicBezTo>
                  <a:pt x="180" y="40"/>
                  <a:pt x="180" y="40"/>
                  <a:pt x="180" y="40"/>
                </a:cubicBezTo>
                <a:cubicBezTo>
                  <a:pt x="173" y="40"/>
                  <a:pt x="168" y="45"/>
                  <a:pt x="168" y="52"/>
                </a:cubicBezTo>
                <a:cubicBezTo>
                  <a:pt x="168" y="164"/>
                  <a:pt x="168" y="164"/>
                  <a:pt x="168" y="164"/>
                </a:cubicBezTo>
                <a:cubicBezTo>
                  <a:pt x="168" y="166"/>
                  <a:pt x="168" y="166"/>
                  <a:pt x="168" y="166"/>
                </a:cubicBezTo>
                <a:cubicBezTo>
                  <a:pt x="178" y="190"/>
                  <a:pt x="178" y="190"/>
                  <a:pt x="178" y="190"/>
                </a:cubicBezTo>
                <a:cubicBezTo>
                  <a:pt x="179" y="191"/>
                  <a:pt x="180" y="192"/>
                  <a:pt x="182" y="192"/>
                </a:cubicBezTo>
                <a:cubicBezTo>
                  <a:pt x="184" y="192"/>
                  <a:pt x="185" y="191"/>
                  <a:pt x="186" y="190"/>
                </a:cubicBezTo>
                <a:cubicBezTo>
                  <a:pt x="196" y="166"/>
                  <a:pt x="196" y="166"/>
                  <a:pt x="196" y="166"/>
                </a:cubicBezTo>
                <a:cubicBezTo>
                  <a:pt x="196" y="164"/>
                  <a:pt x="196" y="164"/>
                  <a:pt x="196" y="164"/>
                </a:cubicBezTo>
                <a:cubicBezTo>
                  <a:pt x="196" y="57"/>
                  <a:pt x="196" y="57"/>
                  <a:pt x="196" y="57"/>
                </a:cubicBezTo>
                <a:cubicBezTo>
                  <a:pt x="198" y="58"/>
                  <a:pt x="200" y="61"/>
                  <a:pt x="200" y="64"/>
                </a:cubicBezTo>
                <a:cubicBezTo>
                  <a:pt x="200" y="92"/>
                  <a:pt x="200" y="92"/>
                  <a:pt x="200" y="92"/>
                </a:cubicBezTo>
                <a:cubicBezTo>
                  <a:pt x="200" y="94"/>
                  <a:pt x="202" y="96"/>
                  <a:pt x="204" y="96"/>
                </a:cubicBezTo>
                <a:cubicBezTo>
                  <a:pt x="206" y="96"/>
                  <a:pt x="208" y="94"/>
                  <a:pt x="208" y="92"/>
                </a:cubicBezTo>
                <a:lnTo>
                  <a:pt x="208" y="64"/>
                </a:lnTo>
                <a:close/>
                <a:moveTo>
                  <a:pt x="188" y="163"/>
                </a:moveTo>
                <a:cubicBezTo>
                  <a:pt x="182" y="178"/>
                  <a:pt x="182" y="178"/>
                  <a:pt x="182" y="178"/>
                </a:cubicBezTo>
                <a:cubicBezTo>
                  <a:pt x="176" y="163"/>
                  <a:pt x="176" y="163"/>
                  <a:pt x="176" y="163"/>
                </a:cubicBezTo>
                <a:cubicBezTo>
                  <a:pt x="176" y="104"/>
                  <a:pt x="176" y="104"/>
                  <a:pt x="176" y="104"/>
                </a:cubicBezTo>
                <a:cubicBezTo>
                  <a:pt x="188" y="104"/>
                  <a:pt x="188" y="104"/>
                  <a:pt x="188" y="104"/>
                </a:cubicBezTo>
                <a:lnTo>
                  <a:pt x="188" y="163"/>
                </a:lnTo>
                <a:close/>
                <a:moveTo>
                  <a:pt x="188" y="96"/>
                </a:moveTo>
                <a:cubicBezTo>
                  <a:pt x="176" y="96"/>
                  <a:pt x="176" y="96"/>
                  <a:pt x="176" y="96"/>
                </a:cubicBezTo>
                <a:cubicBezTo>
                  <a:pt x="176" y="52"/>
                  <a:pt x="176" y="52"/>
                  <a:pt x="176" y="52"/>
                </a:cubicBezTo>
                <a:cubicBezTo>
                  <a:pt x="176" y="50"/>
                  <a:pt x="178" y="48"/>
                  <a:pt x="180" y="48"/>
                </a:cubicBezTo>
                <a:cubicBezTo>
                  <a:pt x="184" y="48"/>
                  <a:pt x="184" y="48"/>
                  <a:pt x="184" y="48"/>
                </a:cubicBezTo>
                <a:cubicBezTo>
                  <a:pt x="186" y="48"/>
                  <a:pt x="188" y="50"/>
                  <a:pt x="188" y="52"/>
                </a:cubicBezTo>
                <a:lnTo>
                  <a:pt x="188" y="96"/>
                </a:lnTo>
                <a:close/>
                <a:moveTo>
                  <a:pt x="191" y="31"/>
                </a:moveTo>
                <a:cubicBezTo>
                  <a:pt x="192" y="30"/>
                  <a:pt x="192" y="29"/>
                  <a:pt x="192" y="28"/>
                </a:cubicBezTo>
                <a:cubicBezTo>
                  <a:pt x="192" y="20"/>
                  <a:pt x="192" y="20"/>
                  <a:pt x="192" y="20"/>
                </a:cubicBezTo>
                <a:cubicBezTo>
                  <a:pt x="192" y="9"/>
                  <a:pt x="183" y="0"/>
                  <a:pt x="172" y="0"/>
                </a:cubicBezTo>
                <a:cubicBezTo>
                  <a:pt x="172" y="0"/>
                  <a:pt x="44" y="0"/>
                  <a:pt x="44" y="0"/>
                </a:cubicBezTo>
                <a:cubicBezTo>
                  <a:pt x="33" y="0"/>
                  <a:pt x="24" y="9"/>
                  <a:pt x="24" y="20"/>
                </a:cubicBezTo>
                <a:cubicBezTo>
                  <a:pt x="24" y="160"/>
                  <a:pt x="24" y="160"/>
                  <a:pt x="24" y="160"/>
                </a:cubicBezTo>
                <a:cubicBezTo>
                  <a:pt x="4" y="160"/>
                  <a:pt x="4" y="160"/>
                  <a:pt x="4" y="160"/>
                </a:cubicBezTo>
                <a:cubicBezTo>
                  <a:pt x="3" y="160"/>
                  <a:pt x="2" y="160"/>
                  <a:pt x="1" y="161"/>
                </a:cubicBezTo>
                <a:cubicBezTo>
                  <a:pt x="0" y="162"/>
                  <a:pt x="0" y="163"/>
                  <a:pt x="0" y="164"/>
                </a:cubicBezTo>
                <a:cubicBezTo>
                  <a:pt x="0" y="172"/>
                  <a:pt x="0" y="172"/>
                  <a:pt x="0" y="172"/>
                </a:cubicBezTo>
                <a:cubicBezTo>
                  <a:pt x="0" y="183"/>
                  <a:pt x="9" y="192"/>
                  <a:pt x="20" y="192"/>
                </a:cubicBezTo>
                <a:cubicBezTo>
                  <a:pt x="140" y="192"/>
                  <a:pt x="140" y="192"/>
                  <a:pt x="140" y="192"/>
                </a:cubicBezTo>
                <a:cubicBezTo>
                  <a:pt x="151" y="192"/>
                  <a:pt x="160" y="183"/>
                  <a:pt x="160" y="172"/>
                </a:cubicBezTo>
                <a:cubicBezTo>
                  <a:pt x="160" y="32"/>
                  <a:pt x="160" y="32"/>
                  <a:pt x="160" y="32"/>
                </a:cubicBezTo>
                <a:cubicBezTo>
                  <a:pt x="188" y="32"/>
                  <a:pt x="188" y="32"/>
                  <a:pt x="188" y="32"/>
                </a:cubicBezTo>
                <a:cubicBezTo>
                  <a:pt x="189" y="32"/>
                  <a:pt x="190" y="32"/>
                  <a:pt x="191" y="31"/>
                </a:cubicBezTo>
                <a:close/>
                <a:moveTo>
                  <a:pt x="20" y="184"/>
                </a:moveTo>
                <a:cubicBezTo>
                  <a:pt x="13" y="184"/>
                  <a:pt x="8" y="179"/>
                  <a:pt x="8" y="172"/>
                </a:cubicBezTo>
                <a:cubicBezTo>
                  <a:pt x="8" y="168"/>
                  <a:pt x="8" y="168"/>
                  <a:pt x="8" y="168"/>
                </a:cubicBezTo>
                <a:cubicBezTo>
                  <a:pt x="120" y="168"/>
                  <a:pt x="120" y="168"/>
                  <a:pt x="120" y="168"/>
                </a:cubicBezTo>
                <a:cubicBezTo>
                  <a:pt x="120" y="172"/>
                  <a:pt x="120" y="172"/>
                  <a:pt x="120" y="172"/>
                </a:cubicBezTo>
                <a:cubicBezTo>
                  <a:pt x="120" y="177"/>
                  <a:pt x="121" y="181"/>
                  <a:pt x="124" y="184"/>
                </a:cubicBezTo>
                <a:lnTo>
                  <a:pt x="20" y="184"/>
                </a:lnTo>
                <a:close/>
                <a:moveTo>
                  <a:pt x="152" y="20"/>
                </a:moveTo>
                <a:cubicBezTo>
                  <a:pt x="152" y="172"/>
                  <a:pt x="152" y="172"/>
                  <a:pt x="152" y="172"/>
                </a:cubicBezTo>
                <a:cubicBezTo>
                  <a:pt x="152" y="179"/>
                  <a:pt x="147" y="184"/>
                  <a:pt x="140" y="184"/>
                </a:cubicBezTo>
                <a:cubicBezTo>
                  <a:pt x="133" y="184"/>
                  <a:pt x="128" y="179"/>
                  <a:pt x="128" y="172"/>
                </a:cubicBezTo>
                <a:cubicBezTo>
                  <a:pt x="128" y="164"/>
                  <a:pt x="128" y="164"/>
                  <a:pt x="128" y="164"/>
                </a:cubicBezTo>
                <a:cubicBezTo>
                  <a:pt x="128" y="163"/>
                  <a:pt x="128" y="162"/>
                  <a:pt x="127" y="161"/>
                </a:cubicBezTo>
                <a:cubicBezTo>
                  <a:pt x="126" y="160"/>
                  <a:pt x="125" y="160"/>
                  <a:pt x="124" y="160"/>
                </a:cubicBezTo>
                <a:cubicBezTo>
                  <a:pt x="32" y="160"/>
                  <a:pt x="32" y="160"/>
                  <a:pt x="32" y="160"/>
                </a:cubicBezTo>
                <a:cubicBezTo>
                  <a:pt x="32" y="20"/>
                  <a:pt x="32" y="20"/>
                  <a:pt x="32" y="20"/>
                </a:cubicBezTo>
                <a:cubicBezTo>
                  <a:pt x="32" y="13"/>
                  <a:pt x="37" y="8"/>
                  <a:pt x="44" y="8"/>
                </a:cubicBezTo>
                <a:cubicBezTo>
                  <a:pt x="156" y="8"/>
                  <a:pt x="156" y="8"/>
                  <a:pt x="156" y="8"/>
                </a:cubicBezTo>
                <a:cubicBezTo>
                  <a:pt x="154" y="11"/>
                  <a:pt x="152" y="15"/>
                  <a:pt x="152" y="20"/>
                </a:cubicBezTo>
                <a:close/>
                <a:moveTo>
                  <a:pt x="184" y="24"/>
                </a:moveTo>
                <a:cubicBezTo>
                  <a:pt x="160" y="24"/>
                  <a:pt x="160" y="24"/>
                  <a:pt x="160" y="24"/>
                </a:cubicBezTo>
                <a:cubicBezTo>
                  <a:pt x="160" y="20"/>
                  <a:pt x="160" y="20"/>
                  <a:pt x="160" y="20"/>
                </a:cubicBezTo>
                <a:cubicBezTo>
                  <a:pt x="160" y="13"/>
                  <a:pt x="165" y="8"/>
                  <a:pt x="172" y="8"/>
                </a:cubicBezTo>
                <a:cubicBezTo>
                  <a:pt x="172" y="8"/>
                  <a:pt x="172" y="8"/>
                  <a:pt x="172" y="8"/>
                </a:cubicBezTo>
                <a:cubicBezTo>
                  <a:pt x="172" y="8"/>
                  <a:pt x="172" y="8"/>
                  <a:pt x="172" y="8"/>
                </a:cubicBezTo>
                <a:cubicBezTo>
                  <a:pt x="179" y="8"/>
                  <a:pt x="184" y="13"/>
                  <a:pt x="184" y="20"/>
                </a:cubicBezTo>
                <a:lnTo>
                  <a:pt x="184" y="24"/>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3" name="Freeform 13">
            <a:extLst>
              <a:ext uri="{FF2B5EF4-FFF2-40B4-BE49-F238E27FC236}">
                <a16:creationId xmlns:a16="http://schemas.microsoft.com/office/drawing/2014/main" id="{85B573FF-F7C4-7C5E-371B-4FB1A16F5E53}"/>
              </a:ext>
              <a:ext uri="{C183D7F6-B498-43B3-948B-1728B52AA6E4}">
                <adec:decorative xmlns:adec="http://schemas.microsoft.com/office/drawing/2017/decorative" val="1"/>
              </a:ext>
            </a:extLst>
          </p:cNvPr>
          <p:cNvSpPr>
            <a:spLocks noEditPoints="1"/>
          </p:cNvSpPr>
          <p:nvPr/>
        </p:nvSpPr>
        <p:spPr bwMode="auto">
          <a:xfrm>
            <a:off x="9604351" y="3604125"/>
            <a:ext cx="362610" cy="362610"/>
          </a:xfrm>
          <a:custGeom>
            <a:avLst/>
            <a:gdLst>
              <a:gd name="T0" fmla="*/ 0 w 208"/>
              <a:gd name="T1" fmla="*/ 104 h 208"/>
              <a:gd name="T2" fmla="*/ 208 w 208"/>
              <a:gd name="T3" fmla="*/ 104 h 208"/>
              <a:gd name="T4" fmla="*/ 8 w 208"/>
              <a:gd name="T5" fmla="*/ 108 h 208"/>
              <a:gd name="T6" fmla="*/ 54 w 208"/>
              <a:gd name="T7" fmla="*/ 152 h 208"/>
              <a:gd name="T8" fmla="*/ 8 w 208"/>
              <a:gd name="T9" fmla="*/ 108 h 208"/>
              <a:gd name="T10" fmla="*/ 108 w 208"/>
              <a:gd name="T11" fmla="*/ 10 h 208"/>
              <a:gd name="T12" fmla="*/ 142 w 208"/>
              <a:gd name="T13" fmla="*/ 48 h 208"/>
              <a:gd name="T14" fmla="*/ 145 w 208"/>
              <a:gd name="T15" fmla="*/ 56 h 208"/>
              <a:gd name="T16" fmla="*/ 108 w 208"/>
              <a:gd name="T17" fmla="*/ 100 h 208"/>
              <a:gd name="T18" fmla="*/ 145 w 208"/>
              <a:gd name="T19" fmla="*/ 56 h 208"/>
              <a:gd name="T20" fmla="*/ 100 w 208"/>
              <a:gd name="T21" fmla="*/ 48 h 208"/>
              <a:gd name="T22" fmla="*/ 71 w 208"/>
              <a:gd name="T23" fmla="*/ 37 h 208"/>
              <a:gd name="T24" fmla="*/ 100 w 208"/>
              <a:gd name="T25" fmla="*/ 56 h 208"/>
              <a:gd name="T26" fmla="*/ 56 w 208"/>
              <a:gd name="T27" fmla="*/ 100 h 208"/>
              <a:gd name="T28" fmla="*/ 100 w 208"/>
              <a:gd name="T29" fmla="*/ 56 h 208"/>
              <a:gd name="T30" fmla="*/ 8 w 208"/>
              <a:gd name="T31" fmla="*/ 100 h 208"/>
              <a:gd name="T32" fmla="*/ 54 w 208"/>
              <a:gd name="T33" fmla="*/ 56 h 208"/>
              <a:gd name="T34" fmla="*/ 56 w 208"/>
              <a:gd name="T35" fmla="*/ 108 h 208"/>
              <a:gd name="T36" fmla="*/ 100 w 208"/>
              <a:gd name="T37" fmla="*/ 152 h 208"/>
              <a:gd name="T38" fmla="*/ 56 w 208"/>
              <a:gd name="T39" fmla="*/ 108 h 208"/>
              <a:gd name="T40" fmla="*/ 100 w 208"/>
              <a:gd name="T41" fmla="*/ 198 h 208"/>
              <a:gd name="T42" fmla="*/ 66 w 208"/>
              <a:gd name="T43" fmla="*/ 160 h 208"/>
              <a:gd name="T44" fmla="*/ 108 w 208"/>
              <a:gd name="T45" fmla="*/ 198 h 208"/>
              <a:gd name="T46" fmla="*/ 142 w 208"/>
              <a:gd name="T47" fmla="*/ 160 h 208"/>
              <a:gd name="T48" fmla="*/ 108 w 208"/>
              <a:gd name="T49" fmla="*/ 198 h 208"/>
              <a:gd name="T50" fmla="*/ 108 w 208"/>
              <a:gd name="T51" fmla="*/ 108 h 208"/>
              <a:gd name="T52" fmla="*/ 145 w 208"/>
              <a:gd name="T53" fmla="*/ 152 h 208"/>
              <a:gd name="T54" fmla="*/ 160 w 208"/>
              <a:gd name="T55" fmla="*/ 108 h 208"/>
              <a:gd name="T56" fmla="*/ 187 w 208"/>
              <a:gd name="T57" fmla="*/ 152 h 208"/>
              <a:gd name="T58" fmla="*/ 160 w 208"/>
              <a:gd name="T59" fmla="*/ 108 h 208"/>
              <a:gd name="T60" fmla="*/ 154 w 208"/>
              <a:gd name="T61" fmla="*/ 56 h 208"/>
              <a:gd name="T62" fmla="*/ 200 w 208"/>
              <a:gd name="T63" fmla="*/ 100 h 208"/>
              <a:gd name="T64" fmla="*/ 182 w 208"/>
              <a:gd name="T65" fmla="*/ 48 h 208"/>
              <a:gd name="T66" fmla="*/ 144 w 208"/>
              <a:gd name="T67" fmla="*/ 33 h 208"/>
              <a:gd name="T68" fmla="*/ 182 w 208"/>
              <a:gd name="T69" fmla="*/ 48 h 208"/>
              <a:gd name="T70" fmla="*/ 64 w 208"/>
              <a:gd name="T71" fmla="*/ 33 h 208"/>
              <a:gd name="T72" fmla="*/ 26 w 208"/>
              <a:gd name="T73" fmla="*/ 48 h 208"/>
              <a:gd name="T74" fmla="*/ 26 w 208"/>
              <a:gd name="T75" fmla="*/ 160 h 208"/>
              <a:gd name="T76" fmla="*/ 64 w 208"/>
              <a:gd name="T77" fmla="*/ 175 h 208"/>
              <a:gd name="T78" fmla="*/ 26 w 208"/>
              <a:gd name="T79" fmla="*/ 160 h 208"/>
              <a:gd name="T80" fmla="*/ 144 w 208"/>
              <a:gd name="T81" fmla="*/ 175 h 208"/>
              <a:gd name="T82" fmla="*/ 182 w 208"/>
              <a:gd name="T83" fmla="*/ 16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208" h="208">
                <a:moveTo>
                  <a:pt x="104" y="0"/>
                </a:moveTo>
                <a:cubicBezTo>
                  <a:pt x="47" y="0"/>
                  <a:pt x="0" y="47"/>
                  <a:pt x="0" y="104"/>
                </a:cubicBezTo>
                <a:cubicBezTo>
                  <a:pt x="0" y="161"/>
                  <a:pt x="47" y="208"/>
                  <a:pt x="104" y="208"/>
                </a:cubicBezTo>
                <a:cubicBezTo>
                  <a:pt x="161" y="208"/>
                  <a:pt x="208" y="161"/>
                  <a:pt x="208" y="104"/>
                </a:cubicBezTo>
                <a:cubicBezTo>
                  <a:pt x="208" y="47"/>
                  <a:pt x="161" y="0"/>
                  <a:pt x="104" y="0"/>
                </a:cubicBezTo>
                <a:close/>
                <a:moveTo>
                  <a:pt x="8" y="108"/>
                </a:moveTo>
                <a:cubicBezTo>
                  <a:pt x="48" y="108"/>
                  <a:pt x="48" y="108"/>
                  <a:pt x="48" y="108"/>
                </a:cubicBezTo>
                <a:cubicBezTo>
                  <a:pt x="48" y="124"/>
                  <a:pt x="51" y="139"/>
                  <a:pt x="54" y="152"/>
                </a:cubicBezTo>
                <a:cubicBezTo>
                  <a:pt x="21" y="152"/>
                  <a:pt x="21" y="152"/>
                  <a:pt x="21" y="152"/>
                </a:cubicBezTo>
                <a:cubicBezTo>
                  <a:pt x="13" y="139"/>
                  <a:pt x="9" y="124"/>
                  <a:pt x="8" y="108"/>
                </a:cubicBezTo>
                <a:close/>
                <a:moveTo>
                  <a:pt x="108" y="48"/>
                </a:moveTo>
                <a:cubicBezTo>
                  <a:pt x="108" y="10"/>
                  <a:pt x="108" y="10"/>
                  <a:pt x="108" y="10"/>
                </a:cubicBezTo>
                <a:cubicBezTo>
                  <a:pt x="119" y="12"/>
                  <a:pt x="129" y="21"/>
                  <a:pt x="137" y="37"/>
                </a:cubicBezTo>
                <a:cubicBezTo>
                  <a:pt x="139" y="40"/>
                  <a:pt x="141" y="44"/>
                  <a:pt x="142" y="48"/>
                </a:cubicBezTo>
                <a:lnTo>
                  <a:pt x="108" y="48"/>
                </a:lnTo>
                <a:close/>
                <a:moveTo>
                  <a:pt x="145" y="56"/>
                </a:moveTo>
                <a:cubicBezTo>
                  <a:pt x="149" y="69"/>
                  <a:pt x="152" y="84"/>
                  <a:pt x="152" y="100"/>
                </a:cubicBezTo>
                <a:cubicBezTo>
                  <a:pt x="108" y="100"/>
                  <a:pt x="108" y="100"/>
                  <a:pt x="108" y="100"/>
                </a:cubicBezTo>
                <a:cubicBezTo>
                  <a:pt x="108" y="56"/>
                  <a:pt x="108" y="56"/>
                  <a:pt x="108" y="56"/>
                </a:cubicBezTo>
                <a:lnTo>
                  <a:pt x="145" y="56"/>
                </a:lnTo>
                <a:close/>
                <a:moveTo>
                  <a:pt x="100" y="10"/>
                </a:moveTo>
                <a:cubicBezTo>
                  <a:pt x="100" y="48"/>
                  <a:pt x="100" y="48"/>
                  <a:pt x="100" y="48"/>
                </a:cubicBezTo>
                <a:cubicBezTo>
                  <a:pt x="66" y="48"/>
                  <a:pt x="66" y="48"/>
                  <a:pt x="66" y="48"/>
                </a:cubicBezTo>
                <a:cubicBezTo>
                  <a:pt x="67" y="44"/>
                  <a:pt x="69" y="40"/>
                  <a:pt x="71" y="37"/>
                </a:cubicBezTo>
                <a:cubicBezTo>
                  <a:pt x="79" y="21"/>
                  <a:pt x="89" y="12"/>
                  <a:pt x="100" y="10"/>
                </a:cubicBezTo>
                <a:close/>
                <a:moveTo>
                  <a:pt x="100" y="56"/>
                </a:moveTo>
                <a:cubicBezTo>
                  <a:pt x="100" y="100"/>
                  <a:pt x="100" y="100"/>
                  <a:pt x="100" y="100"/>
                </a:cubicBezTo>
                <a:cubicBezTo>
                  <a:pt x="56" y="100"/>
                  <a:pt x="56" y="100"/>
                  <a:pt x="56" y="100"/>
                </a:cubicBezTo>
                <a:cubicBezTo>
                  <a:pt x="56" y="84"/>
                  <a:pt x="59" y="69"/>
                  <a:pt x="63" y="56"/>
                </a:cubicBezTo>
                <a:lnTo>
                  <a:pt x="100" y="56"/>
                </a:lnTo>
                <a:close/>
                <a:moveTo>
                  <a:pt x="48" y="100"/>
                </a:moveTo>
                <a:cubicBezTo>
                  <a:pt x="8" y="100"/>
                  <a:pt x="8" y="100"/>
                  <a:pt x="8" y="100"/>
                </a:cubicBezTo>
                <a:cubicBezTo>
                  <a:pt x="9" y="84"/>
                  <a:pt x="13" y="69"/>
                  <a:pt x="21" y="56"/>
                </a:cubicBezTo>
                <a:cubicBezTo>
                  <a:pt x="54" y="56"/>
                  <a:pt x="54" y="56"/>
                  <a:pt x="54" y="56"/>
                </a:cubicBezTo>
                <a:cubicBezTo>
                  <a:pt x="51" y="69"/>
                  <a:pt x="48" y="84"/>
                  <a:pt x="48" y="100"/>
                </a:cubicBezTo>
                <a:close/>
                <a:moveTo>
                  <a:pt x="56" y="108"/>
                </a:moveTo>
                <a:cubicBezTo>
                  <a:pt x="100" y="108"/>
                  <a:pt x="100" y="108"/>
                  <a:pt x="100" y="108"/>
                </a:cubicBezTo>
                <a:cubicBezTo>
                  <a:pt x="100" y="152"/>
                  <a:pt x="100" y="152"/>
                  <a:pt x="100" y="152"/>
                </a:cubicBezTo>
                <a:cubicBezTo>
                  <a:pt x="63" y="152"/>
                  <a:pt x="63" y="152"/>
                  <a:pt x="63" y="152"/>
                </a:cubicBezTo>
                <a:cubicBezTo>
                  <a:pt x="59" y="139"/>
                  <a:pt x="56" y="124"/>
                  <a:pt x="56" y="108"/>
                </a:cubicBezTo>
                <a:close/>
                <a:moveTo>
                  <a:pt x="100" y="160"/>
                </a:moveTo>
                <a:cubicBezTo>
                  <a:pt x="100" y="198"/>
                  <a:pt x="100" y="198"/>
                  <a:pt x="100" y="198"/>
                </a:cubicBezTo>
                <a:cubicBezTo>
                  <a:pt x="89" y="196"/>
                  <a:pt x="79" y="187"/>
                  <a:pt x="71" y="171"/>
                </a:cubicBezTo>
                <a:cubicBezTo>
                  <a:pt x="69" y="168"/>
                  <a:pt x="67" y="164"/>
                  <a:pt x="66" y="160"/>
                </a:cubicBezTo>
                <a:lnTo>
                  <a:pt x="100" y="160"/>
                </a:lnTo>
                <a:close/>
                <a:moveTo>
                  <a:pt x="108" y="198"/>
                </a:moveTo>
                <a:cubicBezTo>
                  <a:pt x="108" y="160"/>
                  <a:pt x="108" y="160"/>
                  <a:pt x="108" y="160"/>
                </a:cubicBezTo>
                <a:cubicBezTo>
                  <a:pt x="142" y="160"/>
                  <a:pt x="142" y="160"/>
                  <a:pt x="142" y="160"/>
                </a:cubicBezTo>
                <a:cubicBezTo>
                  <a:pt x="141" y="164"/>
                  <a:pt x="139" y="168"/>
                  <a:pt x="137" y="171"/>
                </a:cubicBezTo>
                <a:cubicBezTo>
                  <a:pt x="129" y="187"/>
                  <a:pt x="119" y="196"/>
                  <a:pt x="108" y="198"/>
                </a:cubicBezTo>
                <a:close/>
                <a:moveTo>
                  <a:pt x="108" y="152"/>
                </a:moveTo>
                <a:cubicBezTo>
                  <a:pt x="108" y="108"/>
                  <a:pt x="108" y="108"/>
                  <a:pt x="108" y="108"/>
                </a:cubicBezTo>
                <a:cubicBezTo>
                  <a:pt x="152" y="108"/>
                  <a:pt x="152" y="108"/>
                  <a:pt x="152" y="108"/>
                </a:cubicBezTo>
                <a:cubicBezTo>
                  <a:pt x="152" y="124"/>
                  <a:pt x="149" y="139"/>
                  <a:pt x="145" y="152"/>
                </a:cubicBezTo>
                <a:lnTo>
                  <a:pt x="108" y="152"/>
                </a:lnTo>
                <a:close/>
                <a:moveTo>
                  <a:pt x="160" y="108"/>
                </a:moveTo>
                <a:cubicBezTo>
                  <a:pt x="200" y="108"/>
                  <a:pt x="200" y="108"/>
                  <a:pt x="200" y="108"/>
                </a:cubicBezTo>
                <a:cubicBezTo>
                  <a:pt x="199" y="124"/>
                  <a:pt x="195" y="139"/>
                  <a:pt x="187" y="152"/>
                </a:cubicBezTo>
                <a:cubicBezTo>
                  <a:pt x="154" y="152"/>
                  <a:pt x="154" y="152"/>
                  <a:pt x="154" y="152"/>
                </a:cubicBezTo>
                <a:cubicBezTo>
                  <a:pt x="157" y="139"/>
                  <a:pt x="160" y="124"/>
                  <a:pt x="160" y="108"/>
                </a:cubicBezTo>
                <a:close/>
                <a:moveTo>
                  <a:pt x="160" y="100"/>
                </a:moveTo>
                <a:cubicBezTo>
                  <a:pt x="160" y="84"/>
                  <a:pt x="157" y="69"/>
                  <a:pt x="154" y="56"/>
                </a:cubicBezTo>
                <a:cubicBezTo>
                  <a:pt x="187" y="56"/>
                  <a:pt x="187" y="56"/>
                  <a:pt x="187" y="56"/>
                </a:cubicBezTo>
                <a:cubicBezTo>
                  <a:pt x="195" y="69"/>
                  <a:pt x="199" y="84"/>
                  <a:pt x="200" y="100"/>
                </a:cubicBezTo>
                <a:lnTo>
                  <a:pt x="160" y="100"/>
                </a:lnTo>
                <a:close/>
                <a:moveTo>
                  <a:pt x="182" y="48"/>
                </a:moveTo>
                <a:cubicBezTo>
                  <a:pt x="151" y="48"/>
                  <a:pt x="151" y="48"/>
                  <a:pt x="151" y="48"/>
                </a:cubicBezTo>
                <a:cubicBezTo>
                  <a:pt x="149" y="43"/>
                  <a:pt x="147" y="37"/>
                  <a:pt x="144" y="33"/>
                </a:cubicBezTo>
                <a:cubicBezTo>
                  <a:pt x="140" y="24"/>
                  <a:pt x="134" y="16"/>
                  <a:pt x="127" y="11"/>
                </a:cubicBezTo>
                <a:cubicBezTo>
                  <a:pt x="149" y="16"/>
                  <a:pt x="169" y="30"/>
                  <a:pt x="182" y="48"/>
                </a:cubicBezTo>
                <a:close/>
                <a:moveTo>
                  <a:pt x="81" y="11"/>
                </a:moveTo>
                <a:cubicBezTo>
                  <a:pt x="74" y="16"/>
                  <a:pt x="68" y="24"/>
                  <a:pt x="64" y="33"/>
                </a:cubicBezTo>
                <a:cubicBezTo>
                  <a:pt x="61" y="37"/>
                  <a:pt x="59" y="43"/>
                  <a:pt x="57" y="48"/>
                </a:cubicBezTo>
                <a:cubicBezTo>
                  <a:pt x="26" y="48"/>
                  <a:pt x="26" y="48"/>
                  <a:pt x="26" y="48"/>
                </a:cubicBezTo>
                <a:cubicBezTo>
                  <a:pt x="39" y="30"/>
                  <a:pt x="59" y="16"/>
                  <a:pt x="81" y="11"/>
                </a:cubicBezTo>
                <a:close/>
                <a:moveTo>
                  <a:pt x="26" y="160"/>
                </a:moveTo>
                <a:cubicBezTo>
                  <a:pt x="57" y="160"/>
                  <a:pt x="57" y="160"/>
                  <a:pt x="57" y="160"/>
                </a:cubicBezTo>
                <a:cubicBezTo>
                  <a:pt x="59" y="165"/>
                  <a:pt x="61" y="171"/>
                  <a:pt x="64" y="175"/>
                </a:cubicBezTo>
                <a:cubicBezTo>
                  <a:pt x="68" y="184"/>
                  <a:pt x="74" y="192"/>
                  <a:pt x="81" y="197"/>
                </a:cubicBezTo>
                <a:cubicBezTo>
                  <a:pt x="59" y="192"/>
                  <a:pt x="39" y="178"/>
                  <a:pt x="26" y="160"/>
                </a:cubicBezTo>
                <a:close/>
                <a:moveTo>
                  <a:pt x="127" y="197"/>
                </a:moveTo>
                <a:cubicBezTo>
                  <a:pt x="134" y="192"/>
                  <a:pt x="140" y="184"/>
                  <a:pt x="144" y="175"/>
                </a:cubicBezTo>
                <a:cubicBezTo>
                  <a:pt x="147" y="171"/>
                  <a:pt x="149" y="165"/>
                  <a:pt x="151" y="160"/>
                </a:cubicBezTo>
                <a:cubicBezTo>
                  <a:pt x="182" y="160"/>
                  <a:pt x="182" y="160"/>
                  <a:pt x="182" y="160"/>
                </a:cubicBezTo>
                <a:cubicBezTo>
                  <a:pt x="169" y="178"/>
                  <a:pt x="149" y="192"/>
                  <a:pt x="127" y="197"/>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6" name="TextBox 15">
            <a:extLst>
              <a:ext uri="{FF2B5EF4-FFF2-40B4-BE49-F238E27FC236}">
                <a16:creationId xmlns:a16="http://schemas.microsoft.com/office/drawing/2014/main" id="{46052890-23E4-E0C2-E5B7-5F5B098F5886}"/>
              </a:ext>
            </a:extLst>
          </p:cNvPr>
          <p:cNvSpPr txBox="1"/>
          <p:nvPr/>
        </p:nvSpPr>
        <p:spPr>
          <a:xfrm>
            <a:off x="9386251" y="4683135"/>
            <a:ext cx="2544723" cy="1456809"/>
          </a:xfrm>
          <a:prstGeom prst="rect">
            <a:avLst/>
          </a:prstGeom>
          <a:noFill/>
        </p:spPr>
        <p:txBody>
          <a:bodyPr wrap="square">
            <a:spAutoFit/>
          </a:bodyPr>
          <a:lstStyle/>
          <a:p>
            <a:pPr marL="0" algn="l" defTabSz="1039307" rtl="0" eaLnBrk="1" latinLnBrk="0" hangingPunct="1">
              <a:spcBef>
                <a:spcPts val="400"/>
              </a:spcBef>
              <a:spcAft>
                <a:spcPts val="400"/>
              </a:spcAft>
              <a:buNone/>
            </a:pP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The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EuroStack</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vision presents a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tangible</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pathway</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for Europe to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reduce</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its</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technological</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dependence</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enhance</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its</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strategic</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autonomy</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nd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lead</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in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values</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driven innovation.”</a:t>
            </a:r>
          </a:p>
          <a:p>
            <a:pPr algn="l">
              <a:spcBef>
                <a:spcPts val="400"/>
              </a:spcBef>
              <a:spcAft>
                <a:spcPts val="400"/>
              </a:spcAft>
              <a:buNone/>
            </a:pPr>
            <a:r>
              <a:rPr lang="da-DK" sz="900" b="1" noProof="0" dirty="0">
                <a:solidFill>
                  <a:srgbClr val="000000"/>
                </a:solidFill>
                <a:effectLst/>
                <a:latin typeface="Arial" panose="020B0604020202020204" pitchFamily="34" charset="0"/>
                <a:ea typeface="Arial" panose="020B0604020202020204" pitchFamily="34" charset="0"/>
                <a:cs typeface="Times New Roman" panose="02020603050405020304" pitchFamily="18" charset="0"/>
              </a:rPr>
              <a:t>Martin Hullin</a:t>
            </a:r>
            <a:br>
              <a:rPr lang="da-DK" sz="900" noProof="0" dirty="0">
                <a:solidFill>
                  <a:srgbClr val="000000"/>
                </a:solidFill>
                <a:effectLst/>
                <a:latin typeface="Arial" panose="020B0604020202020204" pitchFamily="34" charset="0"/>
                <a:ea typeface="Arial" panose="020B0604020202020204" pitchFamily="34" charset="0"/>
                <a:cs typeface="Times New Roman" panose="02020603050405020304" pitchFamily="18" charset="0"/>
              </a:rPr>
            </a:br>
            <a:r>
              <a:rPr lang="da-DK" sz="900" noProof="0" dirty="0">
                <a:solidFill>
                  <a:srgbClr val="000000"/>
                </a:solidFill>
                <a:effectLst/>
                <a:latin typeface="Arial" panose="020B0604020202020204" pitchFamily="34" charset="0"/>
                <a:ea typeface="Arial" panose="020B0604020202020204" pitchFamily="34" charset="0"/>
                <a:cs typeface="Times New Roman" panose="02020603050405020304" pitchFamily="18" charset="0"/>
              </a:rPr>
              <a:t>Direktør for Digitalisering, Bertelsmann </a:t>
            </a:r>
            <a:r>
              <a:rPr lang="da-DK" sz="900" noProof="0" dirty="0" err="1">
                <a:solidFill>
                  <a:srgbClr val="000000"/>
                </a:solidFill>
                <a:effectLst/>
                <a:latin typeface="Arial" panose="020B0604020202020204" pitchFamily="34" charset="0"/>
                <a:ea typeface="Arial" panose="020B0604020202020204" pitchFamily="34" charset="0"/>
                <a:cs typeface="Times New Roman" panose="02020603050405020304" pitchFamily="18" charset="0"/>
              </a:rPr>
              <a:t>Stiftung</a:t>
            </a:r>
            <a:r>
              <a:rPr lang="da-DK" sz="900" noProof="0" dirty="0">
                <a:solidFill>
                  <a:srgbClr val="000000"/>
                </a:solidFill>
                <a:effectLst/>
                <a:latin typeface="Arial" panose="020B0604020202020204" pitchFamily="34" charset="0"/>
                <a:ea typeface="Arial" panose="020B0604020202020204" pitchFamily="34" charset="0"/>
                <a:cs typeface="Times New Roman" panose="02020603050405020304" pitchFamily="18" charset="0"/>
              </a:rPr>
              <a:t> (offentlig udtalelse).</a:t>
            </a:r>
          </a:p>
        </p:txBody>
      </p:sp>
    </p:spTree>
    <p:extLst>
      <p:ext uri="{BB962C8B-B14F-4D97-AF65-F5344CB8AC3E}">
        <p14:creationId xmlns:p14="http://schemas.microsoft.com/office/powerpoint/2010/main" val="3826605073"/>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A35D63-B0CD-8C88-D37A-D8FD9736C255}"/>
            </a:ext>
          </a:extLst>
        </p:cNvPr>
        <p:cNvGrpSpPr/>
        <p:nvPr/>
      </p:nvGrpSpPr>
      <p:grpSpPr>
        <a:xfrm>
          <a:off x="0" y="0"/>
          <a:ext cx="0" cy="0"/>
          <a:chOff x="0" y="0"/>
          <a:chExt cx="0" cy="0"/>
        </a:xfrm>
      </p:grpSpPr>
      <p:sp>
        <p:nvSpPr>
          <p:cNvPr id="100" name="Rectangle: Rounded Corners 99">
            <a:extLst>
              <a:ext uri="{FF2B5EF4-FFF2-40B4-BE49-F238E27FC236}">
                <a16:creationId xmlns:a16="http://schemas.microsoft.com/office/drawing/2014/main" id="{FAAC5396-68EE-3A7E-7A02-3E92710B1A97}"/>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2 | Indkøb af digitalt suveræne clouds i EU-Kommissionen</a:t>
            </a:r>
          </a:p>
        </p:txBody>
      </p:sp>
      <p:sp>
        <p:nvSpPr>
          <p:cNvPr id="2" name="Title 1">
            <a:extLst>
              <a:ext uri="{FF2B5EF4-FFF2-40B4-BE49-F238E27FC236}">
                <a16:creationId xmlns:a16="http://schemas.microsoft.com/office/drawing/2014/main" id="{515BADA0-39F9-4A4C-2945-C23AB632785C}"/>
              </a:ext>
            </a:extLst>
          </p:cNvPr>
          <p:cNvSpPr>
            <a:spLocks noGrp="1"/>
          </p:cNvSpPr>
          <p:nvPr>
            <p:ph type="title"/>
          </p:nvPr>
        </p:nvSpPr>
        <p:spPr/>
        <p:txBody>
          <a:bodyPr/>
          <a:lstStyle/>
          <a:p>
            <a:r>
              <a:rPr lang="da-DK" sz="2200" noProof="0" dirty="0"/>
              <a:t>Side 1/3 | </a:t>
            </a:r>
            <a:r>
              <a:rPr lang="da-DK" sz="2200" b="1" noProof="0" dirty="0"/>
              <a:t>Sammenfatning af casen</a:t>
            </a:r>
          </a:p>
        </p:txBody>
      </p:sp>
      <p:pic>
        <p:nvPicPr>
          <p:cNvPr id="12290" name="Picture 2">
            <a:extLst>
              <a:ext uri="{FF2B5EF4-FFF2-40B4-BE49-F238E27FC236}">
                <a16:creationId xmlns:a16="http://schemas.microsoft.com/office/drawing/2014/main" id="{81BAF849-0667-7D08-DAE6-9AAAA4B3BC40}"/>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097322" y="212272"/>
            <a:ext cx="1925141" cy="1006574"/>
          </a:xfrm>
          <a:prstGeom prst="rect">
            <a:avLst/>
          </a:prstGeom>
          <a:noFill/>
          <a:extLst>
            <a:ext uri="{909E8E84-426E-40DD-AFC4-6F175D3DCCD1}">
              <a14:hiddenFill xmlns:a14="http://schemas.microsoft.com/office/drawing/2010/main">
                <a:solidFill>
                  <a:srgbClr val="FFFFFF"/>
                </a:solidFill>
              </a14:hiddenFill>
            </a:ext>
          </a:extLst>
        </p:spPr>
      </p:pic>
      <p:sp>
        <p:nvSpPr>
          <p:cNvPr id="4" name="Rectangle: Rounded Corners 3">
            <a:extLst>
              <a:ext uri="{FF2B5EF4-FFF2-40B4-BE49-F238E27FC236}">
                <a16:creationId xmlns:a16="http://schemas.microsoft.com/office/drawing/2014/main" id="{34BC323E-9D33-8388-4949-90A81D8B5364}"/>
              </a:ext>
              <a:ext uri="{C183D7F6-B498-43B3-948B-1728B52AA6E4}">
                <adec:decorative xmlns:adec="http://schemas.microsoft.com/office/drawing/2017/decorative" val="1"/>
              </a:ext>
            </a:extLst>
          </p:cNvPr>
          <p:cNvSpPr/>
          <p:nvPr/>
        </p:nvSpPr>
        <p:spPr>
          <a:xfrm>
            <a:off x="552450" y="1812066"/>
            <a:ext cx="2687326" cy="4608001"/>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53" name="Rectangle: Rounded Corners 52">
            <a:extLst>
              <a:ext uri="{FF2B5EF4-FFF2-40B4-BE49-F238E27FC236}">
                <a16:creationId xmlns:a16="http://schemas.microsoft.com/office/drawing/2014/main" id="{AC91D6C4-F3BD-1003-A1E3-26133276257A}"/>
              </a:ext>
              <a:ext uri="{C183D7F6-B498-43B3-948B-1728B52AA6E4}">
                <adec:decorative xmlns:adec="http://schemas.microsoft.com/office/drawing/2017/decorative" val="1"/>
              </a:ext>
            </a:extLst>
          </p:cNvPr>
          <p:cNvSpPr/>
          <p:nvPr/>
        </p:nvSpPr>
        <p:spPr>
          <a:xfrm>
            <a:off x="3420767" y="4281488"/>
            <a:ext cx="5827317" cy="2037543"/>
          </a:xfrm>
          <a:prstGeom prst="roundRect">
            <a:avLst>
              <a:gd name="adj" fmla="val 3064"/>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9" name="Rectangle: Rounded Corners 8">
            <a:extLst>
              <a:ext uri="{FF2B5EF4-FFF2-40B4-BE49-F238E27FC236}">
                <a16:creationId xmlns:a16="http://schemas.microsoft.com/office/drawing/2014/main" id="{5733ED3F-71DC-4C86-7363-8BFF90901A50}"/>
              </a:ext>
              <a:ext uri="{C183D7F6-B498-43B3-948B-1728B52AA6E4}">
                <adec:decorative xmlns:adec="http://schemas.microsoft.com/office/drawing/2017/decorative" val="1"/>
              </a:ext>
            </a:extLst>
          </p:cNvPr>
          <p:cNvSpPr/>
          <p:nvPr/>
        </p:nvSpPr>
        <p:spPr>
          <a:xfrm>
            <a:off x="3309627" y="1812066"/>
            <a:ext cx="6049058" cy="4608001"/>
          </a:xfrm>
          <a:prstGeom prst="roundRect">
            <a:avLst>
              <a:gd name="adj" fmla="val 1272"/>
            </a:avLst>
          </a:prstGeom>
          <a:noFill/>
          <a:ln w="9525" cap="flat" cmpd="sng" algn="ctr">
            <a:solidFill>
              <a:srgbClr val="CDECF2"/>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13" name="Content Placeholder 5">
            <a:extLst>
              <a:ext uri="{FF2B5EF4-FFF2-40B4-BE49-F238E27FC236}">
                <a16:creationId xmlns:a16="http://schemas.microsoft.com/office/drawing/2014/main" id="{3BBB8685-EECF-96F0-675B-43F35D090D6D}"/>
              </a:ext>
            </a:extLst>
          </p:cNvPr>
          <p:cNvSpPr txBox="1">
            <a:spLocks/>
          </p:cNvSpPr>
          <p:nvPr/>
        </p:nvSpPr>
        <p:spPr>
          <a:xfrm>
            <a:off x="946958" y="1872059"/>
            <a:ext cx="220710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Introduktion</a:t>
            </a:r>
          </a:p>
        </p:txBody>
      </p:sp>
      <p:sp>
        <p:nvSpPr>
          <p:cNvPr id="11" name="Rectangle 10">
            <a:extLst>
              <a:ext uri="{FF2B5EF4-FFF2-40B4-BE49-F238E27FC236}">
                <a16:creationId xmlns:a16="http://schemas.microsoft.com/office/drawing/2014/main" id="{03ED104B-3F9F-414D-EA49-43430F41A738}"/>
              </a:ext>
            </a:extLst>
          </p:cNvPr>
          <p:cNvSpPr/>
          <p:nvPr/>
        </p:nvSpPr>
        <p:spPr>
          <a:xfrm>
            <a:off x="552449" y="2139037"/>
            <a:ext cx="2757177" cy="194711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lvl="0">
              <a:spcAft>
                <a:spcPts val="350"/>
              </a:spcAft>
              <a:defRPr/>
            </a:pPr>
            <a:r>
              <a:rPr kumimoji="0" lang="da-DK" sz="900" i="0" u="none" strike="noStrike" kern="1200" cap="none" spc="0" normalizeH="0" baseline="0" noProof="0" dirty="0">
                <a:ln>
                  <a:noFill/>
                </a:ln>
                <a:solidFill>
                  <a:schemeClr val="tx1"/>
                </a:solidFill>
                <a:effectLst/>
                <a:uLnTx/>
                <a:uFillTx/>
                <a:latin typeface="Arial" panose="020B0604020202020204"/>
                <a:ea typeface="+mn-ea"/>
                <a:cs typeface="+mn-cs"/>
              </a:rPr>
              <a:t>Generaldirektoratet for Digitale Tjenester i Europa Kommissionen (EU-Kommissionen) har i efteråret 2025 </a:t>
            </a:r>
            <a:r>
              <a:rPr lang="da-DK" sz="900" noProof="0" dirty="0">
                <a:solidFill>
                  <a:schemeClr val="tx1"/>
                </a:solidFill>
                <a:latin typeface="Arial" panose="020B0604020202020204"/>
              </a:rPr>
              <a:t>annonceret </a:t>
            </a:r>
            <a:r>
              <a:rPr kumimoji="0" lang="da-DK" sz="900" i="0" u="none" strike="noStrike" kern="1200" cap="none" spc="0" normalizeH="0" baseline="0" noProof="0" dirty="0">
                <a:ln>
                  <a:noFill/>
                </a:ln>
                <a:solidFill>
                  <a:schemeClr val="tx1"/>
                </a:solidFill>
                <a:effectLst/>
                <a:uLnTx/>
                <a:uFillTx/>
                <a:latin typeface="Arial" panose="020B0604020202020204"/>
                <a:ea typeface="+mn-ea"/>
                <a:cs typeface="+mn-cs"/>
              </a:rPr>
              <a:t>et udbud på </a:t>
            </a:r>
            <a:r>
              <a:rPr lang="da-DK" sz="900" noProof="0" dirty="0">
                <a:solidFill>
                  <a:schemeClr val="tx1"/>
                </a:solidFill>
              </a:rPr>
              <a:t>€</a:t>
            </a:r>
            <a:r>
              <a:rPr kumimoji="0" lang="da-DK" sz="900" i="0" u="none" strike="noStrike" kern="1200" cap="none" spc="0" normalizeH="0" baseline="0" noProof="0" dirty="0">
                <a:ln>
                  <a:noFill/>
                </a:ln>
                <a:solidFill>
                  <a:schemeClr val="tx1"/>
                </a:solidFill>
                <a:effectLst/>
                <a:uLnTx/>
                <a:uFillTx/>
                <a:latin typeface="Arial" panose="020B0604020202020204"/>
                <a:ea typeface="+mn-ea"/>
                <a:cs typeface="+mn-cs"/>
              </a:rPr>
              <a:t>180 mio. under Cloud III Dynamic </a:t>
            </a:r>
            <a:r>
              <a:rPr kumimoji="0" lang="da-DK" sz="900" i="0" u="none" strike="noStrike" kern="1200" cap="none" spc="0" normalizeH="0" baseline="0" noProof="0" dirty="0" err="1">
                <a:ln>
                  <a:noFill/>
                </a:ln>
                <a:solidFill>
                  <a:schemeClr val="tx1"/>
                </a:solidFill>
                <a:effectLst/>
                <a:uLnTx/>
                <a:uFillTx/>
                <a:latin typeface="Arial" panose="020B0604020202020204"/>
                <a:ea typeface="+mn-ea"/>
                <a:cs typeface="+mn-cs"/>
              </a:rPr>
              <a:t>Purchasing</a:t>
            </a:r>
            <a:r>
              <a:rPr kumimoji="0" lang="da-DK" sz="900" i="0" u="none" strike="noStrike" kern="1200" cap="none" spc="0" normalizeH="0" baseline="0" noProof="0" dirty="0">
                <a:ln>
                  <a:noFill/>
                </a:ln>
                <a:solidFill>
                  <a:schemeClr val="tx1"/>
                </a:solidFill>
                <a:effectLst/>
                <a:uLnTx/>
                <a:uFillTx/>
                <a:latin typeface="Arial" panose="020B0604020202020204"/>
                <a:ea typeface="+mn-ea"/>
                <a:cs typeface="+mn-cs"/>
              </a:rPr>
              <a:t> System (Cloud III DPS). </a:t>
            </a:r>
          </a:p>
          <a:p>
            <a:pPr lvl="0">
              <a:spcAft>
                <a:spcPts val="350"/>
              </a:spcAft>
              <a:defRPr/>
            </a:pPr>
            <a:r>
              <a:rPr lang="da-DK" sz="900" noProof="0" dirty="0">
                <a:solidFill>
                  <a:schemeClr val="tx1"/>
                </a:solidFill>
                <a:latin typeface="Arial" panose="020B0604020202020204"/>
              </a:rPr>
              <a:t>Udbuddet dækker suveræne cloudtjenester, herunder både </a:t>
            </a:r>
            <a:r>
              <a:rPr lang="da-DK" sz="900" noProof="0" dirty="0" err="1">
                <a:solidFill>
                  <a:schemeClr val="tx1"/>
                </a:solidFill>
                <a:latin typeface="Arial" panose="020B0604020202020204"/>
              </a:rPr>
              <a:t>infrastructure</a:t>
            </a:r>
            <a:r>
              <a:rPr lang="da-DK" sz="900" noProof="0" dirty="0">
                <a:solidFill>
                  <a:schemeClr val="tx1"/>
                </a:solidFill>
                <a:latin typeface="Arial" panose="020B0604020202020204"/>
              </a:rPr>
              <a:t>-as-a-service (IaaS) og platform-as-a-service (PaaS), for en seksårig periode. De forskellige cloudtjenester vil kunne anvendes hos alle kommissionens </a:t>
            </a:r>
            <a:r>
              <a:rPr lang="da-DK" sz="900" noProof="0" dirty="0">
                <a:solidFill>
                  <a:schemeClr val="tx1"/>
                </a:solidFill>
              </a:rPr>
              <a:t>institutioner, organer og agenturer. </a:t>
            </a:r>
            <a:r>
              <a:rPr lang="da-DK" sz="900" noProof="0" dirty="0">
                <a:solidFill>
                  <a:schemeClr val="tx1"/>
                </a:solidFill>
                <a:latin typeface="Arial" panose="020B0604020202020204"/>
              </a:rPr>
              <a:t>Der forventes at blive udvalgt op til fire</a:t>
            </a:r>
            <a:r>
              <a:rPr kumimoji="0" lang="da-DK" sz="900" i="0" u="none" strike="noStrike" kern="1200" cap="none" spc="0" normalizeH="0" baseline="0" noProof="0" dirty="0">
                <a:ln>
                  <a:noFill/>
                </a:ln>
                <a:solidFill>
                  <a:schemeClr val="tx1"/>
                </a:solidFill>
                <a:effectLst/>
                <a:uLnTx/>
                <a:uFillTx/>
                <a:latin typeface="Arial" panose="020B0604020202020204"/>
                <a:ea typeface="+mn-ea"/>
                <a:cs typeface="+mn-cs"/>
              </a:rPr>
              <a:t> leverandører på aftalen.</a:t>
            </a:r>
            <a:endParaRPr lang="da-DK" sz="900" i="1" noProof="0" dirty="0">
              <a:solidFill>
                <a:schemeClr val="tx1"/>
              </a:solidFill>
              <a:highlight>
                <a:srgbClr val="FFFF00"/>
              </a:highlight>
            </a:endParaRPr>
          </a:p>
        </p:txBody>
      </p:sp>
      <p:grpSp>
        <p:nvGrpSpPr>
          <p:cNvPr id="39" name="Group 38" descr="Oversigt over teknologistakken og hvor casen rammer. Denne case rammer Cloud services">
            <a:extLst>
              <a:ext uri="{FF2B5EF4-FFF2-40B4-BE49-F238E27FC236}">
                <a16:creationId xmlns:a16="http://schemas.microsoft.com/office/drawing/2014/main" id="{092AAE80-28B7-229D-6025-1390AE38DA5D}"/>
              </a:ext>
              <a:ext uri="{C183D7F6-B498-43B3-948B-1728B52AA6E4}">
                <adec:decorative xmlns:adec="http://schemas.microsoft.com/office/drawing/2017/decorative" val="0"/>
              </a:ext>
            </a:extLst>
          </p:cNvPr>
          <p:cNvGrpSpPr/>
          <p:nvPr/>
        </p:nvGrpSpPr>
        <p:grpSpPr>
          <a:xfrm>
            <a:off x="713385" y="4086154"/>
            <a:ext cx="2338961" cy="2232878"/>
            <a:chOff x="713385" y="4086154"/>
            <a:chExt cx="2338961" cy="2232878"/>
          </a:xfrm>
        </p:grpSpPr>
        <p:sp>
          <p:nvSpPr>
            <p:cNvPr id="64" name="Rectangle: Rounded Corners 63">
              <a:extLst>
                <a:ext uri="{FF2B5EF4-FFF2-40B4-BE49-F238E27FC236}">
                  <a16:creationId xmlns:a16="http://schemas.microsoft.com/office/drawing/2014/main" id="{145210BF-0405-F3A8-57DE-E07945096B21}"/>
                </a:ext>
              </a:extLst>
            </p:cNvPr>
            <p:cNvSpPr/>
            <p:nvPr/>
          </p:nvSpPr>
          <p:spPr>
            <a:xfrm>
              <a:off x="713385" y="4302748"/>
              <a:ext cx="327443" cy="1098143"/>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Digitale løsninger</a:t>
              </a:r>
            </a:p>
          </p:txBody>
        </p:sp>
        <p:sp>
          <p:nvSpPr>
            <p:cNvPr id="88" name="Rectangle: Rounded Corners 87">
              <a:extLst>
                <a:ext uri="{FF2B5EF4-FFF2-40B4-BE49-F238E27FC236}">
                  <a16:creationId xmlns:a16="http://schemas.microsoft.com/office/drawing/2014/main" id="{1ADBA2F9-FE8A-80A1-A93F-540AFEAA62D0}"/>
                </a:ext>
              </a:extLst>
            </p:cNvPr>
            <p:cNvSpPr/>
            <p:nvPr/>
          </p:nvSpPr>
          <p:spPr>
            <a:xfrm>
              <a:off x="714947" y="5450427"/>
              <a:ext cx="327443" cy="868605"/>
            </a:xfrm>
            <a:prstGeom prst="roundRect">
              <a:avLst>
                <a:gd name="adj" fmla="val 6579"/>
              </a:avLst>
            </a:prstGeom>
            <a:solidFill>
              <a:srgbClr val="A2B3C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noProof="0">
                  <a:solidFill>
                    <a:schemeClr val="tx1"/>
                  </a:solidFill>
                </a:rPr>
                <a:t>It-infrastruktur</a:t>
              </a:r>
            </a:p>
          </p:txBody>
        </p:sp>
        <p:sp>
          <p:nvSpPr>
            <p:cNvPr id="90" name="Rectangle 36">
              <a:extLst>
                <a:ext uri="{FF2B5EF4-FFF2-40B4-BE49-F238E27FC236}">
                  <a16:creationId xmlns:a16="http://schemas.microsoft.com/office/drawing/2014/main" id="{10243301-869D-07FC-9F12-513DE5F580A4}"/>
                </a:ext>
              </a:extLst>
            </p:cNvPr>
            <p:cNvSpPr>
              <a:spLocks/>
            </p:cNvSpPr>
            <p:nvPr/>
          </p:nvSpPr>
          <p:spPr>
            <a:xfrm>
              <a:off x="1073146" y="430275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AI og digitale services</a:t>
              </a:r>
            </a:p>
          </p:txBody>
        </p:sp>
        <p:sp>
          <p:nvSpPr>
            <p:cNvPr id="91" name="Rectangle 43">
              <a:extLst>
                <a:ext uri="{FF2B5EF4-FFF2-40B4-BE49-F238E27FC236}">
                  <a16:creationId xmlns:a16="http://schemas.microsoft.com/office/drawing/2014/main" id="{32BC61BF-DC98-01D1-0DBE-E76FD35A809E}"/>
                </a:ext>
              </a:extLst>
            </p:cNvPr>
            <p:cNvSpPr/>
            <p:nvPr/>
          </p:nvSpPr>
          <p:spPr>
            <a:xfrm>
              <a:off x="1073146" y="4086154"/>
              <a:ext cx="1977638" cy="18000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a:solidFill>
                    <a:schemeClr val="bg1"/>
                  </a:solidFill>
                </a:rPr>
                <a:t>Teknologistak</a:t>
              </a:r>
            </a:p>
          </p:txBody>
        </p:sp>
        <p:sp>
          <p:nvSpPr>
            <p:cNvPr id="92" name="Rectangle 36">
              <a:extLst>
                <a:ext uri="{FF2B5EF4-FFF2-40B4-BE49-F238E27FC236}">
                  <a16:creationId xmlns:a16="http://schemas.microsoft.com/office/drawing/2014/main" id="{19D4A4AB-3FF0-67F7-927A-38CBDA6A268A}"/>
                </a:ext>
              </a:extLst>
            </p:cNvPr>
            <p:cNvSpPr>
              <a:spLocks/>
            </p:cNvSpPr>
            <p:nvPr/>
          </p:nvSpPr>
          <p:spPr>
            <a:xfrm>
              <a:off x="1073146" y="453228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Koncern- og fagsystemer</a:t>
              </a:r>
            </a:p>
          </p:txBody>
        </p:sp>
        <p:sp>
          <p:nvSpPr>
            <p:cNvPr id="93" name="Rectangle 36">
              <a:extLst>
                <a:ext uri="{FF2B5EF4-FFF2-40B4-BE49-F238E27FC236}">
                  <a16:creationId xmlns:a16="http://schemas.microsoft.com/office/drawing/2014/main" id="{A4A71C10-6A6A-46D3-A38C-007BC3F99937}"/>
                </a:ext>
              </a:extLst>
            </p:cNvPr>
            <p:cNvSpPr>
              <a:spLocks/>
            </p:cNvSpPr>
            <p:nvPr/>
          </p:nvSpPr>
          <p:spPr>
            <a:xfrm>
              <a:off x="1073146" y="476182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igital arbejdsplads</a:t>
              </a:r>
            </a:p>
          </p:txBody>
        </p:sp>
        <p:sp>
          <p:nvSpPr>
            <p:cNvPr id="94" name="Rectangle 36">
              <a:extLst>
                <a:ext uri="{FF2B5EF4-FFF2-40B4-BE49-F238E27FC236}">
                  <a16:creationId xmlns:a16="http://schemas.microsoft.com/office/drawing/2014/main" id="{F56C7F78-0916-6F16-35BB-BA1082A05C71}"/>
                </a:ext>
              </a:extLst>
            </p:cNvPr>
            <p:cNvSpPr>
              <a:spLocks/>
            </p:cNvSpPr>
            <p:nvPr/>
          </p:nvSpPr>
          <p:spPr>
            <a:xfrm>
              <a:off x="1073146" y="4991357"/>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ikkerhedsløsninger</a:t>
              </a:r>
            </a:p>
          </p:txBody>
        </p:sp>
        <p:sp>
          <p:nvSpPr>
            <p:cNvPr id="95" name="Rectangle 36">
              <a:extLst>
                <a:ext uri="{FF2B5EF4-FFF2-40B4-BE49-F238E27FC236}">
                  <a16:creationId xmlns:a16="http://schemas.microsoft.com/office/drawing/2014/main" id="{6FD1AC2A-25FD-7B18-B321-570A8BC6B153}"/>
                </a:ext>
              </a:extLst>
            </p:cNvPr>
            <p:cNvSpPr>
              <a:spLocks/>
            </p:cNvSpPr>
            <p:nvPr/>
          </p:nvSpPr>
          <p:spPr>
            <a:xfrm>
              <a:off x="1073146" y="5220892"/>
              <a:ext cx="1977638" cy="180000"/>
            </a:xfrm>
            <a:prstGeom prst="roundRect">
              <a:avLst>
                <a:gd name="adj" fmla="val 2658"/>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deling og basis-software</a:t>
              </a:r>
            </a:p>
          </p:txBody>
        </p:sp>
        <p:sp>
          <p:nvSpPr>
            <p:cNvPr id="96" name="Rectangle 36">
              <a:extLst>
                <a:ext uri="{FF2B5EF4-FFF2-40B4-BE49-F238E27FC236}">
                  <a16:creationId xmlns:a16="http://schemas.microsoft.com/office/drawing/2014/main" id="{D2B0EA4E-6E17-749B-9EDB-14F2EEB7F024}"/>
                </a:ext>
              </a:extLst>
            </p:cNvPr>
            <p:cNvSpPr>
              <a:spLocks/>
            </p:cNvSpPr>
            <p:nvPr/>
          </p:nvSpPr>
          <p:spPr>
            <a:xfrm>
              <a:off x="1074708" y="567996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Cloud-services</a:t>
              </a:r>
            </a:p>
          </p:txBody>
        </p:sp>
        <p:sp>
          <p:nvSpPr>
            <p:cNvPr id="97" name="Rectangle 36">
              <a:extLst>
                <a:ext uri="{FF2B5EF4-FFF2-40B4-BE49-F238E27FC236}">
                  <a16:creationId xmlns:a16="http://schemas.microsoft.com/office/drawing/2014/main" id="{790DB4ED-C75B-18DB-1494-EFE30E632B18}"/>
                </a:ext>
              </a:extLst>
            </p:cNvPr>
            <p:cNvSpPr>
              <a:spLocks/>
            </p:cNvSpPr>
            <p:nvPr/>
          </p:nvSpPr>
          <p:spPr>
            <a:xfrm>
              <a:off x="1074708" y="545042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evices og slutbrugerudstyr</a:t>
              </a:r>
            </a:p>
          </p:txBody>
        </p:sp>
        <p:sp>
          <p:nvSpPr>
            <p:cNvPr id="98" name="Rectangle 36">
              <a:extLst>
                <a:ext uri="{FF2B5EF4-FFF2-40B4-BE49-F238E27FC236}">
                  <a16:creationId xmlns:a16="http://schemas.microsoft.com/office/drawing/2014/main" id="{59991030-D152-6381-33CE-0B606DF35B24}"/>
                </a:ext>
              </a:extLst>
            </p:cNvPr>
            <p:cNvSpPr>
              <a:spLocks/>
            </p:cNvSpPr>
            <p:nvPr/>
          </p:nvSpPr>
          <p:spPr>
            <a:xfrm>
              <a:off x="1074708" y="5909497"/>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Datacenterinfrastruktur</a:t>
              </a:r>
            </a:p>
          </p:txBody>
        </p:sp>
        <p:sp>
          <p:nvSpPr>
            <p:cNvPr id="99" name="Rectangle 36">
              <a:extLst>
                <a:ext uri="{FF2B5EF4-FFF2-40B4-BE49-F238E27FC236}">
                  <a16:creationId xmlns:a16="http://schemas.microsoft.com/office/drawing/2014/main" id="{A595513B-8428-4BD6-6E44-1B9A8599F434}"/>
                </a:ext>
              </a:extLst>
            </p:cNvPr>
            <p:cNvSpPr>
              <a:spLocks/>
            </p:cNvSpPr>
            <p:nvPr/>
          </p:nvSpPr>
          <p:spPr>
            <a:xfrm>
              <a:off x="1074708" y="6139032"/>
              <a:ext cx="1977638" cy="180000"/>
            </a:xfrm>
            <a:prstGeom prst="roundRect">
              <a:avLst>
                <a:gd name="adj" fmla="val 2658"/>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Netværksinfrastruktur</a:t>
              </a:r>
            </a:p>
          </p:txBody>
        </p:sp>
      </p:grpSp>
      <p:sp>
        <p:nvSpPr>
          <p:cNvPr id="3" name="Content Placeholder 5">
            <a:extLst>
              <a:ext uri="{FF2B5EF4-FFF2-40B4-BE49-F238E27FC236}">
                <a16:creationId xmlns:a16="http://schemas.microsoft.com/office/drawing/2014/main" id="{A6FE181D-A70F-2892-FD73-E1FA1F7A4D22}"/>
              </a:ext>
            </a:extLst>
          </p:cNvPr>
          <p:cNvSpPr txBox="1">
            <a:spLocks/>
          </p:cNvSpPr>
          <p:nvPr/>
        </p:nvSpPr>
        <p:spPr>
          <a:xfrm>
            <a:off x="3408176" y="1870757"/>
            <a:ext cx="5892462"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a:solidFill>
                  <a:srgbClr val="36465A"/>
                </a:solidFill>
              </a:rPr>
              <a:t>Karakteristika, gevinster og barrierer</a:t>
            </a:r>
          </a:p>
        </p:txBody>
      </p:sp>
      <p:grpSp>
        <p:nvGrpSpPr>
          <p:cNvPr id="41" name="Group 40" descr="Denne case er i implementeringsfasen">
            <a:extLst>
              <a:ext uri="{FF2B5EF4-FFF2-40B4-BE49-F238E27FC236}">
                <a16:creationId xmlns:a16="http://schemas.microsoft.com/office/drawing/2014/main" id="{357E7D35-0768-6938-C118-05F87CFF78C8}"/>
              </a:ext>
              <a:ext uri="{C183D7F6-B498-43B3-948B-1728B52AA6E4}">
                <adec:decorative xmlns:adec="http://schemas.microsoft.com/office/drawing/2017/decorative" val="0"/>
              </a:ext>
            </a:extLst>
          </p:cNvPr>
          <p:cNvGrpSpPr/>
          <p:nvPr/>
        </p:nvGrpSpPr>
        <p:grpSpPr>
          <a:xfrm>
            <a:off x="6937091" y="1938275"/>
            <a:ext cx="2371002" cy="240297"/>
            <a:chOff x="579065" y="3714086"/>
            <a:chExt cx="2371002" cy="240297"/>
          </a:xfrm>
        </p:grpSpPr>
        <p:cxnSp>
          <p:nvCxnSpPr>
            <p:cNvPr id="42" name="Straight Connector 41">
              <a:extLst>
                <a:ext uri="{FF2B5EF4-FFF2-40B4-BE49-F238E27FC236}">
                  <a16:creationId xmlns:a16="http://schemas.microsoft.com/office/drawing/2014/main" id="{D7E47969-88C7-AED5-C7DB-17BFD1200EF9}"/>
                </a:ext>
              </a:extLst>
            </p:cNvPr>
            <p:cNvCxnSpPr>
              <a:cxnSpLocks/>
            </p:cNvCxnSpPr>
            <p:nvPr/>
          </p:nvCxnSpPr>
          <p:spPr>
            <a:xfrm>
              <a:off x="717065" y="3917331"/>
              <a:ext cx="1930811"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EC0F9E1C-EAF0-063B-EFAB-BA357EB65C4F}"/>
                </a:ext>
              </a:extLst>
            </p:cNvPr>
            <p:cNvCxnSpPr>
              <a:cxnSpLocks/>
            </p:cNvCxnSpPr>
            <p:nvPr/>
          </p:nvCxnSpPr>
          <p:spPr>
            <a:xfrm>
              <a:off x="1363757"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44" name="TextBox 43">
              <a:extLst>
                <a:ext uri="{FF2B5EF4-FFF2-40B4-BE49-F238E27FC236}">
                  <a16:creationId xmlns:a16="http://schemas.microsoft.com/office/drawing/2014/main" id="{C01467BF-7698-BAD2-418E-3F3D7DA5E547}"/>
                </a:ext>
              </a:extLst>
            </p:cNvPr>
            <p:cNvSpPr txBox="1"/>
            <p:nvPr/>
          </p:nvSpPr>
          <p:spPr>
            <a:xfrm>
              <a:off x="579065"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dé</a:t>
              </a:r>
            </a:p>
          </p:txBody>
        </p:sp>
        <p:sp>
          <p:nvSpPr>
            <p:cNvPr id="47" name="TextBox 46">
              <a:extLst>
                <a:ext uri="{FF2B5EF4-FFF2-40B4-BE49-F238E27FC236}">
                  <a16:creationId xmlns:a16="http://schemas.microsoft.com/office/drawing/2014/main" id="{1004814C-0AD4-C2D0-C46B-E4EF6B44AFD7}"/>
                </a:ext>
              </a:extLst>
            </p:cNvPr>
            <p:cNvSpPr txBox="1"/>
            <p:nvPr/>
          </p:nvSpPr>
          <p:spPr>
            <a:xfrm>
              <a:off x="1217159" y="3721174"/>
              <a:ext cx="293195"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Projekt</a:t>
              </a:r>
            </a:p>
          </p:txBody>
        </p:sp>
        <p:sp>
          <p:nvSpPr>
            <p:cNvPr id="48" name="TextBox 47">
              <a:extLst>
                <a:ext uri="{FF2B5EF4-FFF2-40B4-BE49-F238E27FC236}">
                  <a16:creationId xmlns:a16="http://schemas.microsoft.com/office/drawing/2014/main" id="{A480E429-AA10-5561-2656-1809FAEA8161}"/>
                </a:ext>
              </a:extLst>
            </p:cNvPr>
            <p:cNvSpPr txBox="1"/>
            <p:nvPr/>
          </p:nvSpPr>
          <p:spPr>
            <a:xfrm>
              <a:off x="1688148" y="3714086"/>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Implementering</a:t>
              </a:r>
            </a:p>
          </p:txBody>
        </p:sp>
        <p:sp>
          <p:nvSpPr>
            <p:cNvPr id="50" name="TextBox 49">
              <a:extLst>
                <a:ext uri="{FF2B5EF4-FFF2-40B4-BE49-F238E27FC236}">
                  <a16:creationId xmlns:a16="http://schemas.microsoft.com/office/drawing/2014/main" id="{5ED22BD8-C4BD-074B-3220-5C8BB83492AB}"/>
                </a:ext>
              </a:extLst>
            </p:cNvPr>
            <p:cNvSpPr txBox="1"/>
            <p:nvPr/>
          </p:nvSpPr>
          <p:spPr>
            <a:xfrm>
              <a:off x="2299837" y="3721174"/>
              <a:ext cx="650230" cy="107722"/>
            </a:xfrm>
            <a:prstGeom prst="rect">
              <a:avLst/>
            </a:prstGeom>
            <a:noFill/>
          </p:spPr>
          <p:txBody>
            <a:bodyPr wrap="square" lIns="0" tIns="0" rIns="0" bIns="0" rtlCol="0" anchor="ctr">
              <a:spAutoFit/>
            </a:bodyPr>
            <a:lstStyle/>
            <a:p>
              <a:pPr algn="ctr"/>
              <a:r>
                <a:rPr lang="da-DK" sz="700" noProof="0">
                  <a:latin typeface="KBH Tekst" panose="00000500000000000000" pitchFamily="2" charset="0"/>
                </a:rPr>
                <a:t>Drift</a:t>
              </a:r>
            </a:p>
          </p:txBody>
        </p:sp>
        <p:cxnSp>
          <p:nvCxnSpPr>
            <p:cNvPr id="51" name="Straight Connector 50">
              <a:extLst>
                <a:ext uri="{FF2B5EF4-FFF2-40B4-BE49-F238E27FC236}">
                  <a16:creationId xmlns:a16="http://schemas.microsoft.com/office/drawing/2014/main" id="{81AEBE06-4482-7509-9599-F940052D260B}"/>
                </a:ext>
              </a:extLst>
            </p:cNvPr>
            <p:cNvCxnSpPr>
              <a:cxnSpLocks/>
            </p:cNvCxnSpPr>
            <p:nvPr/>
          </p:nvCxnSpPr>
          <p:spPr>
            <a:xfrm>
              <a:off x="72453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B1B5B794-AEC4-7D83-7C2C-C7C7C21C449E}"/>
                </a:ext>
              </a:extLst>
            </p:cNvPr>
            <p:cNvCxnSpPr>
              <a:cxnSpLocks/>
            </p:cNvCxnSpPr>
            <p:nvPr/>
          </p:nvCxnSpPr>
          <p:spPr>
            <a:xfrm>
              <a:off x="2006522"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EC3CE6AF-D161-6545-E123-A12F14E6ADD5}"/>
                </a:ext>
              </a:extLst>
            </p:cNvPr>
            <p:cNvCxnSpPr>
              <a:cxnSpLocks/>
            </p:cNvCxnSpPr>
            <p:nvPr/>
          </p:nvCxnSpPr>
          <p:spPr>
            <a:xfrm>
              <a:off x="2642206" y="3874378"/>
              <a:ext cx="0" cy="80005"/>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grpSp>
      <p:sp>
        <p:nvSpPr>
          <p:cNvPr id="14" name="Rectangle 13">
            <a:extLst>
              <a:ext uri="{FF2B5EF4-FFF2-40B4-BE49-F238E27FC236}">
                <a16:creationId xmlns:a16="http://schemas.microsoft.com/office/drawing/2014/main" id="{3FC7BF0C-B1AE-9528-4148-A97204C66291}"/>
              </a:ext>
            </a:extLst>
          </p:cNvPr>
          <p:cNvSpPr/>
          <p:nvPr/>
        </p:nvSpPr>
        <p:spPr>
          <a:xfrm>
            <a:off x="3408013" y="2192514"/>
            <a:ext cx="5681357" cy="214319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r>
              <a:rPr lang="da-DK" sz="900" b="1" noProof="0" dirty="0">
                <a:solidFill>
                  <a:srgbClr val="36465A"/>
                </a:solidFill>
              </a:rPr>
              <a:t>Generelle karakteristika</a:t>
            </a:r>
          </a:p>
          <a:p>
            <a:pPr marL="171450" indent="-171450">
              <a:buFont typeface="Wingdings" panose="05000000000000000000" pitchFamily="2" charset="2"/>
              <a:buChar char="Ø"/>
            </a:pPr>
            <a:r>
              <a:rPr lang="da-DK" sz="900" b="1" noProof="0" dirty="0">
                <a:solidFill>
                  <a:schemeClr val="tx1"/>
                </a:solidFill>
              </a:rPr>
              <a:t>Status på projekt: </a:t>
            </a:r>
            <a:r>
              <a:rPr lang="da-DK" sz="900" noProof="0" dirty="0">
                <a:solidFill>
                  <a:schemeClr val="tx1"/>
                </a:solidFill>
              </a:rPr>
              <a:t>Udbuddet er annonceret i efteråret 2025, og kontrakten forventes at blive tildelt mellem januar 2025 og februar 2026. Aftalen kan betragtes som en ”rammeaftale” med en samlet kapacitet, som Kommissionens institutioner, organer og agenturer kan betjene sig af. Udbudsmaterialet er ikke offentligt tilgængeligt efter gældende procedure. </a:t>
            </a:r>
          </a:p>
          <a:p>
            <a:pPr marL="171450" indent="-171450">
              <a:buFont typeface="Wingdings" panose="05000000000000000000" pitchFamily="2" charset="2"/>
              <a:buChar char="Ø"/>
            </a:pPr>
            <a:r>
              <a:rPr lang="da-DK" sz="900" b="1" noProof="0" dirty="0">
                <a:solidFill>
                  <a:schemeClr val="tx1"/>
                </a:solidFill>
              </a:rPr>
              <a:t>Antal myndigheder/organisationer: </a:t>
            </a:r>
            <a:r>
              <a:rPr lang="da-DK" sz="900" noProof="0" dirty="0">
                <a:solidFill>
                  <a:schemeClr val="tx1"/>
                </a:solidFill>
              </a:rPr>
              <a:t>Ikke et fast antal. Aftalen kan anvendes af alle EU-Kommissions institutioner, organer og agenturer (+60 organisatoriske enheder), der tilslutter sig Cloud III DPS.</a:t>
            </a:r>
          </a:p>
          <a:p>
            <a:pPr marL="171450" indent="-171450">
              <a:buFont typeface="Wingdings" panose="05000000000000000000" pitchFamily="2" charset="2"/>
              <a:buChar char="Ø"/>
            </a:pPr>
            <a:r>
              <a:rPr lang="da-DK" sz="900" b="1" noProof="0" dirty="0">
                <a:solidFill>
                  <a:schemeClr val="tx1"/>
                </a:solidFill>
              </a:rPr>
              <a:t>Geografisk omfang: </a:t>
            </a:r>
            <a:r>
              <a:rPr lang="da-DK" sz="900" noProof="0" dirty="0">
                <a:solidFill>
                  <a:schemeClr val="tx1"/>
                </a:solidFill>
              </a:rPr>
              <a:t>EU-Kommissionen.</a:t>
            </a:r>
          </a:p>
          <a:p>
            <a:pPr marL="171450" indent="-171450">
              <a:buFont typeface="Wingdings" panose="05000000000000000000" pitchFamily="2" charset="2"/>
              <a:buChar char="Ø"/>
            </a:pPr>
            <a:r>
              <a:rPr lang="da-DK" sz="900" b="1" noProof="0" dirty="0">
                <a:solidFill>
                  <a:schemeClr val="tx1"/>
                </a:solidFill>
              </a:rPr>
              <a:t>Antal brugere omfattet: </a:t>
            </a:r>
            <a:r>
              <a:rPr lang="da-DK" sz="900" noProof="0" dirty="0">
                <a:solidFill>
                  <a:schemeClr val="tx1"/>
                </a:solidFill>
              </a:rPr>
              <a:t>Kommissionen har ca. 33.000 medarbejdere, hvoraf det primært vil være de ansatte, som arbejder direkte med digitalisering og it-services, som vil blive berørt af udbuddet. Der er ca. 630 centrale it-medarbejdere i Kommissionen.</a:t>
            </a:r>
            <a:r>
              <a:rPr lang="da-DK" sz="900" b="1" noProof="0" dirty="0">
                <a:solidFill>
                  <a:schemeClr val="tx1"/>
                </a:solidFill>
              </a:rPr>
              <a:t> </a:t>
            </a:r>
            <a:r>
              <a:rPr lang="da-DK" sz="900" noProof="0" dirty="0">
                <a:solidFill>
                  <a:schemeClr val="tx1"/>
                </a:solidFill>
              </a:rPr>
              <a:t>Hvor mange medarbejdere, som vil blive direkte berørt, vil afhænge af anvendelsen af aftalens forskellige cloudydelser og brugsvolumen samt hvilke institutioner og organer, der tager rammeaftalens tjenester i brug.</a:t>
            </a:r>
          </a:p>
          <a:p>
            <a:pPr marL="171450" indent="-171450">
              <a:buFont typeface="Wingdings" panose="05000000000000000000" pitchFamily="2" charset="2"/>
              <a:buChar char="Ø"/>
            </a:pPr>
            <a:r>
              <a:rPr lang="da-DK" sz="900" b="1" noProof="0" dirty="0">
                <a:solidFill>
                  <a:schemeClr val="tx1"/>
                </a:solidFill>
              </a:rPr>
              <a:t>Antal systemer berørt: </a:t>
            </a:r>
            <a:r>
              <a:rPr lang="da-DK" sz="900" noProof="0" dirty="0">
                <a:solidFill>
                  <a:schemeClr val="tx1"/>
                </a:solidFill>
              </a:rPr>
              <a:t>Afhænger af den konkrete ibrugtagning og er ikke nærmere undersøgt. </a:t>
            </a:r>
            <a:endParaRPr lang="da-DK" sz="900" noProof="0" dirty="0">
              <a:solidFill>
                <a:schemeClr val="tx1"/>
              </a:solidFill>
              <a:highlight>
                <a:srgbClr val="FFFF00"/>
              </a:highlight>
            </a:endParaRPr>
          </a:p>
        </p:txBody>
      </p:sp>
      <p:sp>
        <p:nvSpPr>
          <p:cNvPr id="49" name="Isosceles Triangle 48">
            <a:extLst>
              <a:ext uri="{FF2B5EF4-FFF2-40B4-BE49-F238E27FC236}">
                <a16:creationId xmlns:a16="http://schemas.microsoft.com/office/drawing/2014/main" id="{1FB96FC3-715C-ADEA-D340-972A750125DF}"/>
              </a:ext>
              <a:ext uri="{C183D7F6-B498-43B3-948B-1728B52AA6E4}">
                <adec:decorative xmlns:adec="http://schemas.microsoft.com/office/drawing/2017/decorative" val="1"/>
              </a:ext>
            </a:extLst>
          </p:cNvPr>
          <p:cNvSpPr/>
          <p:nvPr/>
        </p:nvSpPr>
        <p:spPr>
          <a:xfrm rot="5400000">
            <a:off x="7211115" y="4021529"/>
            <a:ext cx="4520148" cy="216000"/>
          </a:xfrm>
          <a:prstGeom prst="triangl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6" name="Straight Connector 5">
            <a:extLst>
              <a:ext uri="{FF2B5EF4-FFF2-40B4-BE49-F238E27FC236}">
                <a16:creationId xmlns:a16="http://schemas.microsoft.com/office/drawing/2014/main" id="{7945B1D5-0EAC-3E58-61D3-3E8DBBC31CAE}"/>
              </a:ext>
              <a:ext uri="{C183D7F6-B498-43B3-948B-1728B52AA6E4}">
                <adec:decorative xmlns:adec="http://schemas.microsoft.com/office/drawing/2017/decorative" val="1"/>
              </a:ext>
            </a:extLst>
          </p:cNvPr>
          <p:cNvCxnSpPr>
            <a:cxnSpLocks/>
            <a:stCxn id="53" idx="0"/>
            <a:endCxn id="53" idx="2"/>
          </p:cNvCxnSpPr>
          <p:nvPr/>
        </p:nvCxnSpPr>
        <p:spPr>
          <a:xfrm>
            <a:off x="6334426" y="4281488"/>
            <a:ext cx="0" cy="2037543"/>
          </a:xfrm>
          <a:prstGeom prst="line">
            <a:avLst/>
          </a:prstGeom>
          <a:ln w="6350" cap="flat" cmpd="sng" algn="ctr">
            <a:solidFill>
              <a:srgbClr val="A2B3C9"/>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2" name="Content Placeholder 5">
            <a:extLst>
              <a:ext uri="{FF2B5EF4-FFF2-40B4-BE49-F238E27FC236}">
                <a16:creationId xmlns:a16="http://schemas.microsoft.com/office/drawing/2014/main" id="{1C1AFDCF-AA75-5051-F218-33EC3671D5F5}"/>
              </a:ext>
            </a:extLst>
          </p:cNvPr>
          <p:cNvSpPr txBox="1">
            <a:spLocks/>
          </p:cNvSpPr>
          <p:nvPr/>
        </p:nvSpPr>
        <p:spPr>
          <a:xfrm>
            <a:off x="3855165" y="4296813"/>
            <a:ext cx="1964407" cy="191085"/>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Gevinster </a:t>
            </a:r>
          </a:p>
        </p:txBody>
      </p:sp>
      <p:sp>
        <p:nvSpPr>
          <p:cNvPr id="59" name="Content Placeholder 5">
            <a:extLst>
              <a:ext uri="{FF2B5EF4-FFF2-40B4-BE49-F238E27FC236}">
                <a16:creationId xmlns:a16="http://schemas.microsoft.com/office/drawing/2014/main" id="{A3666F58-0DD6-C49B-0403-4EC2B6A0108D}"/>
              </a:ext>
            </a:extLst>
          </p:cNvPr>
          <p:cNvSpPr txBox="1">
            <a:spLocks/>
          </p:cNvSpPr>
          <p:nvPr/>
        </p:nvSpPr>
        <p:spPr>
          <a:xfrm>
            <a:off x="3505880" y="4578217"/>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dirty="0">
                <a:solidFill>
                  <a:schemeClr val="tx1"/>
                </a:solidFill>
              </a:rPr>
              <a:t>Markedsudvikling og kontrol: </a:t>
            </a:r>
            <a:r>
              <a:rPr lang="da-DK" sz="900" b="0" noProof="0" dirty="0">
                <a:solidFill>
                  <a:schemeClr val="tx1"/>
                </a:solidFill>
              </a:rPr>
              <a:t>Øget kontrol og færre bindinger til </a:t>
            </a:r>
            <a:r>
              <a:rPr lang="da-DK" sz="900" b="0" noProof="0" dirty="0" err="1">
                <a:solidFill>
                  <a:schemeClr val="tx1"/>
                </a:solidFill>
              </a:rPr>
              <a:t>hyperscalers</a:t>
            </a:r>
            <a:r>
              <a:rPr lang="da-DK" sz="900" b="0" noProof="0" dirty="0">
                <a:solidFill>
                  <a:schemeClr val="tx1"/>
                </a:solidFill>
              </a:rPr>
              <a:t> gennem flere europæiske leverandører og fælles, målbare krav i udbuds- og evalueringskoncepter.</a:t>
            </a:r>
          </a:p>
          <a:p>
            <a:pPr marL="171450" indent="-171450">
              <a:buFont typeface="Wingdings" panose="05000000000000000000" pitchFamily="2" charset="2"/>
              <a:buChar char="Ø"/>
            </a:pPr>
            <a:r>
              <a:rPr lang="da-DK" sz="900" noProof="0" dirty="0">
                <a:solidFill>
                  <a:schemeClr val="tx1"/>
                </a:solidFill>
              </a:rPr>
              <a:t>Bredt og moderne cloud-udbud: </a:t>
            </a:r>
            <a:r>
              <a:rPr lang="da-DK" sz="900" b="0" noProof="0" dirty="0">
                <a:solidFill>
                  <a:schemeClr val="tx1"/>
                </a:solidFill>
              </a:rPr>
              <a:t>Tilgængelighed af forskellige cloud-tjenester på både infrastruktur- og platformsniveau bidrager til fleksibilitet og innovation.</a:t>
            </a:r>
          </a:p>
          <a:p>
            <a:endParaRPr lang="da-DK" sz="900" noProof="0" dirty="0"/>
          </a:p>
        </p:txBody>
      </p:sp>
      <p:sp>
        <p:nvSpPr>
          <p:cNvPr id="23" name="Content Placeholder 5">
            <a:extLst>
              <a:ext uri="{FF2B5EF4-FFF2-40B4-BE49-F238E27FC236}">
                <a16:creationId xmlns:a16="http://schemas.microsoft.com/office/drawing/2014/main" id="{3D9DC914-549D-EEEE-3F3C-5BF1BC539BEE}"/>
              </a:ext>
            </a:extLst>
          </p:cNvPr>
          <p:cNvSpPr txBox="1">
            <a:spLocks/>
          </p:cNvSpPr>
          <p:nvPr/>
        </p:nvSpPr>
        <p:spPr>
          <a:xfrm>
            <a:off x="6901461" y="4296812"/>
            <a:ext cx="1871707" cy="191086"/>
          </a:xfrm>
          <a:prstGeom prst="rect">
            <a:avLst/>
          </a:prstGeom>
        </p:spPr>
        <p:txBody>
          <a:bodyPr vert="horz" lIns="0" tIns="0" rIns="0" bIns="0" rtlCol="0" anchor="b">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lgn="ctr">
              <a:spcAft>
                <a:spcPts val="300"/>
              </a:spcAft>
            </a:pPr>
            <a:r>
              <a:rPr lang="da-DK" sz="900" noProof="0" dirty="0">
                <a:solidFill>
                  <a:srgbClr val="36465A"/>
                </a:solidFill>
              </a:rPr>
              <a:t>Barrierer</a:t>
            </a:r>
          </a:p>
        </p:txBody>
      </p:sp>
      <p:sp>
        <p:nvSpPr>
          <p:cNvPr id="89" name="Content Placeholder 5">
            <a:extLst>
              <a:ext uri="{FF2B5EF4-FFF2-40B4-BE49-F238E27FC236}">
                <a16:creationId xmlns:a16="http://schemas.microsoft.com/office/drawing/2014/main" id="{AF347FC3-16BF-FBE2-CA8E-93708E84F004}"/>
              </a:ext>
            </a:extLst>
          </p:cNvPr>
          <p:cNvSpPr txBox="1">
            <a:spLocks/>
          </p:cNvSpPr>
          <p:nvPr/>
        </p:nvSpPr>
        <p:spPr>
          <a:xfrm>
            <a:off x="6465280" y="4574674"/>
            <a:ext cx="2805034" cy="162784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a:spcAft>
                <a:spcPts val="300"/>
              </a:spcAft>
              <a:defRPr sz="1000" b="1">
                <a:solidFill>
                  <a:srgbClr val="024D78"/>
                </a:solidFill>
              </a:defRPr>
            </a:lvl1pPr>
            <a:lvl2pPr marL="691104" lvl="1" indent="-171450">
              <a:buFont typeface="Wingdings" panose="05000000000000000000" pitchFamily="2" charset="2"/>
              <a:buChar char="Ø"/>
              <a:defRPr sz="900"/>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171450" indent="-171450">
              <a:buFont typeface="Wingdings" panose="05000000000000000000" pitchFamily="2" charset="2"/>
              <a:buChar char="Ø"/>
            </a:pPr>
            <a:r>
              <a:rPr lang="da-DK" sz="900" noProof="0" dirty="0">
                <a:solidFill>
                  <a:srgbClr val="000000"/>
                </a:solidFill>
              </a:rPr>
              <a:t>Nye kompetencer</a:t>
            </a:r>
            <a:r>
              <a:rPr lang="da-DK" sz="900" b="0" noProof="0" dirty="0">
                <a:solidFill>
                  <a:srgbClr val="000000"/>
                </a:solidFill>
              </a:rPr>
              <a:t>: Omlægningen vil kræve </a:t>
            </a:r>
            <a:r>
              <a:rPr lang="da-DK" sz="900" b="0" noProof="0" dirty="0">
                <a:solidFill>
                  <a:srgbClr val="000000"/>
                </a:solidFill>
                <a:sym typeface="Wingdings" panose="05000000000000000000" pitchFamily="2" charset="2"/>
              </a:rPr>
              <a:t>tilstrækkelig intern kapacitet og kompetencer til nye opgaver som følge af nye leverandører med forskellige servicetilbud og forskellige måder at løse opgaver på.</a:t>
            </a:r>
            <a:endParaRPr lang="da-DK" sz="900" b="0" noProof="0" dirty="0">
              <a:solidFill>
                <a:schemeClr val="tx1"/>
              </a:solidFill>
            </a:endParaRPr>
          </a:p>
          <a:p>
            <a:pPr marL="171450" lvl="0" indent="-171450" defTabSz="914400" eaLnBrk="0" fontAlgn="base" hangingPunct="0">
              <a:spcBef>
                <a:spcPct val="0"/>
              </a:spcBef>
              <a:spcAft>
                <a:spcPct val="0"/>
              </a:spcAft>
              <a:buFont typeface="Wingdings" panose="05000000000000000000" pitchFamily="2" charset="2"/>
              <a:buChar char="Ø"/>
            </a:pPr>
            <a:r>
              <a:rPr lang="da-DK" sz="900" noProof="0" dirty="0">
                <a:solidFill>
                  <a:schemeClr val="tx1"/>
                </a:solidFill>
              </a:rPr>
              <a:t>Nye samarbejdsflader</a:t>
            </a:r>
            <a:r>
              <a:rPr lang="da-DK" sz="900" b="0" noProof="0" dirty="0">
                <a:solidFill>
                  <a:schemeClr val="tx1"/>
                </a:solidFill>
              </a:rPr>
              <a:t>: Medarbejdere skal omstille sig fra at arbejde med store, etablerede leverandører til at samarbejde direkte med mindre udbydere. Det kræver nye kompetencer, fx monitorering af brugsmønstre og økonomi, leverandørstyring og aktiv deltagelse i open source-projekter.</a:t>
            </a:r>
            <a:endParaRPr lang="da-DK" sz="900" noProof="0" dirty="0">
              <a:solidFill>
                <a:schemeClr val="tx1"/>
              </a:solidFill>
            </a:endParaRPr>
          </a:p>
          <a:p>
            <a:pPr marL="171450" indent="-171450">
              <a:buFont typeface="Wingdings" panose="05000000000000000000" pitchFamily="2" charset="2"/>
              <a:buChar char="Ø"/>
            </a:pPr>
            <a:endParaRPr lang="da-DK" sz="900" b="0" noProof="0" dirty="0">
              <a:solidFill>
                <a:schemeClr val="tx1"/>
              </a:solidFill>
            </a:endParaRPr>
          </a:p>
          <a:p>
            <a:endParaRPr lang="da-DK" sz="900" noProof="0" dirty="0"/>
          </a:p>
        </p:txBody>
      </p:sp>
      <p:sp>
        <p:nvSpPr>
          <p:cNvPr id="8" name="Content Placeholder 5" descr="Casen addresserer virkemidlerne indkøb, krav og leverandørsamarbejde  ">
            <a:extLst>
              <a:ext uri="{FF2B5EF4-FFF2-40B4-BE49-F238E27FC236}">
                <a16:creationId xmlns:a16="http://schemas.microsoft.com/office/drawing/2014/main" id="{8357ADF2-C2A8-A006-C75F-C52C4009EB6D}"/>
              </a:ext>
            </a:extLst>
          </p:cNvPr>
          <p:cNvSpPr txBox="1">
            <a:spLocks/>
          </p:cNvSpPr>
          <p:nvPr/>
        </p:nvSpPr>
        <p:spPr>
          <a:xfrm>
            <a:off x="9725863" y="1870757"/>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0" marR="0" lvl="0" indent="0" algn="l" defTabSz="203892"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da-DK" sz="1100" b="1" i="0" u="none" strike="noStrike" kern="1200" cap="none" spc="0" normalizeH="0" baseline="0" noProof="0" dirty="0">
                <a:ln>
                  <a:noFill/>
                </a:ln>
                <a:solidFill>
                  <a:srgbClr val="36465A"/>
                </a:solidFill>
                <a:effectLst/>
                <a:uLnTx/>
                <a:uFillTx/>
                <a:latin typeface="Arial" panose="020B0604020202020204"/>
                <a:ea typeface="+mn-ea"/>
                <a:cs typeface="+mn-cs"/>
              </a:rPr>
              <a:t>Virkemidler</a:t>
            </a:r>
          </a:p>
        </p:txBody>
      </p:sp>
      <p:cxnSp>
        <p:nvCxnSpPr>
          <p:cNvPr id="25" name="Straight Connector 24">
            <a:extLst>
              <a:ext uri="{FF2B5EF4-FFF2-40B4-BE49-F238E27FC236}">
                <a16:creationId xmlns:a16="http://schemas.microsoft.com/office/drawing/2014/main" id="{1A6882BD-E14A-5D60-BD62-29B8432C80E4}"/>
              </a:ext>
              <a:ext uri="{C183D7F6-B498-43B3-948B-1728B52AA6E4}">
                <adec:decorative xmlns:adec="http://schemas.microsoft.com/office/drawing/2017/decorative" val="1"/>
              </a:ext>
            </a:extLst>
          </p:cNvPr>
          <p:cNvCxnSpPr>
            <a:cxnSpLocks/>
          </p:cNvCxnSpPr>
          <p:nvPr/>
        </p:nvCxnSpPr>
        <p:spPr>
          <a:xfrm>
            <a:off x="633753" y="2122982"/>
            <a:ext cx="2504434"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6">
            <a:extLst>
              <a:ext uri="{FF2B5EF4-FFF2-40B4-BE49-F238E27FC236}">
                <a16:creationId xmlns:a16="http://schemas.microsoft.com/office/drawing/2014/main" id="{C77903F8-7C75-AB69-5F28-562FBCFAA9EB}"/>
              </a:ext>
              <a:ext uri="{C183D7F6-B498-43B3-948B-1728B52AA6E4}">
                <adec:decorative xmlns:adec="http://schemas.microsoft.com/office/drawing/2017/decorative" val="1"/>
              </a:ext>
            </a:extLst>
          </p:cNvPr>
          <p:cNvSpPr>
            <a:spLocks noEditPoints="1"/>
          </p:cNvSpPr>
          <p:nvPr/>
        </p:nvSpPr>
        <p:spPr bwMode="auto">
          <a:xfrm>
            <a:off x="641215" y="1869455"/>
            <a:ext cx="235891" cy="226764"/>
          </a:xfrm>
          <a:custGeom>
            <a:avLst/>
            <a:gdLst>
              <a:gd name="T0" fmla="*/ 24 w 208"/>
              <a:gd name="T1" fmla="*/ 116 h 200"/>
              <a:gd name="T2" fmla="*/ 136 w 208"/>
              <a:gd name="T3" fmla="*/ 116 h 200"/>
              <a:gd name="T4" fmla="*/ 28 w 208"/>
              <a:gd name="T5" fmla="*/ 128 h 200"/>
              <a:gd name="T6" fmla="*/ 132 w 208"/>
              <a:gd name="T7" fmla="*/ 136 h 200"/>
              <a:gd name="T8" fmla="*/ 84 w 208"/>
              <a:gd name="T9" fmla="*/ 144 h 200"/>
              <a:gd name="T10" fmla="*/ 28 w 208"/>
              <a:gd name="T11" fmla="*/ 152 h 200"/>
              <a:gd name="T12" fmla="*/ 84 w 208"/>
              <a:gd name="T13" fmla="*/ 144 h 200"/>
              <a:gd name="T14" fmla="*/ 132 w 208"/>
              <a:gd name="T15" fmla="*/ 72 h 200"/>
              <a:gd name="T16" fmla="*/ 100 w 208"/>
              <a:gd name="T17" fmla="*/ 64 h 200"/>
              <a:gd name="T18" fmla="*/ 100 w 208"/>
              <a:gd name="T19" fmla="*/ 168 h 200"/>
              <a:gd name="T20" fmla="*/ 132 w 208"/>
              <a:gd name="T21" fmla="*/ 176 h 200"/>
              <a:gd name="T22" fmla="*/ 124 w 208"/>
              <a:gd name="T23" fmla="*/ 88 h 200"/>
              <a:gd name="T24" fmla="*/ 100 w 208"/>
              <a:gd name="T25" fmla="*/ 80 h 200"/>
              <a:gd name="T26" fmla="*/ 124 w 208"/>
              <a:gd name="T27" fmla="*/ 88 h 200"/>
              <a:gd name="T28" fmla="*/ 12 w 208"/>
              <a:gd name="T29" fmla="*/ 0 h 200"/>
              <a:gd name="T30" fmla="*/ 12 w 208"/>
              <a:gd name="T31" fmla="*/ 200 h 200"/>
              <a:gd name="T32" fmla="*/ 160 w 208"/>
              <a:gd name="T33" fmla="*/ 44 h 200"/>
              <a:gd name="T34" fmla="*/ 120 w 208"/>
              <a:gd name="T35" fmla="*/ 14 h 200"/>
              <a:gd name="T36" fmla="*/ 120 w 208"/>
              <a:gd name="T37" fmla="*/ 36 h 200"/>
              <a:gd name="T38" fmla="*/ 148 w 208"/>
              <a:gd name="T39" fmla="*/ 192 h 200"/>
              <a:gd name="T40" fmla="*/ 8 w 208"/>
              <a:gd name="T41" fmla="*/ 12 h 200"/>
              <a:gd name="T42" fmla="*/ 112 w 208"/>
              <a:gd name="T43" fmla="*/ 36 h 200"/>
              <a:gd name="T44" fmla="*/ 152 w 208"/>
              <a:gd name="T45" fmla="*/ 188 h 200"/>
              <a:gd name="T46" fmla="*/ 184 w 208"/>
              <a:gd name="T47" fmla="*/ 20 h 200"/>
              <a:gd name="T48" fmla="*/ 168 w 208"/>
              <a:gd name="T49" fmla="*/ 152 h 200"/>
              <a:gd name="T50" fmla="*/ 182 w 208"/>
              <a:gd name="T51" fmla="*/ 180 h 200"/>
              <a:gd name="T52" fmla="*/ 196 w 208"/>
              <a:gd name="T53" fmla="*/ 152 h 200"/>
              <a:gd name="T54" fmla="*/ 200 w 208"/>
              <a:gd name="T55" fmla="*/ 72 h 200"/>
              <a:gd name="T56" fmla="*/ 208 w 208"/>
              <a:gd name="T57" fmla="*/ 44 h 200"/>
              <a:gd name="T58" fmla="*/ 176 w 208"/>
              <a:gd name="T59" fmla="*/ 151 h 200"/>
              <a:gd name="T60" fmla="*/ 188 w 208"/>
              <a:gd name="T61" fmla="*/ 151 h 200"/>
              <a:gd name="T62" fmla="*/ 176 w 208"/>
              <a:gd name="T63" fmla="*/ 32 h 200"/>
              <a:gd name="T64" fmla="*/ 188 w 208"/>
              <a:gd name="T65" fmla="*/ 32 h 200"/>
              <a:gd name="T66" fmla="*/ 188 w 208"/>
              <a:gd name="T67" fmla="*/ 76 h 200"/>
              <a:gd name="T68" fmla="*/ 56 w 208"/>
              <a:gd name="T69" fmla="*/ 24 h 200"/>
              <a:gd name="T70" fmla="*/ 56 w 208"/>
              <a:gd name="T71" fmla="*/ 32 h 200"/>
              <a:gd name="T72" fmla="*/ 44 w 208"/>
              <a:gd name="T73" fmla="*/ 44 h 200"/>
              <a:gd name="T74" fmla="*/ 84 w 208"/>
              <a:gd name="T75" fmla="*/ 96 h 200"/>
              <a:gd name="T76" fmla="*/ 88 w 208"/>
              <a:gd name="T77" fmla="*/ 78 h 200"/>
              <a:gd name="T78" fmla="*/ 70 w 208"/>
              <a:gd name="T79" fmla="*/ 64 h 200"/>
              <a:gd name="T80" fmla="*/ 39 w 208"/>
              <a:gd name="T81" fmla="*/ 64 h 200"/>
              <a:gd name="T82" fmla="*/ 24 w 208"/>
              <a:gd name="T83" fmla="*/ 92 h 200"/>
              <a:gd name="T84" fmla="*/ 32 w 208"/>
              <a:gd name="T85" fmla="*/ 78 h 200"/>
              <a:gd name="T86" fmla="*/ 54 w 208"/>
              <a:gd name="T87" fmla="*/ 80 h 200"/>
              <a:gd name="T88" fmla="*/ 77 w 208"/>
              <a:gd name="T89" fmla="*/ 74 h 200"/>
              <a:gd name="T90" fmla="*/ 32 w 208"/>
              <a:gd name="T91" fmla="*/ 88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8" h="200">
                <a:moveTo>
                  <a:pt x="132" y="112"/>
                </a:moveTo>
                <a:cubicBezTo>
                  <a:pt x="28" y="112"/>
                  <a:pt x="28" y="112"/>
                  <a:pt x="28" y="112"/>
                </a:cubicBezTo>
                <a:cubicBezTo>
                  <a:pt x="26" y="112"/>
                  <a:pt x="24" y="114"/>
                  <a:pt x="24" y="116"/>
                </a:cubicBezTo>
                <a:cubicBezTo>
                  <a:pt x="24" y="118"/>
                  <a:pt x="26" y="120"/>
                  <a:pt x="28" y="120"/>
                </a:cubicBezTo>
                <a:cubicBezTo>
                  <a:pt x="132" y="120"/>
                  <a:pt x="132" y="120"/>
                  <a:pt x="132" y="120"/>
                </a:cubicBezTo>
                <a:cubicBezTo>
                  <a:pt x="134" y="120"/>
                  <a:pt x="136" y="118"/>
                  <a:pt x="136" y="116"/>
                </a:cubicBezTo>
                <a:cubicBezTo>
                  <a:pt x="136" y="114"/>
                  <a:pt x="134" y="112"/>
                  <a:pt x="132" y="112"/>
                </a:cubicBezTo>
                <a:close/>
                <a:moveTo>
                  <a:pt x="132" y="128"/>
                </a:moveTo>
                <a:cubicBezTo>
                  <a:pt x="28" y="128"/>
                  <a:pt x="28" y="128"/>
                  <a:pt x="28" y="128"/>
                </a:cubicBezTo>
                <a:cubicBezTo>
                  <a:pt x="26" y="128"/>
                  <a:pt x="24" y="130"/>
                  <a:pt x="24" y="132"/>
                </a:cubicBezTo>
                <a:cubicBezTo>
                  <a:pt x="24" y="134"/>
                  <a:pt x="26" y="136"/>
                  <a:pt x="28" y="136"/>
                </a:cubicBezTo>
                <a:cubicBezTo>
                  <a:pt x="132" y="136"/>
                  <a:pt x="132" y="136"/>
                  <a:pt x="132" y="136"/>
                </a:cubicBezTo>
                <a:cubicBezTo>
                  <a:pt x="134" y="136"/>
                  <a:pt x="136" y="134"/>
                  <a:pt x="136" y="132"/>
                </a:cubicBezTo>
                <a:cubicBezTo>
                  <a:pt x="136" y="130"/>
                  <a:pt x="134" y="128"/>
                  <a:pt x="132" y="128"/>
                </a:cubicBezTo>
                <a:close/>
                <a:moveTo>
                  <a:pt x="84" y="144"/>
                </a:moveTo>
                <a:cubicBezTo>
                  <a:pt x="28" y="144"/>
                  <a:pt x="28" y="144"/>
                  <a:pt x="28" y="144"/>
                </a:cubicBezTo>
                <a:cubicBezTo>
                  <a:pt x="26" y="144"/>
                  <a:pt x="24" y="146"/>
                  <a:pt x="24" y="148"/>
                </a:cubicBezTo>
                <a:cubicBezTo>
                  <a:pt x="24" y="150"/>
                  <a:pt x="26" y="152"/>
                  <a:pt x="28" y="152"/>
                </a:cubicBezTo>
                <a:cubicBezTo>
                  <a:pt x="84" y="152"/>
                  <a:pt x="84" y="152"/>
                  <a:pt x="84" y="152"/>
                </a:cubicBezTo>
                <a:cubicBezTo>
                  <a:pt x="86" y="152"/>
                  <a:pt x="88" y="150"/>
                  <a:pt x="88" y="148"/>
                </a:cubicBezTo>
                <a:cubicBezTo>
                  <a:pt x="88" y="146"/>
                  <a:pt x="86" y="144"/>
                  <a:pt x="84" y="144"/>
                </a:cubicBezTo>
                <a:close/>
                <a:moveTo>
                  <a:pt x="96" y="68"/>
                </a:moveTo>
                <a:cubicBezTo>
                  <a:pt x="96" y="70"/>
                  <a:pt x="98" y="72"/>
                  <a:pt x="100" y="72"/>
                </a:cubicBezTo>
                <a:cubicBezTo>
                  <a:pt x="132" y="72"/>
                  <a:pt x="132" y="72"/>
                  <a:pt x="132" y="72"/>
                </a:cubicBezTo>
                <a:cubicBezTo>
                  <a:pt x="134" y="72"/>
                  <a:pt x="136" y="70"/>
                  <a:pt x="136" y="68"/>
                </a:cubicBezTo>
                <a:cubicBezTo>
                  <a:pt x="136" y="66"/>
                  <a:pt x="134" y="64"/>
                  <a:pt x="132" y="64"/>
                </a:cubicBezTo>
                <a:cubicBezTo>
                  <a:pt x="100" y="64"/>
                  <a:pt x="100" y="64"/>
                  <a:pt x="100" y="64"/>
                </a:cubicBezTo>
                <a:cubicBezTo>
                  <a:pt x="98" y="64"/>
                  <a:pt x="96" y="66"/>
                  <a:pt x="96" y="68"/>
                </a:cubicBezTo>
                <a:close/>
                <a:moveTo>
                  <a:pt x="132" y="168"/>
                </a:moveTo>
                <a:cubicBezTo>
                  <a:pt x="100" y="168"/>
                  <a:pt x="100" y="168"/>
                  <a:pt x="100" y="168"/>
                </a:cubicBezTo>
                <a:cubicBezTo>
                  <a:pt x="98" y="168"/>
                  <a:pt x="96" y="170"/>
                  <a:pt x="96" y="172"/>
                </a:cubicBezTo>
                <a:cubicBezTo>
                  <a:pt x="96" y="174"/>
                  <a:pt x="98" y="176"/>
                  <a:pt x="100" y="176"/>
                </a:cubicBezTo>
                <a:cubicBezTo>
                  <a:pt x="132" y="176"/>
                  <a:pt x="132" y="176"/>
                  <a:pt x="132" y="176"/>
                </a:cubicBezTo>
                <a:cubicBezTo>
                  <a:pt x="134" y="176"/>
                  <a:pt x="136" y="174"/>
                  <a:pt x="136" y="172"/>
                </a:cubicBezTo>
                <a:cubicBezTo>
                  <a:pt x="136" y="170"/>
                  <a:pt x="134" y="168"/>
                  <a:pt x="132" y="168"/>
                </a:cubicBezTo>
                <a:close/>
                <a:moveTo>
                  <a:pt x="124" y="88"/>
                </a:moveTo>
                <a:cubicBezTo>
                  <a:pt x="126" y="88"/>
                  <a:pt x="128" y="86"/>
                  <a:pt x="128" y="84"/>
                </a:cubicBezTo>
                <a:cubicBezTo>
                  <a:pt x="128" y="82"/>
                  <a:pt x="126" y="80"/>
                  <a:pt x="124" y="80"/>
                </a:cubicBezTo>
                <a:cubicBezTo>
                  <a:pt x="100" y="80"/>
                  <a:pt x="100" y="80"/>
                  <a:pt x="100" y="80"/>
                </a:cubicBezTo>
                <a:cubicBezTo>
                  <a:pt x="98" y="80"/>
                  <a:pt x="96" y="82"/>
                  <a:pt x="96" y="84"/>
                </a:cubicBezTo>
                <a:cubicBezTo>
                  <a:pt x="96" y="86"/>
                  <a:pt x="98" y="88"/>
                  <a:pt x="100" y="88"/>
                </a:cubicBezTo>
                <a:lnTo>
                  <a:pt x="124" y="88"/>
                </a:lnTo>
                <a:close/>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52" y="188"/>
                </a:moveTo>
                <a:cubicBezTo>
                  <a:pt x="152" y="190"/>
                  <a:pt x="150" y="192"/>
                  <a:pt x="148" y="192"/>
                </a:cubicBez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lnTo>
                  <a:pt x="152" y="188"/>
                </a:ln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9"/>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cubicBezTo>
                  <a:pt x="188" y="32"/>
                  <a:pt x="188" y="32"/>
                  <a:pt x="188" y="32"/>
                </a:cubicBezTo>
                <a:cubicBezTo>
                  <a:pt x="188" y="32"/>
                  <a:pt x="188" y="32"/>
                  <a:pt x="188" y="32"/>
                </a:cubicBezTo>
                <a:lnTo>
                  <a:pt x="188" y="76"/>
                </a:lnTo>
                <a:close/>
                <a:moveTo>
                  <a:pt x="56" y="64"/>
                </a:moveTo>
                <a:cubicBezTo>
                  <a:pt x="67" y="64"/>
                  <a:pt x="76" y="55"/>
                  <a:pt x="76" y="44"/>
                </a:cubicBezTo>
                <a:cubicBezTo>
                  <a:pt x="76" y="33"/>
                  <a:pt x="67" y="24"/>
                  <a:pt x="56" y="24"/>
                </a:cubicBezTo>
                <a:cubicBezTo>
                  <a:pt x="45" y="24"/>
                  <a:pt x="36" y="33"/>
                  <a:pt x="36" y="44"/>
                </a:cubicBezTo>
                <a:cubicBezTo>
                  <a:pt x="36" y="55"/>
                  <a:pt x="45" y="64"/>
                  <a:pt x="56" y="64"/>
                </a:cubicBezTo>
                <a:close/>
                <a:moveTo>
                  <a:pt x="56" y="32"/>
                </a:moveTo>
                <a:cubicBezTo>
                  <a:pt x="63" y="32"/>
                  <a:pt x="68" y="37"/>
                  <a:pt x="68" y="44"/>
                </a:cubicBezTo>
                <a:cubicBezTo>
                  <a:pt x="68" y="51"/>
                  <a:pt x="63" y="56"/>
                  <a:pt x="56" y="56"/>
                </a:cubicBezTo>
                <a:cubicBezTo>
                  <a:pt x="49" y="56"/>
                  <a:pt x="44" y="51"/>
                  <a:pt x="44" y="44"/>
                </a:cubicBezTo>
                <a:cubicBezTo>
                  <a:pt x="44" y="37"/>
                  <a:pt x="49" y="32"/>
                  <a:pt x="56" y="32"/>
                </a:cubicBezTo>
                <a:close/>
                <a:moveTo>
                  <a:pt x="28" y="96"/>
                </a:moveTo>
                <a:cubicBezTo>
                  <a:pt x="84" y="96"/>
                  <a:pt x="84" y="96"/>
                  <a:pt x="84" y="96"/>
                </a:cubicBezTo>
                <a:cubicBezTo>
                  <a:pt x="85" y="96"/>
                  <a:pt x="86" y="96"/>
                  <a:pt x="87" y="95"/>
                </a:cubicBezTo>
                <a:cubicBezTo>
                  <a:pt x="88" y="94"/>
                  <a:pt x="88" y="93"/>
                  <a:pt x="88" y="92"/>
                </a:cubicBezTo>
                <a:cubicBezTo>
                  <a:pt x="88" y="78"/>
                  <a:pt x="88" y="78"/>
                  <a:pt x="88" y="78"/>
                </a:cubicBezTo>
                <a:cubicBezTo>
                  <a:pt x="88" y="73"/>
                  <a:pt x="84" y="68"/>
                  <a:pt x="79" y="66"/>
                </a:cubicBezTo>
                <a:cubicBezTo>
                  <a:pt x="78" y="66"/>
                  <a:pt x="73" y="64"/>
                  <a:pt x="73" y="64"/>
                </a:cubicBezTo>
                <a:cubicBezTo>
                  <a:pt x="72" y="64"/>
                  <a:pt x="71" y="64"/>
                  <a:pt x="70" y="64"/>
                </a:cubicBezTo>
                <a:cubicBezTo>
                  <a:pt x="56" y="72"/>
                  <a:pt x="56" y="72"/>
                  <a:pt x="56" y="72"/>
                </a:cubicBezTo>
                <a:cubicBezTo>
                  <a:pt x="42" y="64"/>
                  <a:pt x="42" y="64"/>
                  <a:pt x="42" y="64"/>
                </a:cubicBezTo>
                <a:cubicBezTo>
                  <a:pt x="41" y="64"/>
                  <a:pt x="40" y="64"/>
                  <a:pt x="39" y="64"/>
                </a:cubicBezTo>
                <a:cubicBezTo>
                  <a:pt x="39" y="64"/>
                  <a:pt x="34" y="66"/>
                  <a:pt x="33" y="66"/>
                </a:cubicBezTo>
                <a:cubicBezTo>
                  <a:pt x="28" y="68"/>
                  <a:pt x="24" y="73"/>
                  <a:pt x="24" y="78"/>
                </a:cubicBezTo>
                <a:cubicBezTo>
                  <a:pt x="24" y="92"/>
                  <a:pt x="24" y="92"/>
                  <a:pt x="24" y="92"/>
                </a:cubicBezTo>
                <a:cubicBezTo>
                  <a:pt x="24" y="93"/>
                  <a:pt x="24" y="94"/>
                  <a:pt x="25" y="95"/>
                </a:cubicBezTo>
                <a:cubicBezTo>
                  <a:pt x="26" y="96"/>
                  <a:pt x="27" y="96"/>
                  <a:pt x="28" y="96"/>
                </a:cubicBezTo>
                <a:close/>
                <a:moveTo>
                  <a:pt x="32" y="78"/>
                </a:moveTo>
                <a:cubicBezTo>
                  <a:pt x="32" y="76"/>
                  <a:pt x="33" y="75"/>
                  <a:pt x="35" y="74"/>
                </a:cubicBezTo>
                <a:cubicBezTo>
                  <a:pt x="36" y="74"/>
                  <a:pt x="38" y="73"/>
                  <a:pt x="40" y="72"/>
                </a:cubicBezTo>
                <a:cubicBezTo>
                  <a:pt x="54" y="80"/>
                  <a:pt x="54" y="80"/>
                  <a:pt x="54" y="80"/>
                </a:cubicBezTo>
                <a:cubicBezTo>
                  <a:pt x="55" y="80"/>
                  <a:pt x="57" y="80"/>
                  <a:pt x="58" y="80"/>
                </a:cubicBezTo>
                <a:cubicBezTo>
                  <a:pt x="72" y="72"/>
                  <a:pt x="72" y="72"/>
                  <a:pt x="72" y="72"/>
                </a:cubicBezTo>
                <a:cubicBezTo>
                  <a:pt x="74" y="73"/>
                  <a:pt x="76" y="74"/>
                  <a:pt x="77" y="74"/>
                </a:cubicBezTo>
                <a:cubicBezTo>
                  <a:pt x="79" y="75"/>
                  <a:pt x="80" y="76"/>
                  <a:pt x="80" y="78"/>
                </a:cubicBezTo>
                <a:cubicBezTo>
                  <a:pt x="80" y="88"/>
                  <a:pt x="80" y="88"/>
                  <a:pt x="80" y="88"/>
                </a:cubicBezTo>
                <a:cubicBezTo>
                  <a:pt x="32" y="88"/>
                  <a:pt x="32" y="88"/>
                  <a:pt x="32" y="88"/>
                </a:cubicBezTo>
                <a:lnTo>
                  <a:pt x="32" y="78"/>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cxnSp>
        <p:nvCxnSpPr>
          <p:cNvPr id="57" name="Straight Connector 56">
            <a:extLst>
              <a:ext uri="{FF2B5EF4-FFF2-40B4-BE49-F238E27FC236}">
                <a16:creationId xmlns:a16="http://schemas.microsoft.com/office/drawing/2014/main" id="{38852F2E-B8EA-40E4-92E0-CC4E87EF2FEA}"/>
              </a:ext>
              <a:ext uri="{C183D7F6-B498-43B3-948B-1728B52AA6E4}">
                <adec:decorative xmlns:adec="http://schemas.microsoft.com/office/drawing/2017/decorative" val="1"/>
              </a:ext>
            </a:extLst>
          </p:cNvPr>
          <p:cNvCxnSpPr>
            <a:cxnSpLocks/>
          </p:cNvCxnSpPr>
          <p:nvPr/>
        </p:nvCxnSpPr>
        <p:spPr>
          <a:xfrm>
            <a:off x="3585152"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171DAFDE-8F80-FAC6-0A19-80050A4C8636}"/>
              </a:ext>
              <a:ext uri="{C183D7F6-B498-43B3-948B-1728B52AA6E4}">
                <adec:decorative xmlns:adec="http://schemas.microsoft.com/office/drawing/2017/decorative" val="1"/>
              </a:ext>
            </a:extLst>
          </p:cNvPr>
          <p:cNvCxnSpPr>
            <a:cxnSpLocks/>
          </p:cNvCxnSpPr>
          <p:nvPr/>
        </p:nvCxnSpPr>
        <p:spPr>
          <a:xfrm>
            <a:off x="6514217" y="4527634"/>
            <a:ext cx="2504434" cy="0"/>
          </a:xfrm>
          <a:prstGeom prst="line">
            <a:avLst/>
          </a:prstGeom>
          <a:ln w="6350" cap="flat" cmpd="sng" algn="ctr">
            <a:solidFill>
              <a:srgbClr val="64778A"/>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3F1DF2C1-A28D-3751-F73C-921BF8E7E532}"/>
              </a:ext>
              <a:ext uri="{C183D7F6-B498-43B3-948B-1728B52AA6E4}">
                <adec:decorative xmlns:adec="http://schemas.microsoft.com/office/drawing/2017/decorative" val="1"/>
              </a:ext>
            </a:extLst>
          </p:cNvPr>
          <p:cNvCxnSpPr>
            <a:cxnSpLocks/>
          </p:cNvCxnSpPr>
          <p:nvPr/>
        </p:nvCxnSpPr>
        <p:spPr>
          <a:xfrm>
            <a:off x="3408176" y="2122972"/>
            <a:ext cx="3574515"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5" name="Rectangle 114">
            <a:extLst>
              <a:ext uri="{FF2B5EF4-FFF2-40B4-BE49-F238E27FC236}">
                <a16:creationId xmlns:a16="http://schemas.microsoft.com/office/drawing/2014/main" id="{762BA989-5A7F-CF07-1DA6-7BE131362232}"/>
              </a:ext>
              <a:ext uri="{C183D7F6-B498-43B3-948B-1728B52AA6E4}">
                <adec:decorative xmlns:adec="http://schemas.microsoft.com/office/drawing/2017/decorative" val="1"/>
              </a:ext>
            </a:extLst>
          </p:cNvPr>
          <p:cNvSpPr/>
          <p:nvPr/>
        </p:nvSpPr>
        <p:spPr>
          <a:xfrm>
            <a:off x="9735107" y="2139036"/>
            <a:ext cx="2136501" cy="2142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00"/>
              </a:spcAft>
            </a:pPr>
            <a:endParaRPr lang="da-DK" sz="900" b="1" noProof="0">
              <a:solidFill>
                <a:schemeClr val="tx1"/>
              </a:solidFill>
            </a:endParaRPr>
          </a:p>
        </p:txBody>
      </p:sp>
      <p:sp>
        <p:nvSpPr>
          <p:cNvPr id="29" name="Content Placeholder 5">
            <a:extLst>
              <a:ext uri="{FF2B5EF4-FFF2-40B4-BE49-F238E27FC236}">
                <a16:creationId xmlns:a16="http://schemas.microsoft.com/office/drawing/2014/main" id="{E94609A9-0077-E138-6C45-9BEBAC6BBBD8}"/>
              </a:ext>
            </a:extLst>
          </p:cNvPr>
          <p:cNvSpPr txBox="1">
            <a:spLocks/>
          </p:cNvSpPr>
          <p:nvPr/>
        </p:nvSpPr>
        <p:spPr>
          <a:xfrm>
            <a:off x="9735107" y="4039493"/>
            <a:ext cx="213426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100" noProof="0" dirty="0">
                <a:solidFill>
                  <a:srgbClr val="36465A"/>
                </a:solidFill>
              </a:rPr>
              <a:t>Nøgleerfaringer og </a:t>
            </a:r>
            <a:r>
              <a:rPr lang="da-DK" sz="1100" noProof="0" dirty="0" err="1">
                <a:solidFill>
                  <a:srgbClr val="36465A"/>
                </a:solidFill>
              </a:rPr>
              <a:t>læringer</a:t>
            </a:r>
            <a:endParaRPr lang="da-DK" sz="1100" noProof="0" dirty="0">
              <a:solidFill>
                <a:srgbClr val="36465A"/>
              </a:solidFill>
            </a:endParaRPr>
          </a:p>
        </p:txBody>
      </p:sp>
      <p:cxnSp>
        <p:nvCxnSpPr>
          <p:cNvPr id="30" name="Straight Connector 29">
            <a:extLst>
              <a:ext uri="{FF2B5EF4-FFF2-40B4-BE49-F238E27FC236}">
                <a16:creationId xmlns:a16="http://schemas.microsoft.com/office/drawing/2014/main" id="{C4569D17-ACE8-CE2B-FAC2-AD05DF7E86DF}"/>
              </a:ext>
              <a:ext uri="{C183D7F6-B498-43B3-948B-1728B52AA6E4}">
                <adec:decorative xmlns:adec="http://schemas.microsoft.com/office/drawing/2017/decorative" val="1"/>
              </a:ext>
            </a:extLst>
          </p:cNvPr>
          <p:cNvCxnSpPr>
            <a:cxnSpLocks/>
          </p:cNvCxnSpPr>
          <p:nvPr/>
        </p:nvCxnSpPr>
        <p:spPr>
          <a:xfrm>
            <a:off x="9735107" y="4291708"/>
            <a:ext cx="2136501"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052B58E5-D1E9-BB03-F6FC-74152DE52CF5}"/>
              </a:ext>
              <a:ext uri="{C183D7F6-B498-43B3-948B-1728B52AA6E4}">
                <adec:decorative xmlns:adec="http://schemas.microsoft.com/office/drawing/2017/decorative" val="1"/>
              </a:ext>
            </a:extLst>
          </p:cNvPr>
          <p:cNvSpPr/>
          <p:nvPr/>
        </p:nvSpPr>
        <p:spPr>
          <a:xfrm>
            <a:off x="9603525" y="3956967"/>
            <a:ext cx="2399666" cy="2463100"/>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32" name="Content Placeholder 5">
            <a:extLst>
              <a:ext uri="{FF2B5EF4-FFF2-40B4-BE49-F238E27FC236}">
                <a16:creationId xmlns:a16="http://schemas.microsoft.com/office/drawing/2014/main" id="{0E437679-3189-E90D-AA87-AAF2751468EA}"/>
              </a:ext>
            </a:extLst>
          </p:cNvPr>
          <p:cNvSpPr txBox="1">
            <a:spLocks/>
          </p:cNvSpPr>
          <p:nvPr/>
        </p:nvSpPr>
        <p:spPr>
          <a:xfrm>
            <a:off x="9682482" y="4346558"/>
            <a:ext cx="2285593" cy="1836277"/>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defTabSz="914400" eaLnBrk="0" fontAlgn="base" hangingPunct="0">
              <a:spcBef>
                <a:spcPct val="0"/>
              </a:spcBef>
              <a:spcAft>
                <a:spcPts val="600"/>
              </a:spcAft>
              <a:buFont typeface="Wingdings" panose="05000000000000000000" pitchFamily="2" charset="2"/>
              <a:buChar char="ü"/>
            </a:pPr>
            <a:r>
              <a:rPr lang="da-DK" sz="900" noProof="0">
                <a:solidFill>
                  <a:schemeClr val="tx1"/>
                </a:solidFill>
              </a:rPr>
              <a:t>Reelle europæiske cloud-alternativer</a:t>
            </a:r>
            <a:br>
              <a:rPr lang="da-DK" sz="900" noProof="0"/>
            </a:br>
            <a:r>
              <a:rPr lang="da-DK" sz="900" b="0" noProof="0"/>
              <a:t>Der eksisterer europæiske alternativer, der giver bedre kontrol med data.</a:t>
            </a:r>
            <a:endParaRPr lang="da-DK" sz="900" b="0" noProof="0">
              <a:solidFill>
                <a:schemeClr val="tx1"/>
              </a:solidFill>
            </a:endParaRPr>
          </a:p>
          <a:p>
            <a:pPr marL="171450" indent="-171450" defTabSz="914400" eaLnBrk="0" fontAlgn="base" hangingPunct="0">
              <a:spcBef>
                <a:spcPct val="0"/>
              </a:spcBef>
              <a:spcAft>
                <a:spcPts val="600"/>
              </a:spcAft>
              <a:buFont typeface="Wingdings" panose="05000000000000000000" pitchFamily="2" charset="2"/>
              <a:buChar char="ü"/>
            </a:pPr>
            <a:r>
              <a:rPr lang="da-DK" sz="900" noProof="0">
                <a:solidFill>
                  <a:schemeClr val="tx1"/>
                </a:solidFill>
              </a:rPr>
              <a:t>Hvis vi ønsker et alternativ, må vi leve med nogle ”kompromisser”</a:t>
            </a:r>
            <a:br>
              <a:rPr lang="da-DK" sz="900" noProof="0" dirty="0">
                <a:solidFill>
                  <a:schemeClr val="tx1"/>
                </a:solidFill>
              </a:rPr>
            </a:br>
            <a:r>
              <a:rPr lang="da-DK" sz="900" b="0" noProof="0"/>
              <a:t>Det har været nødvendigt at ændre på udbuds- og evalueringsmodeller for at sikre en konkurrencesituation med relevante europæiske bydere*.</a:t>
            </a:r>
            <a:endParaRPr lang="da-DK" sz="900" noProof="0">
              <a:solidFill>
                <a:schemeClr val="tx1"/>
              </a:solidFill>
            </a:endParaRPr>
          </a:p>
          <a:p>
            <a:pPr marL="171450" indent="-171450">
              <a:spcAft>
                <a:spcPts val="300"/>
              </a:spcAft>
              <a:buFont typeface="Wingdings" panose="05000000000000000000" pitchFamily="2" charset="2"/>
              <a:buChar char="ü"/>
            </a:pPr>
            <a:r>
              <a:rPr lang="da-DK" sz="900" noProof="0" err="1">
                <a:solidFill>
                  <a:schemeClr val="tx1"/>
                </a:solidFill>
              </a:rPr>
              <a:t>Hyperscalers</a:t>
            </a:r>
            <a:r>
              <a:rPr lang="da-DK" sz="900" noProof="0">
                <a:solidFill>
                  <a:schemeClr val="tx1"/>
                </a:solidFill>
              </a:rPr>
              <a:t> etablerer nye selskaber</a:t>
            </a:r>
            <a:br>
              <a:rPr lang="da-DK" sz="900" noProof="0">
                <a:solidFill>
                  <a:schemeClr val="tx1"/>
                </a:solidFill>
              </a:rPr>
            </a:br>
            <a:r>
              <a:rPr lang="da-DK" sz="900" b="0" noProof="0">
                <a:solidFill>
                  <a:schemeClr val="tx1"/>
                </a:solidFill>
              </a:rPr>
              <a:t>F</a:t>
            </a:r>
            <a:r>
              <a:rPr lang="da-DK" sz="900" b="0" noProof="0"/>
              <a:t>lere </a:t>
            </a:r>
            <a:r>
              <a:rPr lang="da-DK" sz="900" b="0" noProof="0" err="1"/>
              <a:t>hyperscalers</a:t>
            </a:r>
            <a:r>
              <a:rPr lang="da-DK" sz="900" b="0" noProof="0"/>
              <a:t> opretter selskaber i EU og justerer på ejerskab og IP-forhold for at levere tjenester med ”reduceret” risiko**.</a:t>
            </a:r>
          </a:p>
        </p:txBody>
      </p:sp>
      <p:sp>
        <p:nvSpPr>
          <p:cNvPr id="55" name="Oval 54">
            <a:extLst>
              <a:ext uri="{FF2B5EF4-FFF2-40B4-BE49-F238E27FC236}">
                <a16:creationId xmlns:a16="http://schemas.microsoft.com/office/drawing/2014/main" id="{CB3F066A-B14C-CDD8-8F79-12CB7A0F895B}"/>
              </a:ext>
              <a:ext uri="{C183D7F6-B498-43B3-948B-1728B52AA6E4}">
                <adec:decorative xmlns:adec="http://schemas.microsoft.com/office/drawing/2017/decorative" val="1"/>
              </a:ext>
            </a:extLst>
          </p:cNvPr>
          <p:cNvSpPr/>
          <p:nvPr/>
        </p:nvSpPr>
        <p:spPr>
          <a:xfrm>
            <a:off x="8127049" y="2053085"/>
            <a:ext cx="152694" cy="152694"/>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6" name="Rectangle 25">
            <a:extLst>
              <a:ext uri="{FF2B5EF4-FFF2-40B4-BE49-F238E27FC236}">
                <a16:creationId xmlns:a16="http://schemas.microsoft.com/office/drawing/2014/main" id="{0875ED77-816D-CEA1-CCED-106EC553A4E6}"/>
              </a:ext>
              <a:ext uri="{C183D7F6-B498-43B3-948B-1728B52AA6E4}">
                <adec:decorative xmlns:adec="http://schemas.microsoft.com/office/drawing/2017/decorative" val="1"/>
              </a:ext>
            </a:extLst>
          </p:cNvPr>
          <p:cNvSpPr>
            <a:spLocks/>
          </p:cNvSpPr>
          <p:nvPr/>
        </p:nvSpPr>
        <p:spPr>
          <a:xfrm>
            <a:off x="1070058" y="5891622"/>
            <a:ext cx="2008508" cy="420941"/>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46" name="Rectangle 45">
            <a:extLst>
              <a:ext uri="{FF2B5EF4-FFF2-40B4-BE49-F238E27FC236}">
                <a16:creationId xmlns:a16="http://schemas.microsoft.com/office/drawing/2014/main" id="{D8FAD6CC-EE65-F1F7-7EF3-4394E6314705}"/>
              </a:ext>
              <a:ext uri="{C183D7F6-B498-43B3-948B-1728B52AA6E4}">
                <adec:decorative xmlns:adec="http://schemas.microsoft.com/office/drawing/2017/decorative" val="1"/>
              </a:ext>
            </a:extLst>
          </p:cNvPr>
          <p:cNvSpPr>
            <a:spLocks/>
          </p:cNvSpPr>
          <p:nvPr/>
        </p:nvSpPr>
        <p:spPr>
          <a:xfrm>
            <a:off x="1073146" y="4281487"/>
            <a:ext cx="1977638" cy="1366814"/>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grpSp>
        <p:nvGrpSpPr>
          <p:cNvPr id="101" name="Group 100">
            <a:extLst>
              <a:ext uri="{FF2B5EF4-FFF2-40B4-BE49-F238E27FC236}">
                <a16:creationId xmlns:a16="http://schemas.microsoft.com/office/drawing/2014/main" id="{E0DCEBAC-CC3E-C038-6511-08D2572A5B9E}"/>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102" name="Rectangle 101">
              <a:extLst>
                <a:ext uri="{FF2B5EF4-FFF2-40B4-BE49-F238E27FC236}">
                  <a16:creationId xmlns:a16="http://schemas.microsoft.com/office/drawing/2014/main" id="{14500126-3D03-EED1-818D-6F5E182F624B}"/>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03" name="Rectangle 102">
              <a:extLst>
                <a:ext uri="{FF2B5EF4-FFF2-40B4-BE49-F238E27FC236}">
                  <a16:creationId xmlns:a16="http://schemas.microsoft.com/office/drawing/2014/main" id="{ABBF299B-B43E-AC64-D3F6-E9D831BB7C0E}"/>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10" name="Rectangle: Rounded Corners 62">
            <a:extLst>
              <a:ext uri="{FF2B5EF4-FFF2-40B4-BE49-F238E27FC236}">
                <a16:creationId xmlns:a16="http://schemas.microsoft.com/office/drawing/2014/main" id="{5CBDEF76-43EB-45E9-A1E5-4806E6ED3C79}"/>
              </a:ext>
              <a:ext uri="{C183D7F6-B498-43B3-948B-1728B52AA6E4}">
                <adec:decorative xmlns:adec="http://schemas.microsoft.com/office/drawing/2017/decorative" val="1"/>
              </a:ext>
            </a:extLst>
          </p:cNvPr>
          <p:cNvSpPr/>
          <p:nvPr/>
        </p:nvSpPr>
        <p:spPr>
          <a:xfrm>
            <a:off x="9603525" y="1812067"/>
            <a:ext cx="2399666" cy="2088724"/>
          </a:xfrm>
          <a:prstGeom prst="roundRect">
            <a:avLst>
              <a:gd name="adj" fmla="val 2522"/>
            </a:avLst>
          </a:prstGeom>
          <a:noFill/>
          <a:ln w="9525" cap="flat" cmpd="sng" algn="ctr">
            <a:solidFill>
              <a:srgbClr val="CDECF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39307" rtl="0" eaLnBrk="1" fontAlgn="auto" latinLnBrk="0" hangingPunct="1">
              <a:lnSpc>
                <a:spcPct val="100000"/>
              </a:lnSpc>
              <a:spcBef>
                <a:spcPts val="0"/>
              </a:spcBef>
              <a:spcAft>
                <a:spcPts val="0"/>
              </a:spcAft>
              <a:buClrTx/>
              <a:buSzTx/>
              <a:buFontTx/>
              <a:buNone/>
              <a:tabLst/>
              <a:defRPr/>
            </a:pPr>
            <a:endParaRPr kumimoji="0" lang="da-DK" sz="1400" b="0" i="0" u="none" strike="noStrike" kern="1200" cap="none" spc="0" normalizeH="0" baseline="0" noProof="0">
              <a:ln>
                <a:noFill/>
              </a:ln>
              <a:solidFill>
                <a:srgbClr val="A2B3C9"/>
              </a:solidFill>
              <a:effectLst/>
              <a:uLnTx/>
              <a:uFillTx/>
              <a:latin typeface="Arial" panose="020B0604020202020204"/>
              <a:ea typeface="+mn-ea"/>
              <a:cs typeface="+mn-cs"/>
            </a:endParaRPr>
          </a:p>
        </p:txBody>
      </p:sp>
      <p:sp>
        <p:nvSpPr>
          <p:cNvPr id="15" name="Rektangel: afrundede hjørner 10">
            <a:extLst>
              <a:ext uri="{FF2B5EF4-FFF2-40B4-BE49-F238E27FC236}">
                <a16:creationId xmlns:a16="http://schemas.microsoft.com/office/drawing/2014/main" id="{EAA81CEA-F09C-FEBC-E04F-A561ADE5D478}"/>
              </a:ext>
              <a:ext uri="{C183D7F6-B498-43B3-948B-1728B52AA6E4}">
                <adec:decorative xmlns:adec="http://schemas.microsoft.com/office/drawing/2017/decorative" val="1"/>
              </a:ext>
            </a:extLst>
          </p:cNvPr>
          <p:cNvSpPr>
            <a:spLocks/>
          </p:cNvSpPr>
          <p:nvPr/>
        </p:nvSpPr>
        <p:spPr>
          <a:xfrm>
            <a:off x="9715033" y="2160296"/>
            <a:ext cx="2190658" cy="252000"/>
          </a:xfrm>
          <a:prstGeom prst="roundRect">
            <a:avLst>
              <a:gd name="adj" fmla="val 5714"/>
            </a:avLst>
          </a:prstGeom>
          <a:solidFill>
            <a:srgbClr val="B7E5E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6" name="TextBox 4">
            <a:extLst>
              <a:ext uri="{FF2B5EF4-FFF2-40B4-BE49-F238E27FC236}">
                <a16:creationId xmlns:a16="http://schemas.microsoft.com/office/drawing/2014/main" id="{27C911AD-EBD7-9A6F-62CC-B2DA50303077}"/>
              </a:ext>
              <a:ext uri="{C183D7F6-B498-43B3-948B-1728B52AA6E4}">
                <adec:decorative xmlns:adec="http://schemas.microsoft.com/office/drawing/2017/decorative" val="1"/>
              </a:ext>
            </a:extLst>
          </p:cNvPr>
          <p:cNvSpPr txBox="1">
            <a:spLocks/>
          </p:cNvSpPr>
          <p:nvPr/>
        </p:nvSpPr>
        <p:spPr>
          <a:xfrm>
            <a:off x="10013065" y="2171242"/>
            <a:ext cx="1955475" cy="230108"/>
          </a:xfrm>
          <a:prstGeom prst="rect">
            <a:avLst/>
          </a:prstGeom>
          <a:noFill/>
        </p:spPr>
        <p:txBody>
          <a:bodyPr wrap="square" lIns="0" rtlCol="0" anchor="ctr">
            <a:noAutofit/>
          </a:bodyPr>
          <a:lstStyle/>
          <a:p>
            <a:r>
              <a:rPr lang="da-DK" sz="700" noProof="0">
                <a:solidFill>
                  <a:srgbClr val="024D78"/>
                </a:solidFill>
              </a:rPr>
              <a:t>01 | Strategi og organisation</a:t>
            </a:r>
          </a:p>
        </p:txBody>
      </p:sp>
      <p:sp>
        <p:nvSpPr>
          <p:cNvPr id="17" name="Rektangel: afrundede hjørner 5">
            <a:extLst>
              <a:ext uri="{FF2B5EF4-FFF2-40B4-BE49-F238E27FC236}">
                <a16:creationId xmlns:a16="http://schemas.microsoft.com/office/drawing/2014/main" id="{A10507F7-9D2B-654C-D4B4-1BB3CA5D5FCE}"/>
              </a:ext>
              <a:ext uri="{C183D7F6-B498-43B3-948B-1728B52AA6E4}">
                <adec:decorative xmlns:adec="http://schemas.microsoft.com/office/drawing/2017/decorative" val="1"/>
              </a:ext>
            </a:extLst>
          </p:cNvPr>
          <p:cNvSpPr>
            <a:spLocks/>
          </p:cNvSpPr>
          <p:nvPr/>
        </p:nvSpPr>
        <p:spPr>
          <a:xfrm>
            <a:off x="9714378" y="3208895"/>
            <a:ext cx="2190658" cy="252000"/>
          </a:xfrm>
          <a:prstGeom prst="roundRect">
            <a:avLst>
              <a:gd name="adj" fmla="val 5714"/>
            </a:avLst>
          </a:prstGeom>
          <a:solidFill>
            <a:srgbClr val="B7E5EE">
              <a:alpha val="25000"/>
            </a:srgbClr>
          </a:solidFill>
          <a:ln>
            <a:solidFill>
              <a:srgbClr val="165C8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8" name="Rektangel: afrundede hjørner 9">
            <a:extLst>
              <a:ext uri="{FF2B5EF4-FFF2-40B4-BE49-F238E27FC236}">
                <a16:creationId xmlns:a16="http://schemas.microsoft.com/office/drawing/2014/main" id="{CF714AF3-7052-8E49-6DD0-2A99602F03D8}"/>
              </a:ext>
              <a:ext uri="{C183D7F6-B498-43B3-948B-1728B52AA6E4}">
                <adec:decorative xmlns:adec="http://schemas.microsoft.com/office/drawing/2017/decorative" val="1"/>
              </a:ext>
            </a:extLst>
          </p:cNvPr>
          <p:cNvSpPr>
            <a:spLocks/>
          </p:cNvSpPr>
          <p:nvPr/>
        </p:nvSpPr>
        <p:spPr>
          <a:xfrm>
            <a:off x="9715296" y="2860854"/>
            <a:ext cx="2190193" cy="252000"/>
          </a:xfrm>
          <a:prstGeom prst="roundRect">
            <a:avLst>
              <a:gd name="adj" fmla="val 5714"/>
            </a:avLst>
          </a:prstGeom>
          <a:solidFill>
            <a:srgbClr val="B7E5EE">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19" name="Rektangel: afrundede hjørner 39">
            <a:extLst>
              <a:ext uri="{FF2B5EF4-FFF2-40B4-BE49-F238E27FC236}">
                <a16:creationId xmlns:a16="http://schemas.microsoft.com/office/drawing/2014/main" id="{B895B9DE-364E-6965-B40E-E1A392530628}"/>
              </a:ext>
              <a:ext uri="{C183D7F6-B498-43B3-948B-1728B52AA6E4}">
                <adec:decorative xmlns:adec="http://schemas.microsoft.com/office/drawing/2017/decorative" val="1"/>
              </a:ext>
            </a:extLst>
          </p:cNvPr>
          <p:cNvSpPr>
            <a:spLocks/>
          </p:cNvSpPr>
          <p:nvPr/>
        </p:nvSpPr>
        <p:spPr>
          <a:xfrm>
            <a:off x="9714378" y="2489568"/>
            <a:ext cx="2190193" cy="252000"/>
          </a:xfrm>
          <a:prstGeom prst="roundRect">
            <a:avLst>
              <a:gd name="adj" fmla="val 5714"/>
            </a:avLst>
          </a:prstGeom>
          <a:solidFill>
            <a:srgbClr val="B7E5EE">
              <a:alpha val="7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sp>
        <p:nvSpPr>
          <p:cNvPr id="20" name="Rektangel: afrundede hjørner 39">
            <a:extLst>
              <a:ext uri="{FF2B5EF4-FFF2-40B4-BE49-F238E27FC236}">
                <a16:creationId xmlns:a16="http://schemas.microsoft.com/office/drawing/2014/main" id="{5BAD9983-78D0-3ADD-5EC2-CC8D624D1498}"/>
              </a:ext>
              <a:ext uri="{C183D7F6-B498-43B3-948B-1728B52AA6E4}">
                <adec:decorative xmlns:adec="http://schemas.microsoft.com/office/drawing/2017/decorative" val="1"/>
              </a:ext>
            </a:extLst>
          </p:cNvPr>
          <p:cNvSpPr>
            <a:spLocks/>
          </p:cNvSpPr>
          <p:nvPr/>
        </p:nvSpPr>
        <p:spPr>
          <a:xfrm>
            <a:off x="9714843" y="3561413"/>
            <a:ext cx="2190193" cy="252000"/>
          </a:xfrm>
          <a:prstGeom prst="roundRect">
            <a:avLst>
              <a:gd name="adj" fmla="val 5714"/>
            </a:avLst>
          </a:prstGeom>
          <a:solidFill>
            <a:srgbClr val="B7E5EE">
              <a:alpha val="1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b="1" noProof="0" dirty="0"/>
          </a:p>
        </p:txBody>
      </p:sp>
      <p:sp>
        <p:nvSpPr>
          <p:cNvPr id="21" name="TextBox 4">
            <a:extLst>
              <a:ext uri="{FF2B5EF4-FFF2-40B4-BE49-F238E27FC236}">
                <a16:creationId xmlns:a16="http://schemas.microsoft.com/office/drawing/2014/main" id="{58522C72-2323-0607-9EF8-A404EB01E58A}"/>
              </a:ext>
              <a:ext uri="{C183D7F6-B498-43B3-948B-1728B52AA6E4}">
                <adec:decorative xmlns:adec="http://schemas.microsoft.com/office/drawing/2017/decorative" val="1"/>
              </a:ext>
            </a:extLst>
          </p:cNvPr>
          <p:cNvSpPr txBox="1">
            <a:spLocks/>
          </p:cNvSpPr>
          <p:nvPr/>
        </p:nvSpPr>
        <p:spPr>
          <a:xfrm>
            <a:off x="10012600" y="3219841"/>
            <a:ext cx="1955475" cy="230108"/>
          </a:xfrm>
          <a:prstGeom prst="rect">
            <a:avLst/>
          </a:prstGeom>
          <a:noFill/>
        </p:spPr>
        <p:txBody>
          <a:bodyPr wrap="square" lIns="0" rtlCol="0" anchor="ctr">
            <a:noAutofit/>
          </a:bodyPr>
          <a:lstStyle/>
          <a:p>
            <a:r>
              <a:rPr lang="da-DK" sz="700" b="1" noProof="0" dirty="0">
                <a:solidFill>
                  <a:srgbClr val="024D78"/>
                </a:solidFill>
              </a:rPr>
              <a:t>04 | Indkøb, krav og leverandørsamarbejde</a:t>
            </a:r>
          </a:p>
        </p:txBody>
      </p:sp>
      <p:sp>
        <p:nvSpPr>
          <p:cNvPr id="24" name="TextBox 4">
            <a:extLst>
              <a:ext uri="{FF2B5EF4-FFF2-40B4-BE49-F238E27FC236}">
                <a16:creationId xmlns:a16="http://schemas.microsoft.com/office/drawing/2014/main" id="{D1733754-8498-05B0-54C6-7CDF1163C001}"/>
              </a:ext>
              <a:ext uri="{C183D7F6-B498-43B3-948B-1728B52AA6E4}">
                <adec:decorative xmlns:adec="http://schemas.microsoft.com/office/drawing/2017/decorative" val="1"/>
              </a:ext>
            </a:extLst>
          </p:cNvPr>
          <p:cNvSpPr txBox="1">
            <a:spLocks/>
          </p:cNvSpPr>
          <p:nvPr/>
        </p:nvSpPr>
        <p:spPr>
          <a:xfrm>
            <a:off x="10013065" y="2871800"/>
            <a:ext cx="1955475" cy="230108"/>
          </a:xfrm>
          <a:prstGeom prst="rect">
            <a:avLst/>
          </a:prstGeom>
          <a:noFill/>
        </p:spPr>
        <p:txBody>
          <a:bodyPr wrap="square" lIns="0" rtlCol="0" anchor="ctr">
            <a:noAutofit/>
          </a:bodyPr>
          <a:lstStyle/>
          <a:p>
            <a:r>
              <a:rPr lang="da-DK" sz="700" noProof="0">
                <a:solidFill>
                  <a:srgbClr val="024D78"/>
                </a:solidFill>
              </a:rPr>
              <a:t>03 | Arkitektur og åbne standarder</a:t>
            </a:r>
          </a:p>
        </p:txBody>
      </p:sp>
      <p:sp>
        <p:nvSpPr>
          <p:cNvPr id="33" name="TextBox 4">
            <a:extLst>
              <a:ext uri="{FF2B5EF4-FFF2-40B4-BE49-F238E27FC236}">
                <a16:creationId xmlns:a16="http://schemas.microsoft.com/office/drawing/2014/main" id="{9ABD796F-918E-5374-55B7-2889BDB5D36C}"/>
              </a:ext>
              <a:ext uri="{C183D7F6-B498-43B3-948B-1728B52AA6E4}">
                <adec:decorative xmlns:adec="http://schemas.microsoft.com/office/drawing/2017/decorative" val="1"/>
              </a:ext>
            </a:extLst>
          </p:cNvPr>
          <p:cNvSpPr txBox="1">
            <a:spLocks/>
          </p:cNvSpPr>
          <p:nvPr/>
        </p:nvSpPr>
        <p:spPr>
          <a:xfrm>
            <a:off x="10012147" y="2500514"/>
            <a:ext cx="1955475" cy="230108"/>
          </a:xfrm>
          <a:prstGeom prst="rect">
            <a:avLst/>
          </a:prstGeom>
          <a:noFill/>
        </p:spPr>
        <p:txBody>
          <a:bodyPr wrap="square" lIns="0" rtlCol="0" anchor="ctr">
            <a:noAutofit/>
          </a:bodyPr>
          <a:lstStyle/>
          <a:p>
            <a:r>
              <a:rPr lang="da-DK" sz="700" noProof="0">
                <a:solidFill>
                  <a:srgbClr val="024D78"/>
                </a:solidFill>
              </a:rPr>
              <a:t>0</a:t>
            </a:r>
            <a:r>
              <a:rPr lang="da-DK" sz="700" noProof="0" dirty="0">
                <a:solidFill>
                  <a:srgbClr val="024D78"/>
                </a:solidFill>
              </a:rPr>
              <a:t>2</a:t>
            </a:r>
            <a:r>
              <a:rPr lang="da-DK" sz="700" noProof="0">
                <a:solidFill>
                  <a:srgbClr val="024D78"/>
                </a:solidFill>
              </a:rPr>
              <a:t> | Risikobaseret styring af afhængigheder</a:t>
            </a:r>
          </a:p>
        </p:txBody>
      </p:sp>
      <p:sp>
        <p:nvSpPr>
          <p:cNvPr id="34" name="TextBox 4">
            <a:extLst>
              <a:ext uri="{FF2B5EF4-FFF2-40B4-BE49-F238E27FC236}">
                <a16:creationId xmlns:a16="http://schemas.microsoft.com/office/drawing/2014/main" id="{1DC88270-F2DA-BCF0-EA0B-DC8B3D97D6EC}"/>
              </a:ext>
              <a:ext uri="{C183D7F6-B498-43B3-948B-1728B52AA6E4}">
                <adec:decorative xmlns:adec="http://schemas.microsoft.com/office/drawing/2017/decorative" val="1"/>
              </a:ext>
            </a:extLst>
          </p:cNvPr>
          <p:cNvSpPr txBox="1">
            <a:spLocks/>
          </p:cNvSpPr>
          <p:nvPr/>
        </p:nvSpPr>
        <p:spPr>
          <a:xfrm>
            <a:off x="10013065" y="3572359"/>
            <a:ext cx="1955475" cy="230108"/>
          </a:xfrm>
          <a:prstGeom prst="rect">
            <a:avLst/>
          </a:prstGeom>
          <a:noFill/>
        </p:spPr>
        <p:txBody>
          <a:bodyPr wrap="square" lIns="0" rtlCol="0" anchor="ctr">
            <a:noAutofit/>
          </a:bodyPr>
          <a:lstStyle/>
          <a:p>
            <a:r>
              <a:rPr lang="da-DK" sz="700" noProof="0">
                <a:solidFill>
                  <a:srgbClr val="024D78"/>
                </a:solidFill>
              </a:rPr>
              <a:t>0</a:t>
            </a:r>
            <a:r>
              <a:rPr lang="da-DK" sz="700" noProof="0" dirty="0">
                <a:solidFill>
                  <a:srgbClr val="024D78"/>
                </a:solidFill>
              </a:rPr>
              <a:t>5</a:t>
            </a:r>
            <a:r>
              <a:rPr lang="da-DK" sz="700" noProof="0">
                <a:solidFill>
                  <a:srgbClr val="024D78"/>
                </a:solidFill>
              </a:rPr>
              <a:t> | Alternative løsninger</a:t>
            </a:r>
          </a:p>
        </p:txBody>
      </p:sp>
      <p:sp>
        <p:nvSpPr>
          <p:cNvPr id="12" name="Content Placeholder 5">
            <a:extLst>
              <a:ext uri="{FF2B5EF4-FFF2-40B4-BE49-F238E27FC236}">
                <a16:creationId xmlns:a16="http://schemas.microsoft.com/office/drawing/2014/main" id="{802D9123-7850-1BB2-7A31-E0E99E64A346}"/>
              </a:ext>
            </a:extLst>
          </p:cNvPr>
          <p:cNvSpPr txBox="1">
            <a:spLocks/>
          </p:cNvSpPr>
          <p:nvPr/>
        </p:nvSpPr>
        <p:spPr>
          <a:xfrm>
            <a:off x="546369" y="6472986"/>
            <a:ext cx="11456822" cy="21705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a:solidFill>
                  <a:schemeClr val="tx1"/>
                </a:solidFill>
              </a:rPr>
              <a:t>*Der vil formentlig være europæiske bydere, som indgår i konsortier med </a:t>
            </a:r>
            <a:r>
              <a:rPr lang="da-DK" sz="700" b="0" i="1" noProof="0" err="1">
                <a:solidFill>
                  <a:schemeClr val="tx1"/>
                </a:solidFill>
              </a:rPr>
              <a:t>hyperscalers</a:t>
            </a:r>
            <a:r>
              <a:rPr lang="da-DK" sz="700" b="0" i="1" noProof="0">
                <a:solidFill>
                  <a:schemeClr val="tx1"/>
                </a:solidFill>
              </a:rPr>
              <a:t>, samt europæiske virksomheder med et vist ejerskab fra tredjelande. **Rent udbudsteknisk er der taget højde for dette via </a:t>
            </a:r>
            <a:r>
              <a:rPr lang="da-DK" sz="700" b="0" i="1" noProof="0" err="1">
                <a:solidFill>
                  <a:schemeClr val="tx1"/>
                </a:solidFill>
              </a:rPr>
              <a:t>Sovereignty</a:t>
            </a:r>
            <a:r>
              <a:rPr lang="da-DK" sz="700" b="0" i="1" noProof="0">
                <a:solidFill>
                  <a:schemeClr val="tx1"/>
                </a:solidFill>
              </a:rPr>
              <a:t> </a:t>
            </a:r>
            <a:r>
              <a:rPr lang="da-DK" sz="700" b="0" i="1" noProof="0" err="1">
                <a:solidFill>
                  <a:schemeClr val="tx1"/>
                </a:solidFill>
              </a:rPr>
              <a:t>Effectiveness</a:t>
            </a:r>
            <a:r>
              <a:rPr lang="da-DK" sz="700" b="0" i="1" noProof="0">
                <a:solidFill>
                  <a:schemeClr val="tx1"/>
                </a:solidFill>
              </a:rPr>
              <a:t> Assurance Levels (SEAL) – se næste side. </a:t>
            </a:r>
          </a:p>
        </p:txBody>
      </p:sp>
      <p:sp>
        <p:nvSpPr>
          <p:cNvPr id="35" name="Freeform 7">
            <a:extLst>
              <a:ext uri="{FF2B5EF4-FFF2-40B4-BE49-F238E27FC236}">
                <a16:creationId xmlns:a16="http://schemas.microsoft.com/office/drawing/2014/main" id="{41772702-639F-4A51-3D8C-7BBEE0284013}"/>
              </a:ext>
              <a:ext uri="{C183D7F6-B498-43B3-948B-1728B52AA6E4}">
                <adec:decorative xmlns:adec="http://schemas.microsoft.com/office/drawing/2017/decorative" val="1"/>
              </a:ext>
            </a:extLst>
          </p:cNvPr>
          <p:cNvSpPr>
            <a:spLocks noEditPoints="1"/>
          </p:cNvSpPr>
          <p:nvPr/>
        </p:nvSpPr>
        <p:spPr bwMode="auto">
          <a:xfrm>
            <a:off x="9787104" y="3249608"/>
            <a:ext cx="176892" cy="1705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grpSp>
        <p:nvGrpSpPr>
          <p:cNvPr id="36" name="Group 18">
            <a:extLst>
              <a:ext uri="{FF2B5EF4-FFF2-40B4-BE49-F238E27FC236}">
                <a16:creationId xmlns:a16="http://schemas.microsoft.com/office/drawing/2014/main" id="{91E4A865-1E01-A727-0D9C-5263D0605201}"/>
              </a:ext>
              <a:ext uri="{C183D7F6-B498-43B3-948B-1728B52AA6E4}">
                <adec:decorative xmlns:adec="http://schemas.microsoft.com/office/drawing/2017/decorative" val="1"/>
              </a:ext>
            </a:extLst>
          </p:cNvPr>
          <p:cNvGrpSpPr/>
          <p:nvPr/>
        </p:nvGrpSpPr>
        <p:grpSpPr>
          <a:xfrm>
            <a:off x="9779042" y="2912075"/>
            <a:ext cx="193946" cy="152578"/>
            <a:chOff x="8675444" y="2927353"/>
            <a:chExt cx="573087" cy="450850"/>
          </a:xfrm>
          <a:solidFill>
            <a:srgbClr val="024D78"/>
          </a:solidFill>
        </p:grpSpPr>
        <p:sp>
          <p:nvSpPr>
            <p:cNvPr id="110" name="Freeform 257">
              <a:extLst>
                <a:ext uri="{FF2B5EF4-FFF2-40B4-BE49-F238E27FC236}">
                  <a16:creationId xmlns:a16="http://schemas.microsoft.com/office/drawing/2014/main" id="{B5FCA1A2-5081-BFDD-42BC-67D6BBB5B20C}"/>
                </a:ext>
              </a:extLst>
            </p:cNvPr>
            <p:cNvSpPr>
              <a:spLocks noEditPoints="1"/>
            </p:cNvSpPr>
            <p:nvPr/>
          </p:nvSpPr>
          <p:spPr bwMode="auto">
            <a:xfrm>
              <a:off x="8675444" y="2947991"/>
              <a:ext cx="368300" cy="368300"/>
            </a:xfrm>
            <a:custGeom>
              <a:avLst/>
              <a:gdLst>
                <a:gd name="T0" fmla="*/ 56 w 144"/>
                <a:gd name="T1" fmla="*/ 112 h 144"/>
                <a:gd name="T2" fmla="*/ 83 w 144"/>
                <a:gd name="T3" fmla="*/ 105 h 144"/>
                <a:gd name="T4" fmla="*/ 121 w 144"/>
                <a:gd name="T5" fmla="*/ 143 h 144"/>
                <a:gd name="T6" fmla="*/ 124 w 144"/>
                <a:gd name="T7" fmla="*/ 144 h 144"/>
                <a:gd name="T8" fmla="*/ 144 w 144"/>
                <a:gd name="T9" fmla="*/ 124 h 144"/>
                <a:gd name="T10" fmla="*/ 143 w 144"/>
                <a:gd name="T11" fmla="*/ 121 h 144"/>
                <a:gd name="T12" fmla="*/ 105 w 144"/>
                <a:gd name="T13" fmla="*/ 83 h 144"/>
                <a:gd name="T14" fmla="*/ 112 w 144"/>
                <a:gd name="T15" fmla="*/ 56 h 144"/>
                <a:gd name="T16" fmla="*/ 56 w 144"/>
                <a:gd name="T17" fmla="*/ 0 h 144"/>
                <a:gd name="T18" fmla="*/ 0 w 144"/>
                <a:gd name="T19" fmla="*/ 56 h 144"/>
                <a:gd name="T20" fmla="*/ 56 w 144"/>
                <a:gd name="T21" fmla="*/ 112 h 144"/>
                <a:gd name="T22" fmla="*/ 136 w 144"/>
                <a:gd name="T23" fmla="*/ 126 h 144"/>
                <a:gd name="T24" fmla="*/ 126 w 144"/>
                <a:gd name="T25" fmla="*/ 136 h 144"/>
                <a:gd name="T26" fmla="*/ 90 w 144"/>
                <a:gd name="T27" fmla="*/ 100 h 144"/>
                <a:gd name="T28" fmla="*/ 100 w 144"/>
                <a:gd name="T29" fmla="*/ 90 h 144"/>
                <a:gd name="T30" fmla="*/ 136 w 144"/>
                <a:gd name="T31" fmla="*/ 126 h 144"/>
                <a:gd name="T32" fmla="*/ 56 w 144"/>
                <a:gd name="T33" fmla="*/ 8 h 144"/>
                <a:gd name="T34" fmla="*/ 104 w 144"/>
                <a:gd name="T35" fmla="*/ 56 h 144"/>
                <a:gd name="T36" fmla="*/ 56 w 144"/>
                <a:gd name="T37" fmla="*/ 104 h 144"/>
                <a:gd name="T38" fmla="*/ 8 w 144"/>
                <a:gd name="T39" fmla="*/ 56 h 144"/>
                <a:gd name="T40" fmla="*/ 56 w 144"/>
                <a:gd name="T41" fmla="*/ 8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44" h="144">
                  <a:moveTo>
                    <a:pt x="56" y="112"/>
                  </a:moveTo>
                  <a:cubicBezTo>
                    <a:pt x="66" y="112"/>
                    <a:pt x="75" y="109"/>
                    <a:pt x="83" y="105"/>
                  </a:cubicBezTo>
                  <a:cubicBezTo>
                    <a:pt x="121" y="143"/>
                    <a:pt x="121" y="143"/>
                    <a:pt x="121" y="143"/>
                  </a:cubicBezTo>
                  <a:cubicBezTo>
                    <a:pt x="122" y="144"/>
                    <a:pt x="123" y="144"/>
                    <a:pt x="124" y="144"/>
                  </a:cubicBezTo>
                  <a:cubicBezTo>
                    <a:pt x="135" y="144"/>
                    <a:pt x="144" y="135"/>
                    <a:pt x="144" y="124"/>
                  </a:cubicBezTo>
                  <a:cubicBezTo>
                    <a:pt x="144" y="123"/>
                    <a:pt x="144" y="122"/>
                    <a:pt x="143" y="121"/>
                  </a:cubicBezTo>
                  <a:cubicBezTo>
                    <a:pt x="105" y="83"/>
                    <a:pt x="105" y="83"/>
                    <a:pt x="105" y="83"/>
                  </a:cubicBezTo>
                  <a:cubicBezTo>
                    <a:pt x="109" y="75"/>
                    <a:pt x="112" y="66"/>
                    <a:pt x="112" y="56"/>
                  </a:cubicBezTo>
                  <a:cubicBezTo>
                    <a:pt x="112" y="25"/>
                    <a:pt x="87" y="0"/>
                    <a:pt x="56" y="0"/>
                  </a:cubicBezTo>
                  <a:cubicBezTo>
                    <a:pt x="25" y="0"/>
                    <a:pt x="0" y="25"/>
                    <a:pt x="0" y="56"/>
                  </a:cubicBezTo>
                  <a:cubicBezTo>
                    <a:pt x="0" y="87"/>
                    <a:pt x="25" y="112"/>
                    <a:pt x="56" y="112"/>
                  </a:cubicBezTo>
                  <a:close/>
                  <a:moveTo>
                    <a:pt x="136" y="126"/>
                  </a:moveTo>
                  <a:cubicBezTo>
                    <a:pt x="135" y="131"/>
                    <a:pt x="131" y="135"/>
                    <a:pt x="126" y="136"/>
                  </a:cubicBezTo>
                  <a:cubicBezTo>
                    <a:pt x="90" y="100"/>
                    <a:pt x="90" y="100"/>
                    <a:pt x="90" y="100"/>
                  </a:cubicBezTo>
                  <a:cubicBezTo>
                    <a:pt x="94" y="97"/>
                    <a:pt x="97" y="94"/>
                    <a:pt x="100" y="90"/>
                  </a:cubicBezTo>
                  <a:lnTo>
                    <a:pt x="136" y="126"/>
                  </a:lnTo>
                  <a:close/>
                  <a:moveTo>
                    <a:pt x="56" y="8"/>
                  </a:moveTo>
                  <a:cubicBezTo>
                    <a:pt x="82" y="8"/>
                    <a:pt x="104" y="30"/>
                    <a:pt x="104" y="56"/>
                  </a:cubicBezTo>
                  <a:cubicBezTo>
                    <a:pt x="104" y="82"/>
                    <a:pt x="82" y="104"/>
                    <a:pt x="56" y="104"/>
                  </a:cubicBezTo>
                  <a:cubicBezTo>
                    <a:pt x="30" y="104"/>
                    <a:pt x="8" y="82"/>
                    <a:pt x="8" y="56"/>
                  </a:cubicBezTo>
                  <a:cubicBezTo>
                    <a:pt x="8" y="30"/>
                    <a:pt x="30" y="8"/>
                    <a:pt x="56"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11" name="Freeform 258">
              <a:extLst>
                <a:ext uri="{FF2B5EF4-FFF2-40B4-BE49-F238E27FC236}">
                  <a16:creationId xmlns:a16="http://schemas.microsoft.com/office/drawing/2014/main" id="{9C354694-1971-675C-360A-0A4248F9F9C6}"/>
                </a:ext>
              </a:extLst>
            </p:cNvPr>
            <p:cNvSpPr>
              <a:spLocks/>
            </p:cNvSpPr>
            <p:nvPr/>
          </p:nvSpPr>
          <p:spPr bwMode="auto">
            <a:xfrm>
              <a:off x="8737357" y="3008316"/>
              <a:ext cx="92075" cy="92075"/>
            </a:xfrm>
            <a:custGeom>
              <a:avLst/>
              <a:gdLst>
                <a:gd name="T0" fmla="*/ 4 w 36"/>
                <a:gd name="T1" fmla="*/ 36 h 36"/>
                <a:gd name="T2" fmla="*/ 8 w 36"/>
                <a:gd name="T3" fmla="*/ 32 h 36"/>
                <a:gd name="T4" fmla="*/ 32 w 36"/>
                <a:gd name="T5" fmla="*/ 8 h 36"/>
                <a:gd name="T6" fmla="*/ 36 w 36"/>
                <a:gd name="T7" fmla="*/ 4 h 36"/>
                <a:gd name="T8" fmla="*/ 32 w 36"/>
                <a:gd name="T9" fmla="*/ 0 h 36"/>
                <a:gd name="T10" fmla="*/ 0 w 36"/>
                <a:gd name="T11" fmla="*/ 32 h 36"/>
                <a:gd name="T12" fmla="*/ 4 w 36"/>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36" h="36">
                  <a:moveTo>
                    <a:pt x="4" y="36"/>
                  </a:moveTo>
                  <a:cubicBezTo>
                    <a:pt x="6" y="36"/>
                    <a:pt x="8" y="34"/>
                    <a:pt x="8" y="32"/>
                  </a:cubicBezTo>
                  <a:cubicBezTo>
                    <a:pt x="8" y="19"/>
                    <a:pt x="19" y="8"/>
                    <a:pt x="32" y="8"/>
                  </a:cubicBezTo>
                  <a:cubicBezTo>
                    <a:pt x="34" y="8"/>
                    <a:pt x="36" y="6"/>
                    <a:pt x="36" y="4"/>
                  </a:cubicBezTo>
                  <a:cubicBezTo>
                    <a:pt x="36" y="2"/>
                    <a:pt x="34" y="0"/>
                    <a:pt x="32" y="0"/>
                  </a:cubicBezTo>
                  <a:cubicBezTo>
                    <a:pt x="14" y="0"/>
                    <a:pt x="0" y="14"/>
                    <a:pt x="0" y="32"/>
                  </a:cubicBezTo>
                  <a:cubicBezTo>
                    <a:pt x="0" y="34"/>
                    <a:pt x="2" y="36"/>
                    <a:pt x="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12" name="Freeform 259">
              <a:extLst>
                <a:ext uri="{FF2B5EF4-FFF2-40B4-BE49-F238E27FC236}">
                  <a16:creationId xmlns:a16="http://schemas.microsoft.com/office/drawing/2014/main" id="{E51F4AA7-1B0A-3847-50B9-56A2F90FEC35}"/>
                </a:ext>
              </a:extLst>
            </p:cNvPr>
            <p:cNvSpPr>
              <a:spLocks/>
            </p:cNvSpPr>
            <p:nvPr/>
          </p:nvSpPr>
          <p:spPr bwMode="auto">
            <a:xfrm>
              <a:off x="8675444" y="2927353"/>
              <a:ext cx="573087" cy="450850"/>
            </a:xfrm>
            <a:custGeom>
              <a:avLst/>
              <a:gdLst>
                <a:gd name="T0" fmla="*/ 212 w 224"/>
                <a:gd name="T1" fmla="*/ 16 h 176"/>
                <a:gd name="T2" fmla="*/ 208 w 224"/>
                <a:gd name="T3" fmla="*/ 20 h 176"/>
                <a:gd name="T4" fmla="*/ 212 w 224"/>
                <a:gd name="T5" fmla="*/ 24 h 176"/>
                <a:gd name="T6" fmla="*/ 216 w 224"/>
                <a:gd name="T7" fmla="*/ 28 h 176"/>
                <a:gd name="T8" fmla="*/ 216 w 224"/>
                <a:gd name="T9" fmla="*/ 160 h 176"/>
                <a:gd name="T10" fmla="*/ 208 w 224"/>
                <a:gd name="T11" fmla="*/ 168 h 176"/>
                <a:gd name="T12" fmla="*/ 200 w 224"/>
                <a:gd name="T13" fmla="*/ 160 h 176"/>
                <a:gd name="T14" fmla="*/ 200 w 224"/>
                <a:gd name="T15" fmla="*/ 12 h 176"/>
                <a:gd name="T16" fmla="*/ 188 w 224"/>
                <a:gd name="T17" fmla="*/ 0 h 176"/>
                <a:gd name="T18" fmla="*/ 140 w 224"/>
                <a:gd name="T19" fmla="*/ 0 h 176"/>
                <a:gd name="T20" fmla="*/ 137 w 224"/>
                <a:gd name="T21" fmla="*/ 2 h 176"/>
                <a:gd name="T22" fmla="*/ 122 w 224"/>
                <a:gd name="T23" fmla="*/ 24 h 176"/>
                <a:gd name="T24" fmla="*/ 116 w 224"/>
                <a:gd name="T25" fmla="*/ 24 h 176"/>
                <a:gd name="T26" fmla="*/ 112 w 224"/>
                <a:gd name="T27" fmla="*/ 28 h 176"/>
                <a:gd name="T28" fmla="*/ 116 w 224"/>
                <a:gd name="T29" fmla="*/ 32 h 176"/>
                <a:gd name="T30" fmla="*/ 124 w 224"/>
                <a:gd name="T31" fmla="*/ 32 h 176"/>
                <a:gd name="T32" fmla="*/ 127 w 224"/>
                <a:gd name="T33" fmla="*/ 30 h 176"/>
                <a:gd name="T34" fmla="*/ 142 w 224"/>
                <a:gd name="T35" fmla="*/ 8 h 176"/>
                <a:gd name="T36" fmla="*/ 188 w 224"/>
                <a:gd name="T37" fmla="*/ 8 h 176"/>
                <a:gd name="T38" fmla="*/ 192 w 224"/>
                <a:gd name="T39" fmla="*/ 12 h 176"/>
                <a:gd name="T40" fmla="*/ 192 w 224"/>
                <a:gd name="T41" fmla="*/ 160 h 176"/>
                <a:gd name="T42" fmla="*/ 194 w 224"/>
                <a:gd name="T43" fmla="*/ 168 h 176"/>
                <a:gd name="T44" fmla="*/ 24 w 224"/>
                <a:gd name="T45" fmla="*/ 168 h 176"/>
                <a:gd name="T46" fmla="*/ 8 w 224"/>
                <a:gd name="T47" fmla="*/ 152 h 176"/>
                <a:gd name="T48" fmla="*/ 8 w 224"/>
                <a:gd name="T49" fmla="*/ 108 h 176"/>
                <a:gd name="T50" fmla="*/ 4 w 224"/>
                <a:gd name="T51" fmla="*/ 104 h 176"/>
                <a:gd name="T52" fmla="*/ 0 w 224"/>
                <a:gd name="T53" fmla="*/ 108 h 176"/>
                <a:gd name="T54" fmla="*/ 0 w 224"/>
                <a:gd name="T55" fmla="*/ 152 h 176"/>
                <a:gd name="T56" fmla="*/ 24 w 224"/>
                <a:gd name="T57" fmla="*/ 176 h 176"/>
                <a:gd name="T58" fmla="*/ 208 w 224"/>
                <a:gd name="T59" fmla="*/ 176 h 176"/>
                <a:gd name="T60" fmla="*/ 224 w 224"/>
                <a:gd name="T61" fmla="*/ 160 h 176"/>
                <a:gd name="T62" fmla="*/ 224 w 224"/>
                <a:gd name="T63" fmla="*/ 28 h 176"/>
                <a:gd name="T64" fmla="*/ 212 w 224"/>
                <a:gd name="T65" fmla="*/ 1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224" h="176">
                  <a:moveTo>
                    <a:pt x="212" y="16"/>
                  </a:moveTo>
                  <a:cubicBezTo>
                    <a:pt x="210" y="16"/>
                    <a:pt x="208" y="18"/>
                    <a:pt x="208" y="20"/>
                  </a:cubicBezTo>
                  <a:cubicBezTo>
                    <a:pt x="208" y="22"/>
                    <a:pt x="210" y="24"/>
                    <a:pt x="212" y="24"/>
                  </a:cubicBezTo>
                  <a:cubicBezTo>
                    <a:pt x="214" y="24"/>
                    <a:pt x="216" y="26"/>
                    <a:pt x="216" y="28"/>
                  </a:cubicBezTo>
                  <a:cubicBezTo>
                    <a:pt x="216" y="160"/>
                    <a:pt x="216" y="160"/>
                    <a:pt x="216" y="160"/>
                  </a:cubicBezTo>
                  <a:cubicBezTo>
                    <a:pt x="216" y="164"/>
                    <a:pt x="212" y="168"/>
                    <a:pt x="208" y="168"/>
                  </a:cubicBezTo>
                  <a:cubicBezTo>
                    <a:pt x="204" y="168"/>
                    <a:pt x="200" y="164"/>
                    <a:pt x="200" y="160"/>
                  </a:cubicBezTo>
                  <a:cubicBezTo>
                    <a:pt x="200" y="12"/>
                    <a:pt x="200" y="12"/>
                    <a:pt x="200" y="12"/>
                  </a:cubicBezTo>
                  <a:cubicBezTo>
                    <a:pt x="200" y="5"/>
                    <a:pt x="195" y="0"/>
                    <a:pt x="188" y="0"/>
                  </a:cubicBezTo>
                  <a:cubicBezTo>
                    <a:pt x="140" y="0"/>
                    <a:pt x="140" y="0"/>
                    <a:pt x="140" y="0"/>
                  </a:cubicBezTo>
                  <a:cubicBezTo>
                    <a:pt x="139" y="0"/>
                    <a:pt x="137" y="1"/>
                    <a:pt x="137" y="2"/>
                  </a:cubicBezTo>
                  <a:cubicBezTo>
                    <a:pt x="122" y="24"/>
                    <a:pt x="122" y="24"/>
                    <a:pt x="122" y="24"/>
                  </a:cubicBezTo>
                  <a:cubicBezTo>
                    <a:pt x="116" y="24"/>
                    <a:pt x="116" y="24"/>
                    <a:pt x="116" y="24"/>
                  </a:cubicBezTo>
                  <a:cubicBezTo>
                    <a:pt x="114" y="24"/>
                    <a:pt x="112" y="26"/>
                    <a:pt x="112" y="28"/>
                  </a:cubicBezTo>
                  <a:cubicBezTo>
                    <a:pt x="112" y="30"/>
                    <a:pt x="114" y="32"/>
                    <a:pt x="116" y="32"/>
                  </a:cubicBezTo>
                  <a:cubicBezTo>
                    <a:pt x="124" y="32"/>
                    <a:pt x="124" y="32"/>
                    <a:pt x="124" y="32"/>
                  </a:cubicBezTo>
                  <a:cubicBezTo>
                    <a:pt x="125" y="32"/>
                    <a:pt x="127" y="31"/>
                    <a:pt x="127" y="30"/>
                  </a:cubicBezTo>
                  <a:cubicBezTo>
                    <a:pt x="142" y="8"/>
                    <a:pt x="142" y="8"/>
                    <a:pt x="142" y="8"/>
                  </a:cubicBezTo>
                  <a:cubicBezTo>
                    <a:pt x="188" y="8"/>
                    <a:pt x="188" y="8"/>
                    <a:pt x="188" y="8"/>
                  </a:cubicBezTo>
                  <a:cubicBezTo>
                    <a:pt x="190" y="8"/>
                    <a:pt x="192" y="10"/>
                    <a:pt x="192" y="12"/>
                  </a:cubicBezTo>
                  <a:cubicBezTo>
                    <a:pt x="192" y="160"/>
                    <a:pt x="192" y="160"/>
                    <a:pt x="192" y="160"/>
                  </a:cubicBezTo>
                  <a:cubicBezTo>
                    <a:pt x="192" y="163"/>
                    <a:pt x="193" y="166"/>
                    <a:pt x="194" y="168"/>
                  </a:cubicBezTo>
                  <a:cubicBezTo>
                    <a:pt x="24" y="168"/>
                    <a:pt x="24" y="168"/>
                    <a:pt x="24" y="168"/>
                  </a:cubicBezTo>
                  <a:cubicBezTo>
                    <a:pt x="15" y="168"/>
                    <a:pt x="8" y="161"/>
                    <a:pt x="8" y="152"/>
                  </a:cubicBezTo>
                  <a:cubicBezTo>
                    <a:pt x="8" y="108"/>
                    <a:pt x="8" y="108"/>
                    <a:pt x="8" y="108"/>
                  </a:cubicBezTo>
                  <a:cubicBezTo>
                    <a:pt x="8" y="106"/>
                    <a:pt x="6" y="104"/>
                    <a:pt x="4" y="104"/>
                  </a:cubicBezTo>
                  <a:cubicBezTo>
                    <a:pt x="2" y="104"/>
                    <a:pt x="0" y="106"/>
                    <a:pt x="0" y="108"/>
                  </a:cubicBezTo>
                  <a:cubicBezTo>
                    <a:pt x="0" y="152"/>
                    <a:pt x="0" y="152"/>
                    <a:pt x="0" y="152"/>
                  </a:cubicBezTo>
                  <a:cubicBezTo>
                    <a:pt x="0" y="165"/>
                    <a:pt x="11" y="176"/>
                    <a:pt x="24" y="176"/>
                  </a:cubicBezTo>
                  <a:cubicBezTo>
                    <a:pt x="208" y="176"/>
                    <a:pt x="208" y="176"/>
                    <a:pt x="208" y="176"/>
                  </a:cubicBezTo>
                  <a:cubicBezTo>
                    <a:pt x="217" y="176"/>
                    <a:pt x="224" y="169"/>
                    <a:pt x="224" y="160"/>
                  </a:cubicBezTo>
                  <a:cubicBezTo>
                    <a:pt x="224" y="28"/>
                    <a:pt x="224" y="28"/>
                    <a:pt x="224" y="28"/>
                  </a:cubicBezTo>
                  <a:cubicBezTo>
                    <a:pt x="224" y="21"/>
                    <a:pt x="219" y="16"/>
                    <a:pt x="212"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grpSp>
        <p:nvGrpSpPr>
          <p:cNvPr id="40" name="Group 22">
            <a:extLst>
              <a:ext uri="{FF2B5EF4-FFF2-40B4-BE49-F238E27FC236}">
                <a16:creationId xmlns:a16="http://schemas.microsoft.com/office/drawing/2014/main" id="{4B9913ED-D7EF-35D5-2CC3-608B4573298D}"/>
              </a:ext>
              <a:ext uri="{C183D7F6-B498-43B3-948B-1728B52AA6E4}">
                <adec:decorative xmlns:adec="http://schemas.microsoft.com/office/drawing/2017/decorative" val="1"/>
              </a:ext>
            </a:extLst>
          </p:cNvPr>
          <p:cNvGrpSpPr/>
          <p:nvPr/>
        </p:nvGrpSpPr>
        <p:grpSpPr>
          <a:xfrm>
            <a:off x="9785703" y="2518430"/>
            <a:ext cx="178788" cy="179199"/>
            <a:chOff x="8695953" y="3768979"/>
            <a:chExt cx="531804" cy="533027"/>
          </a:xfrm>
          <a:solidFill>
            <a:srgbClr val="024D78"/>
          </a:solidFill>
        </p:grpSpPr>
        <p:sp>
          <p:nvSpPr>
            <p:cNvPr id="107" name="Freeform 291">
              <a:extLst>
                <a:ext uri="{FF2B5EF4-FFF2-40B4-BE49-F238E27FC236}">
                  <a16:creationId xmlns:a16="http://schemas.microsoft.com/office/drawing/2014/main" id="{4A3F00D6-D925-9759-9238-7FE02A250AC2}"/>
                </a:ext>
              </a:extLst>
            </p:cNvPr>
            <p:cNvSpPr>
              <a:spLocks/>
            </p:cNvSpPr>
            <p:nvPr/>
          </p:nvSpPr>
          <p:spPr bwMode="auto">
            <a:xfrm>
              <a:off x="8848770" y="3768979"/>
              <a:ext cx="378987" cy="471900"/>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08" name="Freeform 292">
              <a:extLst>
                <a:ext uri="{FF2B5EF4-FFF2-40B4-BE49-F238E27FC236}">
                  <a16:creationId xmlns:a16="http://schemas.microsoft.com/office/drawing/2014/main" id="{08D3E8CA-EFA5-1194-F4A4-A9DE77F43F65}"/>
                </a:ext>
              </a:extLst>
            </p:cNvPr>
            <p:cNvSpPr>
              <a:spLocks/>
            </p:cNvSpPr>
            <p:nvPr/>
          </p:nvSpPr>
          <p:spPr bwMode="auto">
            <a:xfrm>
              <a:off x="8695953" y="3831329"/>
              <a:ext cx="378987" cy="470677"/>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09" name="Freeform 293">
              <a:extLst>
                <a:ext uri="{FF2B5EF4-FFF2-40B4-BE49-F238E27FC236}">
                  <a16:creationId xmlns:a16="http://schemas.microsoft.com/office/drawing/2014/main" id="{1DC1B99A-12E7-BF63-29E0-863C8376A38B}"/>
                </a:ext>
              </a:extLst>
            </p:cNvPr>
            <p:cNvSpPr>
              <a:spLocks noEditPoints="1"/>
            </p:cNvSpPr>
            <p:nvPr/>
          </p:nvSpPr>
          <p:spPr bwMode="auto">
            <a:xfrm>
              <a:off x="8838990" y="3892456"/>
              <a:ext cx="245730" cy="3080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
        <p:nvSpPr>
          <p:cNvPr id="60" name="Freeform 25">
            <a:extLst>
              <a:ext uri="{FF2B5EF4-FFF2-40B4-BE49-F238E27FC236}">
                <a16:creationId xmlns:a16="http://schemas.microsoft.com/office/drawing/2014/main" id="{67F168D7-A1AF-07AB-03EC-61D2E1585DEC}"/>
              </a:ext>
              <a:ext uri="{C183D7F6-B498-43B3-948B-1728B52AA6E4}">
                <adec:decorative xmlns:adec="http://schemas.microsoft.com/office/drawing/2017/decorative" val="1"/>
              </a:ext>
            </a:extLst>
          </p:cNvPr>
          <p:cNvSpPr>
            <a:spLocks noEditPoints="1"/>
          </p:cNvSpPr>
          <p:nvPr/>
        </p:nvSpPr>
        <p:spPr bwMode="auto">
          <a:xfrm>
            <a:off x="9770631" y="3593353"/>
            <a:ext cx="210768" cy="182693"/>
          </a:xfrm>
          <a:custGeom>
            <a:avLst/>
            <a:gdLst>
              <a:gd name="T0" fmla="*/ 116 w 240"/>
              <a:gd name="T1" fmla="*/ 204 h 208"/>
              <a:gd name="T2" fmla="*/ 124 w 240"/>
              <a:gd name="T3" fmla="*/ 180 h 208"/>
              <a:gd name="T4" fmla="*/ 63 w 240"/>
              <a:gd name="T5" fmla="*/ 155 h 208"/>
              <a:gd name="T6" fmla="*/ 61 w 240"/>
              <a:gd name="T7" fmla="*/ 167 h 208"/>
              <a:gd name="T8" fmla="*/ 69 w 240"/>
              <a:gd name="T9" fmla="*/ 155 h 208"/>
              <a:gd name="T10" fmla="*/ 171 w 240"/>
              <a:gd name="T11" fmla="*/ 161 h 208"/>
              <a:gd name="T12" fmla="*/ 182 w 240"/>
              <a:gd name="T13" fmla="*/ 166 h 208"/>
              <a:gd name="T14" fmla="*/ 144 w 240"/>
              <a:gd name="T15" fmla="*/ 176 h 208"/>
              <a:gd name="T16" fmla="*/ 138 w 240"/>
              <a:gd name="T17" fmla="*/ 186 h 208"/>
              <a:gd name="T18" fmla="*/ 146 w 240"/>
              <a:gd name="T19" fmla="*/ 184 h 208"/>
              <a:gd name="T20" fmla="*/ 96 w 240"/>
              <a:gd name="T21" fmla="*/ 176 h 208"/>
              <a:gd name="T22" fmla="*/ 98 w 240"/>
              <a:gd name="T23" fmla="*/ 189 h 208"/>
              <a:gd name="T24" fmla="*/ 101 w 240"/>
              <a:gd name="T25" fmla="*/ 174 h 208"/>
              <a:gd name="T26" fmla="*/ 67 w 240"/>
              <a:gd name="T27" fmla="*/ 189 h 208"/>
              <a:gd name="T28" fmla="*/ 73 w 240"/>
              <a:gd name="T29" fmla="*/ 193 h 208"/>
              <a:gd name="T30" fmla="*/ 161 w 240"/>
              <a:gd name="T31" fmla="*/ 168 h 208"/>
              <a:gd name="T32" fmla="*/ 167 w 240"/>
              <a:gd name="T33" fmla="*/ 193 h 208"/>
              <a:gd name="T34" fmla="*/ 173 w 240"/>
              <a:gd name="T35" fmla="*/ 189 h 208"/>
              <a:gd name="T36" fmla="*/ 124 w 240"/>
              <a:gd name="T37" fmla="*/ 28 h 208"/>
              <a:gd name="T38" fmla="*/ 116 w 240"/>
              <a:gd name="T39" fmla="*/ 4 h 208"/>
              <a:gd name="T40" fmla="*/ 182 w 240"/>
              <a:gd name="T41" fmla="*/ 68 h 208"/>
              <a:gd name="T42" fmla="*/ 209 w 240"/>
              <a:gd name="T43" fmla="*/ 57 h 208"/>
              <a:gd name="T44" fmla="*/ 184 w 240"/>
              <a:gd name="T45" fmla="*/ 63 h 208"/>
              <a:gd name="T46" fmla="*/ 174 w 240"/>
              <a:gd name="T47" fmla="*/ 54 h 208"/>
              <a:gd name="T48" fmla="*/ 182 w 240"/>
              <a:gd name="T49" fmla="*/ 42 h 208"/>
              <a:gd name="T50" fmla="*/ 171 w 240"/>
              <a:gd name="T51" fmla="*/ 53 h 208"/>
              <a:gd name="T52" fmla="*/ 69 w 240"/>
              <a:gd name="T53" fmla="*/ 53 h 208"/>
              <a:gd name="T54" fmla="*/ 58 w 240"/>
              <a:gd name="T55" fmla="*/ 42 h 208"/>
              <a:gd name="T56" fmla="*/ 96 w 240"/>
              <a:gd name="T57" fmla="*/ 32 h 208"/>
              <a:gd name="T58" fmla="*/ 104 w 240"/>
              <a:gd name="T59" fmla="*/ 30 h 208"/>
              <a:gd name="T60" fmla="*/ 94 w 240"/>
              <a:gd name="T61" fmla="*/ 24 h 208"/>
              <a:gd name="T62" fmla="*/ 140 w 240"/>
              <a:gd name="T63" fmla="*/ 35 h 208"/>
              <a:gd name="T64" fmla="*/ 143 w 240"/>
              <a:gd name="T65" fmla="*/ 19 h 208"/>
              <a:gd name="T66" fmla="*/ 139 w 240"/>
              <a:gd name="T67" fmla="*/ 34 h 208"/>
              <a:gd name="T68" fmla="*/ 161 w 240"/>
              <a:gd name="T69" fmla="*/ 40 h 208"/>
              <a:gd name="T70" fmla="*/ 167 w 240"/>
              <a:gd name="T71" fmla="*/ 15 h 208"/>
              <a:gd name="T72" fmla="*/ 79 w 240"/>
              <a:gd name="T73" fmla="*/ 40 h 208"/>
              <a:gd name="T74" fmla="*/ 85 w 240"/>
              <a:gd name="T75" fmla="*/ 36 h 208"/>
              <a:gd name="T76" fmla="*/ 67 w 240"/>
              <a:gd name="T77" fmla="*/ 19 h 208"/>
              <a:gd name="T78" fmla="*/ 236 w 240"/>
              <a:gd name="T79" fmla="*/ 92 h 208"/>
              <a:gd name="T80" fmla="*/ 0 w 240"/>
              <a:gd name="T81" fmla="*/ 96 h 208"/>
              <a:gd name="T82" fmla="*/ 80 w 240"/>
              <a:gd name="T83" fmla="*/ 116 h 208"/>
              <a:gd name="T84" fmla="*/ 185 w 240"/>
              <a:gd name="T85" fmla="*/ 147 h 208"/>
              <a:gd name="T86" fmla="*/ 223 w 240"/>
              <a:gd name="T87" fmla="*/ 147 h 208"/>
              <a:gd name="T88" fmla="*/ 236 w 240"/>
              <a:gd name="T89" fmla="*/ 116 h 208"/>
              <a:gd name="T90" fmla="*/ 240 w 240"/>
              <a:gd name="T91" fmla="*/ 96 h 208"/>
              <a:gd name="T92" fmla="*/ 220 w 240"/>
              <a:gd name="T93" fmla="*/ 108 h 208"/>
              <a:gd name="T94" fmla="*/ 216 w 240"/>
              <a:gd name="T95" fmla="*/ 140 h 208"/>
              <a:gd name="T96" fmla="*/ 204 w 240"/>
              <a:gd name="T97" fmla="*/ 116 h 208"/>
              <a:gd name="T98" fmla="*/ 192 w 240"/>
              <a:gd name="T99" fmla="*/ 140 h 208"/>
              <a:gd name="T100" fmla="*/ 188 w 240"/>
              <a:gd name="T101" fmla="*/ 108 h 208"/>
              <a:gd name="T102" fmla="*/ 72 w 240"/>
              <a:gd name="T103" fmla="*/ 112 h 208"/>
              <a:gd name="T104" fmla="*/ 8 w 240"/>
              <a:gd name="T105" fmla="*/ 96 h 208"/>
              <a:gd name="T106" fmla="*/ 73 w 240"/>
              <a:gd name="T107" fmla="*/ 99 h 208"/>
              <a:gd name="T108" fmla="*/ 232 w 240"/>
              <a:gd name="T109" fmla="*/ 108 h 208"/>
              <a:gd name="T110" fmla="*/ 17 w 240"/>
              <a:gd name="T111" fmla="*/ 104 h 208"/>
              <a:gd name="T112" fmla="*/ 64 w 240"/>
              <a:gd name="T113" fmla="*/ 112 h 208"/>
              <a:gd name="T114" fmla="*/ 40 w 240"/>
              <a:gd name="T115" fmla="*/ 72 h 208"/>
              <a:gd name="T116" fmla="*/ 40 w 240"/>
              <a:gd name="T117" fmla="*/ 128 h 208"/>
              <a:gd name="T118" fmla="*/ 25 w 240"/>
              <a:gd name="T119" fmla="*/ 102 h 208"/>
              <a:gd name="T120" fmla="*/ 56 w 240"/>
              <a:gd name="T121" fmla="*/ 9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40" h="208">
                <a:moveTo>
                  <a:pt x="120" y="176"/>
                </a:moveTo>
                <a:cubicBezTo>
                  <a:pt x="118" y="176"/>
                  <a:pt x="116" y="178"/>
                  <a:pt x="116" y="180"/>
                </a:cubicBezTo>
                <a:cubicBezTo>
                  <a:pt x="116" y="204"/>
                  <a:pt x="116" y="204"/>
                  <a:pt x="116" y="204"/>
                </a:cubicBezTo>
                <a:cubicBezTo>
                  <a:pt x="116" y="206"/>
                  <a:pt x="118" y="208"/>
                  <a:pt x="120" y="208"/>
                </a:cubicBezTo>
                <a:cubicBezTo>
                  <a:pt x="122" y="208"/>
                  <a:pt x="124" y="206"/>
                  <a:pt x="124" y="204"/>
                </a:cubicBezTo>
                <a:cubicBezTo>
                  <a:pt x="124" y="180"/>
                  <a:pt x="124" y="180"/>
                  <a:pt x="124" y="180"/>
                </a:cubicBezTo>
                <a:cubicBezTo>
                  <a:pt x="124" y="178"/>
                  <a:pt x="122" y="176"/>
                  <a:pt x="120" y="176"/>
                </a:cubicBezTo>
                <a:close/>
                <a:moveTo>
                  <a:pt x="69" y="155"/>
                </a:moveTo>
                <a:cubicBezTo>
                  <a:pt x="68" y="153"/>
                  <a:pt x="65" y="153"/>
                  <a:pt x="63" y="155"/>
                </a:cubicBezTo>
                <a:cubicBezTo>
                  <a:pt x="58" y="161"/>
                  <a:pt x="58" y="161"/>
                  <a:pt x="58" y="161"/>
                </a:cubicBezTo>
                <a:cubicBezTo>
                  <a:pt x="56" y="162"/>
                  <a:pt x="56" y="165"/>
                  <a:pt x="58" y="166"/>
                </a:cubicBezTo>
                <a:cubicBezTo>
                  <a:pt x="59" y="167"/>
                  <a:pt x="60" y="167"/>
                  <a:pt x="61" y="167"/>
                </a:cubicBezTo>
                <a:cubicBezTo>
                  <a:pt x="62" y="167"/>
                  <a:pt x="63" y="167"/>
                  <a:pt x="63" y="166"/>
                </a:cubicBezTo>
                <a:cubicBezTo>
                  <a:pt x="69" y="161"/>
                  <a:pt x="69" y="161"/>
                  <a:pt x="69" y="161"/>
                </a:cubicBezTo>
                <a:cubicBezTo>
                  <a:pt x="71" y="159"/>
                  <a:pt x="71" y="156"/>
                  <a:pt x="69" y="155"/>
                </a:cubicBezTo>
                <a:close/>
                <a:moveTo>
                  <a:pt x="177" y="155"/>
                </a:moveTo>
                <a:cubicBezTo>
                  <a:pt x="175" y="153"/>
                  <a:pt x="172" y="153"/>
                  <a:pt x="171" y="155"/>
                </a:cubicBezTo>
                <a:cubicBezTo>
                  <a:pt x="169" y="156"/>
                  <a:pt x="169" y="159"/>
                  <a:pt x="171" y="161"/>
                </a:cubicBezTo>
                <a:cubicBezTo>
                  <a:pt x="177" y="166"/>
                  <a:pt x="177" y="166"/>
                  <a:pt x="177" y="166"/>
                </a:cubicBezTo>
                <a:cubicBezTo>
                  <a:pt x="177" y="167"/>
                  <a:pt x="178" y="167"/>
                  <a:pt x="179" y="167"/>
                </a:cubicBezTo>
                <a:cubicBezTo>
                  <a:pt x="180" y="167"/>
                  <a:pt x="181" y="167"/>
                  <a:pt x="182" y="166"/>
                </a:cubicBezTo>
                <a:cubicBezTo>
                  <a:pt x="184" y="165"/>
                  <a:pt x="184" y="162"/>
                  <a:pt x="182" y="161"/>
                </a:cubicBezTo>
                <a:lnTo>
                  <a:pt x="177" y="155"/>
                </a:lnTo>
                <a:close/>
                <a:moveTo>
                  <a:pt x="144" y="176"/>
                </a:moveTo>
                <a:cubicBezTo>
                  <a:pt x="143" y="174"/>
                  <a:pt x="141" y="173"/>
                  <a:pt x="139" y="174"/>
                </a:cubicBezTo>
                <a:cubicBezTo>
                  <a:pt x="137" y="174"/>
                  <a:pt x="135" y="176"/>
                  <a:pt x="136" y="178"/>
                </a:cubicBezTo>
                <a:cubicBezTo>
                  <a:pt x="138" y="186"/>
                  <a:pt x="138" y="186"/>
                  <a:pt x="138" y="186"/>
                </a:cubicBezTo>
                <a:cubicBezTo>
                  <a:pt x="138" y="188"/>
                  <a:pt x="140" y="189"/>
                  <a:pt x="142" y="189"/>
                </a:cubicBezTo>
                <a:cubicBezTo>
                  <a:pt x="142" y="189"/>
                  <a:pt x="142" y="189"/>
                  <a:pt x="143" y="189"/>
                </a:cubicBezTo>
                <a:cubicBezTo>
                  <a:pt x="145" y="188"/>
                  <a:pt x="146" y="186"/>
                  <a:pt x="146" y="184"/>
                </a:cubicBezTo>
                <a:lnTo>
                  <a:pt x="144" y="176"/>
                </a:lnTo>
                <a:close/>
                <a:moveTo>
                  <a:pt x="101" y="174"/>
                </a:moveTo>
                <a:cubicBezTo>
                  <a:pt x="99" y="173"/>
                  <a:pt x="97" y="174"/>
                  <a:pt x="96" y="176"/>
                </a:cubicBezTo>
                <a:cubicBezTo>
                  <a:pt x="94" y="184"/>
                  <a:pt x="94" y="184"/>
                  <a:pt x="94" y="184"/>
                </a:cubicBezTo>
                <a:cubicBezTo>
                  <a:pt x="94" y="186"/>
                  <a:pt x="95" y="188"/>
                  <a:pt x="97" y="189"/>
                </a:cubicBezTo>
                <a:cubicBezTo>
                  <a:pt x="98" y="189"/>
                  <a:pt x="98" y="189"/>
                  <a:pt x="98" y="189"/>
                </a:cubicBezTo>
                <a:cubicBezTo>
                  <a:pt x="100" y="189"/>
                  <a:pt x="102" y="188"/>
                  <a:pt x="102" y="186"/>
                </a:cubicBezTo>
                <a:cubicBezTo>
                  <a:pt x="104" y="178"/>
                  <a:pt x="104" y="178"/>
                  <a:pt x="104" y="178"/>
                </a:cubicBezTo>
                <a:cubicBezTo>
                  <a:pt x="105" y="176"/>
                  <a:pt x="103" y="174"/>
                  <a:pt x="101" y="174"/>
                </a:cubicBezTo>
                <a:close/>
                <a:moveTo>
                  <a:pt x="84" y="166"/>
                </a:moveTo>
                <a:cubicBezTo>
                  <a:pt x="82" y="165"/>
                  <a:pt x="80" y="166"/>
                  <a:pt x="79" y="168"/>
                </a:cubicBezTo>
                <a:cubicBezTo>
                  <a:pt x="67" y="189"/>
                  <a:pt x="67" y="189"/>
                  <a:pt x="67" y="189"/>
                </a:cubicBezTo>
                <a:cubicBezTo>
                  <a:pt x="65" y="191"/>
                  <a:pt x="66" y="193"/>
                  <a:pt x="68" y="194"/>
                </a:cubicBezTo>
                <a:cubicBezTo>
                  <a:pt x="69" y="194"/>
                  <a:pt x="69" y="195"/>
                  <a:pt x="70" y="195"/>
                </a:cubicBezTo>
                <a:cubicBezTo>
                  <a:pt x="71" y="195"/>
                  <a:pt x="73" y="194"/>
                  <a:pt x="73" y="193"/>
                </a:cubicBezTo>
                <a:cubicBezTo>
                  <a:pt x="85" y="172"/>
                  <a:pt x="85" y="172"/>
                  <a:pt x="85" y="172"/>
                </a:cubicBezTo>
                <a:cubicBezTo>
                  <a:pt x="87" y="170"/>
                  <a:pt x="86" y="167"/>
                  <a:pt x="84" y="166"/>
                </a:cubicBezTo>
                <a:close/>
                <a:moveTo>
                  <a:pt x="161" y="168"/>
                </a:moveTo>
                <a:cubicBezTo>
                  <a:pt x="160" y="166"/>
                  <a:pt x="158" y="165"/>
                  <a:pt x="156" y="166"/>
                </a:cubicBezTo>
                <a:cubicBezTo>
                  <a:pt x="154" y="167"/>
                  <a:pt x="153" y="170"/>
                  <a:pt x="155" y="172"/>
                </a:cubicBezTo>
                <a:cubicBezTo>
                  <a:pt x="167" y="193"/>
                  <a:pt x="167" y="193"/>
                  <a:pt x="167" y="193"/>
                </a:cubicBezTo>
                <a:cubicBezTo>
                  <a:pt x="167" y="194"/>
                  <a:pt x="169" y="195"/>
                  <a:pt x="170" y="195"/>
                </a:cubicBezTo>
                <a:cubicBezTo>
                  <a:pt x="171" y="195"/>
                  <a:pt x="171" y="194"/>
                  <a:pt x="172" y="194"/>
                </a:cubicBezTo>
                <a:cubicBezTo>
                  <a:pt x="174" y="193"/>
                  <a:pt x="175" y="191"/>
                  <a:pt x="173" y="189"/>
                </a:cubicBezTo>
                <a:lnTo>
                  <a:pt x="161" y="168"/>
                </a:lnTo>
                <a:close/>
                <a:moveTo>
                  <a:pt x="120" y="32"/>
                </a:moveTo>
                <a:cubicBezTo>
                  <a:pt x="122" y="32"/>
                  <a:pt x="124" y="30"/>
                  <a:pt x="124" y="28"/>
                </a:cubicBezTo>
                <a:cubicBezTo>
                  <a:pt x="124" y="4"/>
                  <a:pt x="124" y="4"/>
                  <a:pt x="124" y="4"/>
                </a:cubicBezTo>
                <a:cubicBezTo>
                  <a:pt x="124" y="2"/>
                  <a:pt x="122" y="0"/>
                  <a:pt x="120" y="0"/>
                </a:cubicBezTo>
                <a:cubicBezTo>
                  <a:pt x="118" y="0"/>
                  <a:pt x="116" y="2"/>
                  <a:pt x="116" y="4"/>
                </a:cubicBezTo>
                <a:cubicBezTo>
                  <a:pt x="116" y="28"/>
                  <a:pt x="116" y="28"/>
                  <a:pt x="116" y="28"/>
                </a:cubicBezTo>
                <a:cubicBezTo>
                  <a:pt x="116" y="30"/>
                  <a:pt x="118" y="32"/>
                  <a:pt x="120" y="32"/>
                </a:cubicBezTo>
                <a:close/>
                <a:moveTo>
                  <a:pt x="182" y="68"/>
                </a:moveTo>
                <a:cubicBezTo>
                  <a:pt x="183" y="69"/>
                  <a:pt x="184" y="70"/>
                  <a:pt x="186" y="70"/>
                </a:cubicBezTo>
                <a:cubicBezTo>
                  <a:pt x="187" y="70"/>
                  <a:pt x="187" y="70"/>
                  <a:pt x="188" y="69"/>
                </a:cubicBezTo>
                <a:cubicBezTo>
                  <a:pt x="209" y="57"/>
                  <a:pt x="209" y="57"/>
                  <a:pt x="209" y="57"/>
                </a:cubicBezTo>
                <a:cubicBezTo>
                  <a:pt x="211" y="56"/>
                  <a:pt x="211" y="54"/>
                  <a:pt x="210" y="52"/>
                </a:cubicBezTo>
                <a:cubicBezTo>
                  <a:pt x="209" y="50"/>
                  <a:pt x="207" y="49"/>
                  <a:pt x="205" y="51"/>
                </a:cubicBezTo>
                <a:cubicBezTo>
                  <a:pt x="184" y="63"/>
                  <a:pt x="184" y="63"/>
                  <a:pt x="184" y="63"/>
                </a:cubicBezTo>
                <a:cubicBezTo>
                  <a:pt x="182" y="64"/>
                  <a:pt x="181" y="66"/>
                  <a:pt x="182" y="68"/>
                </a:cubicBezTo>
                <a:close/>
                <a:moveTo>
                  <a:pt x="171" y="53"/>
                </a:moveTo>
                <a:cubicBezTo>
                  <a:pt x="172" y="54"/>
                  <a:pt x="173" y="54"/>
                  <a:pt x="174" y="54"/>
                </a:cubicBezTo>
                <a:cubicBezTo>
                  <a:pt x="175" y="54"/>
                  <a:pt x="176" y="54"/>
                  <a:pt x="177" y="53"/>
                </a:cubicBezTo>
                <a:cubicBezTo>
                  <a:pt x="182" y="47"/>
                  <a:pt x="182" y="47"/>
                  <a:pt x="182" y="47"/>
                </a:cubicBezTo>
                <a:cubicBezTo>
                  <a:pt x="184" y="46"/>
                  <a:pt x="184" y="43"/>
                  <a:pt x="182" y="42"/>
                </a:cubicBezTo>
                <a:cubicBezTo>
                  <a:pt x="181" y="40"/>
                  <a:pt x="178" y="40"/>
                  <a:pt x="177" y="42"/>
                </a:cubicBezTo>
                <a:cubicBezTo>
                  <a:pt x="171" y="47"/>
                  <a:pt x="171" y="47"/>
                  <a:pt x="171" y="47"/>
                </a:cubicBezTo>
                <a:cubicBezTo>
                  <a:pt x="169" y="49"/>
                  <a:pt x="169" y="52"/>
                  <a:pt x="171" y="53"/>
                </a:cubicBezTo>
                <a:close/>
                <a:moveTo>
                  <a:pt x="63" y="53"/>
                </a:moveTo>
                <a:cubicBezTo>
                  <a:pt x="64" y="54"/>
                  <a:pt x="65" y="54"/>
                  <a:pt x="66" y="54"/>
                </a:cubicBezTo>
                <a:cubicBezTo>
                  <a:pt x="67" y="54"/>
                  <a:pt x="68" y="54"/>
                  <a:pt x="69" y="53"/>
                </a:cubicBezTo>
                <a:cubicBezTo>
                  <a:pt x="71" y="52"/>
                  <a:pt x="71" y="49"/>
                  <a:pt x="69" y="47"/>
                </a:cubicBezTo>
                <a:cubicBezTo>
                  <a:pt x="63" y="42"/>
                  <a:pt x="63" y="42"/>
                  <a:pt x="63" y="42"/>
                </a:cubicBezTo>
                <a:cubicBezTo>
                  <a:pt x="62" y="40"/>
                  <a:pt x="59" y="40"/>
                  <a:pt x="58" y="42"/>
                </a:cubicBezTo>
                <a:cubicBezTo>
                  <a:pt x="56" y="43"/>
                  <a:pt x="56" y="46"/>
                  <a:pt x="58" y="47"/>
                </a:cubicBezTo>
                <a:lnTo>
                  <a:pt x="63" y="53"/>
                </a:lnTo>
                <a:close/>
                <a:moveTo>
                  <a:pt x="96" y="32"/>
                </a:moveTo>
                <a:cubicBezTo>
                  <a:pt x="97" y="33"/>
                  <a:pt x="99" y="35"/>
                  <a:pt x="100" y="35"/>
                </a:cubicBezTo>
                <a:cubicBezTo>
                  <a:pt x="101" y="35"/>
                  <a:pt x="101" y="35"/>
                  <a:pt x="101" y="34"/>
                </a:cubicBezTo>
                <a:cubicBezTo>
                  <a:pt x="103" y="34"/>
                  <a:pt x="105" y="32"/>
                  <a:pt x="104" y="30"/>
                </a:cubicBezTo>
                <a:cubicBezTo>
                  <a:pt x="102" y="22"/>
                  <a:pt x="102" y="22"/>
                  <a:pt x="102" y="22"/>
                </a:cubicBezTo>
                <a:cubicBezTo>
                  <a:pt x="102" y="20"/>
                  <a:pt x="99" y="18"/>
                  <a:pt x="97" y="19"/>
                </a:cubicBezTo>
                <a:cubicBezTo>
                  <a:pt x="95" y="20"/>
                  <a:pt x="94" y="22"/>
                  <a:pt x="94" y="24"/>
                </a:cubicBezTo>
                <a:lnTo>
                  <a:pt x="96" y="32"/>
                </a:lnTo>
                <a:close/>
                <a:moveTo>
                  <a:pt x="139" y="34"/>
                </a:moveTo>
                <a:cubicBezTo>
                  <a:pt x="139" y="35"/>
                  <a:pt x="139" y="35"/>
                  <a:pt x="140" y="35"/>
                </a:cubicBezTo>
                <a:cubicBezTo>
                  <a:pt x="141" y="35"/>
                  <a:pt x="143" y="33"/>
                  <a:pt x="144" y="32"/>
                </a:cubicBezTo>
                <a:cubicBezTo>
                  <a:pt x="146" y="24"/>
                  <a:pt x="146" y="24"/>
                  <a:pt x="146" y="24"/>
                </a:cubicBezTo>
                <a:cubicBezTo>
                  <a:pt x="146" y="22"/>
                  <a:pt x="145" y="20"/>
                  <a:pt x="143" y="19"/>
                </a:cubicBezTo>
                <a:cubicBezTo>
                  <a:pt x="141" y="18"/>
                  <a:pt x="138" y="20"/>
                  <a:pt x="138" y="22"/>
                </a:cubicBezTo>
                <a:cubicBezTo>
                  <a:pt x="136" y="30"/>
                  <a:pt x="136" y="30"/>
                  <a:pt x="136" y="30"/>
                </a:cubicBezTo>
                <a:cubicBezTo>
                  <a:pt x="135" y="32"/>
                  <a:pt x="136" y="34"/>
                  <a:pt x="139" y="34"/>
                </a:cubicBezTo>
                <a:close/>
                <a:moveTo>
                  <a:pt x="156" y="42"/>
                </a:moveTo>
                <a:cubicBezTo>
                  <a:pt x="157" y="42"/>
                  <a:pt x="157" y="42"/>
                  <a:pt x="158" y="42"/>
                </a:cubicBezTo>
                <a:cubicBezTo>
                  <a:pt x="159" y="42"/>
                  <a:pt x="161" y="41"/>
                  <a:pt x="161" y="40"/>
                </a:cubicBezTo>
                <a:cubicBezTo>
                  <a:pt x="173" y="19"/>
                  <a:pt x="173" y="19"/>
                  <a:pt x="173" y="19"/>
                </a:cubicBezTo>
                <a:cubicBezTo>
                  <a:pt x="175" y="17"/>
                  <a:pt x="174" y="15"/>
                  <a:pt x="172" y="14"/>
                </a:cubicBezTo>
                <a:cubicBezTo>
                  <a:pt x="170" y="13"/>
                  <a:pt x="168" y="13"/>
                  <a:pt x="167" y="15"/>
                </a:cubicBezTo>
                <a:cubicBezTo>
                  <a:pt x="155" y="36"/>
                  <a:pt x="155" y="36"/>
                  <a:pt x="155" y="36"/>
                </a:cubicBezTo>
                <a:cubicBezTo>
                  <a:pt x="153" y="38"/>
                  <a:pt x="154" y="41"/>
                  <a:pt x="156" y="42"/>
                </a:cubicBezTo>
                <a:close/>
                <a:moveTo>
                  <a:pt x="79" y="40"/>
                </a:moveTo>
                <a:cubicBezTo>
                  <a:pt x="79" y="41"/>
                  <a:pt x="81" y="42"/>
                  <a:pt x="82" y="42"/>
                </a:cubicBezTo>
                <a:cubicBezTo>
                  <a:pt x="83" y="42"/>
                  <a:pt x="83" y="42"/>
                  <a:pt x="84" y="42"/>
                </a:cubicBezTo>
                <a:cubicBezTo>
                  <a:pt x="86" y="41"/>
                  <a:pt x="87" y="38"/>
                  <a:pt x="85" y="36"/>
                </a:cubicBezTo>
                <a:cubicBezTo>
                  <a:pt x="73" y="15"/>
                  <a:pt x="73" y="15"/>
                  <a:pt x="73" y="15"/>
                </a:cubicBezTo>
                <a:cubicBezTo>
                  <a:pt x="72" y="13"/>
                  <a:pt x="70" y="13"/>
                  <a:pt x="68" y="14"/>
                </a:cubicBezTo>
                <a:cubicBezTo>
                  <a:pt x="66" y="15"/>
                  <a:pt x="65" y="17"/>
                  <a:pt x="67" y="19"/>
                </a:cubicBezTo>
                <a:lnTo>
                  <a:pt x="79" y="40"/>
                </a:lnTo>
                <a:close/>
                <a:moveTo>
                  <a:pt x="239" y="93"/>
                </a:moveTo>
                <a:cubicBezTo>
                  <a:pt x="238" y="92"/>
                  <a:pt x="237" y="92"/>
                  <a:pt x="236" y="92"/>
                </a:cubicBezTo>
                <a:cubicBezTo>
                  <a:pt x="80" y="92"/>
                  <a:pt x="80" y="92"/>
                  <a:pt x="80" y="92"/>
                </a:cubicBezTo>
                <a:cubicBezTo>
                  <a:pt x="78" y="72"/>
                  <a:pt x="61" y="56"/>
                  <a:pt x="40" y="56"/>
                </a:cubicBezTo>
                <a:cubicBezTo>
                  <a:pt x="18" y="56"/>
                  <a:pt x="0" y="74"/>
                  <a:pt x="0" y="96"/>
                </a:cubicBezTo>
                <a:cubicBezTo>
                  <a:pt x="0" y="112"/>
                  <a:pt x="0" y="112"/>
                  <a:pt x="0" y="112"/>
                </a:cubicBezTo>
                <a:cubicBezTo>
                  <a:pt x="0" y="134"/>
                  <a:pt x="18" y="152"/>
                  <a:pt x="40" y="152"/>
                </a:cubicBezTo>
                <a:cubicBezTo>
                  <a:pt x="61" y="152"/>
                  <a:pt x="78" y="136"/>
                  <a:pt x="80" y="116"/>
                </a:cubicBezTo>
                <a:cubicBezTo>
                  <a:pt x="184" y="116"/>
                  <a:pt x="184" y="116"/>
                  <a:pt x="184" y="116"/>
                </a:cubicBezTo>
                <a:cubicBezTo>
                  <a:pt x="184" y="144"/>
                  <a:pt x="184" y="144"/>
                  <a:pt x="184" y="144"/>
                </a:cubicBezTo>
                <a:cubicBezTo>
                  <a:pt x="184" y="145"/>
                  <a:pt x="184" y="146"/>
                  <a:pt x="185" y="147"/>
                </a:cubicBezTo>
                <a:cubicBezTo>
                  <a:pt x="186" y="148"/>
                  <a:pt x="187" y="148"/>
                  <a:pt x="188" y="148"/>
                </a:cubicBezTo>
                <a:cubicBezTo>
                  <a:pt x="220" y="148"/>
                  <a:pt x="220" y="148"/>
                  <a:pt x="220" y="148"/>
                </a:cubicBezTo>
                <a:cubicBezTo>
                  <a:pt x="221" y="148"/>
                  <a:pt x="222" y="148"/>
                  <a:pt x="223" y="147"/>
                </a:cubicBezTo>
                <a:cubicBezTo>
                  <a:pt x="224" y="146"/>
                  <a:pt x="224" y="145"/>
                  <a:pt x="224" y="144"/>
                </a:cubicBezTo>
                <a:cubicBezTo>
                  <a:pt x="224" y="116"/>
                  <a:pt x="224" y="116"/>
                  <a:pt x="224" y="116"/>
                </a:cubicBezTo>
                <a:cubicBezTo>
                  <a:pt x="236" y="116"/>
                  <a:pt x="236" y="116"/>
                  <a:pt x="236" y="116"/>
                </a:cubicBezTo>
                <a:cubicBezTo>
                  <a:pt x="237" y="116"/>
                  <a:pt x="238" y="116"/>
                  <a:pt x="239" y="115"/>
                </a:cubicBezTo>
                <a:cubicBezTo>
                  <a:pt x="240" y="114"/>
                  <a:pt x="240" y="113"/>
                  <a:pt x="240" y="112"/>
                </a:cubicBezTo>
                <a:cubicBezTo>
                  <a:pt x="240" y="96"/>
                  <a:pt x="240" y="96"/>
                  <a:pt x="240" y="96"/>
                </a:cubicBezTo>
                <a:cubicBezTo>
                  <a:pt x="240" y="95"/>
                  <a:pt x="240" y="94"/>
                  <a:pt x="239" y="93"/>
                </a:cubicBezTo>
                <a:close/>
                <a:moveTo>
                  <a:pt x="232" y="108"/>
                </a:moveTo>
                <a:cubicBezTo>
                  <a:pt x="220" y="108"/>
                  <a:pt x="220" y="108"/>
                  <a:pt x="220" y="108"/>
                </a:cubicBezTo>
                <a:cubicBezTo>
                  <a:pt x="219" y="108"/>
                  <a:pt x="218" y="108"/>
                  <a:pt x="217" y="109"/>
                </a:cubicBezTo>
                <a:cubicBezTo>
                  <a:pt x="216" y="110"/>
                  <a:pt x="216" y="111"/>
                  <a:pt x="216" y="112"/>
                </a:cubicBezTo>
                <a:cubicBezTo>
                  <a:pt x="216" y="140"/>
                  <a:pt x="216" y="140"/>
                  <a:pt x="216" y="140"/>
                </a:cubicBezTo>
                <a:cubicBezTo>
                  <a:pt x="208" y="140"/>
                  <a:pt x="208" y="140"/>
                  <a:pt x="208" y="140"/>
                </a:cubicBezTo>
                <a:cubicBezTo>
                  <a:pt x="208" y="120"/>
                  <a:pt x="208" y="120"/>
                  <a:pt x="208" y="120"/>
                </a:cubicBezTo>
                <a:cubicBezTo>
                  <a:pt x="208" y="118"/>
                  <a:pt x="206" y="116"/>
                  <a:pt x="204" y="116"/>
                </a:cubicBezTo>
                <a:cubicBezTo>
                  <a:pt x="202" y="116"/>
                  <a:pt x="200" y="118"/>
                  <a:pt x="200" y="120"/>
                </a:cubicBezTo>
                <a:cubicBezTo>
                  <a:pt x="200" y="140"/>
                  <a:pt x="200" y="140"/>
                  <a:pt x="200" y="140"/>
                </a:cubicBezTo>
                <a:cubicBezTo>
                  <a:pt x="192" y="140"/>
                  <a:pt x="192" y="140"/>
                  <a:pt x="192" y="140"/>
                </a:cubicBezTo>
                <a:cubicBezTo>
                  <a:pt x="192" y="112"/>
                  <a:pt x="192" y="112"/>
                  <a:pt x="192" y="112"/>
                </a:cubicBezTo>
                <a:cubicBezTo>
                  <a:pt x="192" y="111"/>
                  <a:pt x="192" y="110"/>
                  <a:pt x="191" y="109"/>
                </a:cubicBezTo>
                <a:cubicBezTo>
                  <a:pt x="190" y="108"/>
                  <a:pt x="189" y="108"/>
                  <a:pt x="188" y="108"/>
                </a:cubicBezTo>
                <a:cubicBezTo>
                  <a:pt x="76" y="108"/>
                  <a:pt x="76" y="108"/>
                  <a:pt x="76" y="108"/>
                </a:cubicBezTo>
                <a:cubicBezTo>
                  <a:pt x="75" y="108"/>
                  <a:pt x="74" y="108"/>
                  <a:pt x="73" y="109"/>
                </a:cubicBezTo>
                <a:cubicBezTo>
                  <a:pt x="72" y="110"/>
                  <a:pt x="72" y="111"/>
                  <a:pt x="72" y="112"/>
                </a:cubicBezTo>
                <a:cubicBezTo>
                  <a:pt x="72" y="130"/>
                  <a:pt x="58" y="144"/>
                  <a:pt x="40" y="144"/>
                </a:cubicBezTo>
                <a:cubicBezTo>
                  <a:pt x="22" y="144"/>
                  <a:pt x="8" y="130"/>
                  <a:pt x="8" y="112"/>
                </a:cubicBezTo>
                <a:cubicBezTo>
                  <a:pt x="8" y="96"/>
                  <a:pt x="8" y="96"/>
                  <a:pt x="8" y="96"/>
                </a:cubicBezTo>
                <a:cubicBezTo>
                  <a:pt x="8" y="78"/>
                  <a:pt x="22" y="64"/>
                  <a:pt x="40" y="64"/>
                </a:cubicBezTo>
                <a:cubicBezTo>
                  <a:pt x="58" y="64"/>
                  <a:pt x="72" y="78"/>
                  <a:pt x="72" y="96"/>
                </a:cubicBezTo>
                <a:cubicBezTo>
                  <a:pt x="72" y="97"/>
                  <a:pt x="72" y="98"/>
                  <a:pt x="73" y="99"/>
                </a:cubicBezTo>
                <a:cubicBezTo>
                  <a:pt x="74" y="100"/>
                  <a:pt x="75" y="100"/>
                  <a:pt x="76" y="100"/>
                </a:cubicBezTo>
                <a:cubicBezTo>
                  <a:pt x="232" y="100"/>
                  <a:pt x="232" y="100"/>
                  <a:pt x="232" y="100"/>
                </a:cubicBezTo>
                <a:lnTo>
                  <a:pt x="232" y="108"/>
                </a:lnTo>
                <a:close/>
                <a:moveTo>
                  <a:pt x="40" y="72"/>
                </a:moveTo>
                <a:cubicBezTo>
                  <a:pt x="27" y="72"/>
                  <a:pt x="16" y="83"/>
                  <a:pt x="16" y="96"/>
                </a:cubicBezTo>
                <a:cubicBezTo>
                  <a:pt x="16" y="99"/>
                  <a:pt x="16" y="102"/>
                  <a:pt x="17" y="104"/>
                </a:cubicBezTo>
                <a:cubicBezTo>
                  <a:pt x="16" y="106"/>
                  <a:pt x="16" y="109"/>
                  <a:pt x="16" y="112"/>
                </a:cubicBezTo>
                <a:cubicBezTo>
                  <a:pt x="16" y="125"/>
                  <a:pt x="27" y="136"/>
                  <a:pt x="40" y="136"/>
                </a:cubicBezTo>
                <a:cubicBezTo>
                  <a:pt x="53" y="136"/>
                  <a:pt x="64" y="125"/>
                  <a:pt x="64" y="112"/>
                </a:cubicBezTo>
                <a:cubicBezTo>
                  <a:pt x="64" y="109"/>
                  <a:pt x="63" y="106"/>
                  <a:pt x="63" y="104"/>
                </a:cubicBezTo>
                <a:cubicBezTo>
                  <a:pt x="63" y="102"/>
                  <a:pt x="64" y="99"/>
                  <a:pt x="64" y="96"/>
                </a:cubicBezTo>
                <a:cubicBezTo>
                  <a:pt x="64" y="83"/>
                  <a:pt x="53" y="72"/>
                  <a:pt x="40" y="72"/>
                </a:cubicBezTo>
                <a:close/>
                <a:moveTo>
                  <a:pt x="55" y="106"/>
                </a:moveTo>
                <a:cubicBezTo>
                  <a:pt x="56" y="108"/>
                  <a:pt x="56" y="110"/>
                  <a:pt x="56" y="112"/>
                </a:cubicBezTo>
                <a:cubicBezTo>
                  <a:pt x="56" y="121"/>
                  <a:pt x="49" y="128"/>
                  <a:pt x="40" y="128"/>
                </a:cubicBezTo>
                <a:cubicBezTo>
                  <a:pt x="31" y="128"/>
                  <a:pt x="24" y="121"/>
                  <a:pt x="24" y="112"/>
                </a:cubicBezTo>
                <a:cubicBezTo>
                  <a:pt x="24" y="110"/>
                  <a:pt x="24" y="108"/>
                  <a:pt x="25" y="106"/>
                </a:cubicBezTo>
                <a:cubicBezTo>
                  <a:pt x="26" y="105"/>
                  <a:pt x="26" y="103"/>
                  <a:pt x="25" y="102"/>
                </a:cubicBezTo>
                <a:cubicBezTo>
                  <a:pt x="24" y="100"/>
                  <a:pt x="24" y="98"/>
                  <a:pt x="24" y="96"/>
                </a:cubicBezTo>
                <a:cubicBezTo>
                  <a:pt x="24" y="87"/>
                  <a:pt x="31" y="80"/>
                  <a:pt x="40" y="80"/>
                </a:cubicBezTo>
                <a:cubicBezTo>
                  <a:pt x="49" y="80"/>
                  <a:pt x="56" y="87"/>
                  <a:pt x="56" y="96"/>
                </a:cubicBezTo>
                <a:cubicBezTo>
                  <a:pt x="56" y="98"/>
                  <a:pt x="56" y="100"/>
                  <a:pt x="55" y="102"/>
                </a:cubicBezTo>
                <a:cubicBezTo>
                  <a:pt x="54" y="103"/>
                  <a:pt x="54" y="105"/>
                  <a:pt x="55" y="106"/>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dirty="0"/>
          </a:p>
        </p:txBody>
      </p:sp>
      <p:sp>
        <p:nvSpPr>
          <p:cNvPr id="68" name="Freeform 17">
            <a:extLst>
              <a:ext uri="{FF2B5EF4-FFF2-40B4-BE49-F238E27FC236}">
                <a16:creationId xmlns:a16="http://schemas.microsoft.com/office/drawing/2014/main" id="{DFB9B066-5699-396A-A641-96C74652B1CD}"/>
              </a:ext>
              <a:ext uri="{C183D7F6-B498-43B3-948B-1728B52AA6E4}">
                <adec:decorative xmlns:adec="http://schemas.microsoft.com/office/drawing/2017/decorative" val="1"/>
              </a:ext>
            </a:extLst>
          </p:cNvPr>
          <p:cNvSpPr>
            <a:spLocks noEditPoints="1"/>
          </p:cNvSpPr>
          <p:nvPr/>
        </p:nvSpPr>
        <p:spPr bwMode="auto">
          <a:xfrm>
            <a:off x="9786544" y="2197020"/>
            <a:ext cx="164712" cy="179057"/>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rgbClr val="024D78"/>
          </a:solidFill>
          <a:ln w="9525">
            <a:noFill/>
            <a:round/>
            <a:headEnd/>
            <a:tailEnd/>
          </a:ln>
        </p:spPr>
        <p:txBody>
          <a:bodyPr vert="horz" wrap="square" lIns="91440" tIns="45720" rIns="91440" bIns="45720" numCol="1" anchor="t" anchorCtr="0" compatLnSpc="1">
            <a:prstTxWarp prst="textNoShape">
              <a:avLst/>
            </a:prstTxWarp>
          </a:bodyPr>
          <a:lstStyle/>
          <a:p>
            <a:endParaRPr lang="da-DK" noProof="0" dirty="0"/>
          </a:p>
        </p:txBody>
      </p:sp>
      <p:sp>
        <p:nvSpPr>
          <p:cNvPr id="104" name="Rectangle 26">
            <a:extLst>
              <a:ext uri="{FF2B5EF4-FFF2-40B4-BE49-F238E27FC236}">
                <a16:creationId xmlns:a16="http://schemas.microsoft.com/office/drawing/2014/main" id="{269630F4-C9F5-515B-9394-E87D11EB1970}"/>
              </a:ext>
              <a:ext uri="{C183D7F6-B498-43B3-948B-1728B52AA6E4}">
                <adec:decorative xmlns:adec="http://schemas.microsoft.com/office/drawing/2017/decorative" val="1"/>
              </a:ext>
            </a:extLst>
          </p:cNvPr>
          <p:cNvSpPr>
            <a:spLocks/>
          </p:cNvSpPr>
          <p:nvPr/>
        </p:nvSpPr>
        <p:spPr>
          <a:xfrm>
            <a:off x="9682482" y="2834054"/>
            <a:ext cx="2265245" cy="30783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cxnSp>
        <p:nvCxnSpPr>
          <p:cNvPr id="106" name="Straight Connector 64">
            <a:extLst>
              <a:ext uri="{FF2B5EF4-FFF2-40B4-BE49-F238E27FC236}">
                <a16:creationId xmlns:a16="http://schemas.microsoft.com/office/drawing/2014/main" id="{F225AA3C-87BF-D99E-3456-AB31D2BAAE29}"/>
              </a:ext>
              <a:ext uri="{C183D7F6-B498-43B3-948B-1728B52AA6E4}">
                <adec:decorative xmlns:adec="http://schemas.microsoft.com/office/drawing/2017/decorative" val="1"/>
              </a:ext>
            </a:extLst>
          </p:cNvPr>
          <p:cNvCxnSpPr>
            <a:cxnSpLocks/>
          </p:cNvCxnSpPr>
          <p:nvPr/>
        </p:nvCxnSpPr>
        <p:spPr>
          <a:xfrm>
            <a:off x="9714378" y="2122972"/>
            <a:ext cx="2190193"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4" name="Rectangle 26">
            <a:extLst>
              <a:ext uri="{FF2B5EF4-FFF2-40B4-BE49-F238E27FC236}">
                <a16:creationId xmlns:a16="http://schemas.microsoft.com/office/drawing/2014/main" id="{73F42911-EE90-ECC3-7B4A-4707531449CC}"/>
              </a:ext>
              <a:ext uri="{C183D7F6-B498-43B3-948B-1728B52AA6E4}">
                <adec:decorative xmlns:adec="http://schemas.microsoft.com/office/drawing/2017/decorative" val="1"/>
              </a:ext>
            </a:extLst>
          </p:cNvPr>
          <p:cNvSpPr>
            <a:spLocks/>
          </p:cNvSpPr>
          <p:nvPr/>
        </p:nvSpPr>
        <p:spPr>
          <a:xfrm>
            <a:off x="9682482" y="2489497"/>
            <a:ext cx="2265245" cy="30783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16" name="Rectangle 26">
            <a:extLst>
              <a:ext uri="{FF2B5EF4-FFF2-40B4-BE49-F238E27FC236}">
                <a16:creationId xmlns:a16="http://schemas.microsoft.com/office/drawing/2014/main" id="{C865A5D9-4EC3-770B-D803-29F35A771C4A}"/>
              </a:ext>
              <a:ext uri="{C183D7F6-B498-43B3-948B-1728B52AA6E4}">
                <adec:decorative xmlns:adec="http://schemas.microsoft.com/office/drawing/2017/decorative" val="1"/>
              </a:ext>
            </a:extLst>
          </p:cNvPr>
          <p:cNvSpPr>
            <a:spLocks/>
          </p:cNvSpPr>
          <p:nvPr/>
        </p:nvSpPr>
        <p:spPr>
          <a:xfrm>
            <a:off x="9682482" y="2144292"/>
            <a:ext cx="2265245" cy="30783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17" name="Rectangle 26">
            <a:extLst>
              <a:ext uri="{FF2B5EF4-FFF2-40B4-BE49-F238E27FC236}">
                <a16:creationId xmlns:a16="http://schemas.microsoft.com/office/drawing/2014/main" id="{A3B48841-011A-B87C-1EA2-2B8B1D84AD53}"/>
              </a:ext>
              <a:ext uri="{C183D7F6-B498-43B3-948B-1728B52AA6E4}">
                <adec:decorative xmlns:adec="http://schemas.microsoft.com/office/drawing/2017/decorative" val="1"/>
              </a:ext>
            </a:extLst>
          </p:cNvPr>
          <p:cNvSpPr>
            <a:spLocks/>
          </p:cNvSpPr>
          <p:nvPr/>
        </p:nvSpPr>
        <p:spPr>
          <a:xfrm>
            <a:off x="9682482" y="3548765"/>
            <a:ext cx="2265245" cy="307838"/>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Tree>
    <p:extLst>
      <p:ext uri="{BB962C8B-B14F-4D97-AF65-F5344CB8AC3E}">
        <p14:creationId xmlns:p14="http://schemas.microsoft.com/office/powerpoint/2010/main" val="1929034363"/>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1F5CEE1-4E11-82DB-59EA-B4EA35A7BE67}"/>
            </a:ext>
          </a:extLst>
        </p:cNvPr>
        <p:cNvGrpSpPr/>
        <p:nvPr/>
      </p:nvGrpSpPr>
      <p:grpSpPr>
        <a:xfrm>
          <a:off x="0" y="0"/>
          <a:ext cx="0" cy="0"/>
          <a:chOff x="0" y="0"/>
          <a:chExt cx="0" cy="0"/>
        </a:xfrm>
      </p:grpSpPr>
      <p:sp>
        <p:nvSpPr>
          <p:cNvPr id="26" name="Rectangle: Rounded Corners 25">
            <a:extLst>
              <a:ext uri="{FF2B5EF4-FFF2-40B4-BE49-F238E27FC236}">
                <a16:creationId xmlns:a16="http://schemas.microsoft.com/office/drawing/2014/main" id="{C436FCC9-DE7A-EDD0-EE3B-CE2E54DFD278}"/>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2 | Indkøb af digitalt suveræne clouds i EU-Kommissionen</a:t>
            </a:r>
          </a:p>
        </p:txBody>
      </p:sp>
      <p:sp>
        <p:nvSpPr>
          <p:cNvPr id="2" name="Title 1">
            <a:extLst>
              <a:ext uri="{FF2B5EF4-FFF2-40B4-BE49-F238E27FC236}">
                <a16:creationId xmlns:a16="http://schemas.microsoft.com/office/drawing/2014/main" id="{ABBBBD85-A29B-B54F-0BE4-D57D5DFF24C0}"/>
              </a:ext>
            </a:extLst>
          </p:cNvPr>
          <p:cNvSpPr>
            <a:spLocks noGrp="1"/>
          </p:cNvSpPr>
          <p:nvPr>
            <p:ph type="title"/>
          </p:nvPr>
        </p:nvSpPr>
        <p:spPr/>
        <p:txBody>
          <a:bodyPr/>
          <a:lstStyle/>
          <a:p>
            <a:r>
              <a:rPr lang="da-DK" sz="2200" noProof="0" dirty="0"/>
              <a:t>Side 2/3 | </a:t>
            </a:r>
            <a:r>
              <a:rPr lang="da-DK" sz="2200" b="1" noProof="0" dirty="0"/>
              <a:t>Formål, baggrund og kontekst</a:t>
            </a:r>
            <a:endParaRPr lang="da-DK" sz="2200" i="1" noProof="0" dirty="0"/>
          </a:p>
        </p:txBody>
      </p:sp>
      <p:pic>
        <p:nvPicPr>
          <p:cNvPr id="30" name="Picture 2">
            <a:extLst>
              <a:ext uri="{FF2B5EF4-FFF2-40B4-BE49-F238E27FC236}">
                <a16:creationId xmlns:a16="http://schemas.microsoft.com/office/drawing/2014/main" id="{6902D99E-5066-336B-8EC8-4D947BD093AC}"/>
              </a:ext>
              <a:ext uri="{C183D7F6-B498-43B3-948B-1728B52AA6E4}">
                <adec:decorative xmlns:adec="http://schemas.microsoft.com/office/drawing/2017/decorative" val="1"/>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0097322" y="212272"/>
            <a:ext cx="1925141" cy="1006574"/>
          </a:xfrm>
          <a:prstGeom prst="rect">
            <a:avLst/>
          </a:prstGeom>
          <a:noFill/>
          <a:extLst>
            <a:ext uri="{909E8E84-426E-40DD-AFC4-6F175D3DCCD1}">
              <a14:hiddenFill xmlns:a14="http://schemas.microsoft.com/office/drawing/2010/main">
                <a:solidFill>
                  <a:srgbClr val="FFFFFF"/>
                </a:solidFill>
              </a14:hiddenFill>
            </a:ext>
          </a:extLst>
        </p:spPr>
      </p:pic>
      <p:sp>
        <p:nvSpPr>
          <p:cNvPr id="22" name="Rectangle: Rounded Corners 21">
            <a:extLst>
              <a:ext uri="{FF2B5EF4-FFF2-40B4-BE49-F238E27FC236}">
                <a16:creationId xmlns:a16="http://schemas.microsoft.com/office/drawing/2014/main" id="{D58F000B-5B5E-327B-8812-C1354A5516BA}"/>
              </a:ext>
              <a:ext uri="{C183D7F6-B498-43B3-948B-1728B52AA6E4}">
                <adec:decorative xmlns:adec="http://schemas.microsoft.com/office/drawing/2017/decorative" val="1"/>
              </a:ext>
            </a:extLst>
          </p:cNvPr>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400" noProof="0"/>
          </a:p>
        </p:txBody>
      </p:sp>
      <p:sp>
        <p:nvSpPr>
          <p:cNvPr id="10" name="Rectangle: Rounded Corners 9">
            <a:extLst>
              <a:ext uri="{FF2B5EF4-FFF2-40B4-BE49-F238E27FC236}">
                <a16:creationId xmlns:a16="http://schemas.microsoft.com/office/drawing/2014/main" id="{BF22D97D-476B-1B73-AF4F-D6CA43B085C4}"/>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Formål og strategi</a:t>
            </a:r>
          </a:p>
        </p:txBody>
      </p:sp>
      <p:sp>
        <p:nvSpPr>
          <p:cNvPr id="3" name="Rectangle 2">
            <a:extLst>
              <a:ext uri="{FF2B5EF4-FFF2-40B4-BE49-F238E27FC236}">
                <a16:creationId xmlns:a16="http://schemas.microsoft.com/office/drawing/2014/main" id="{A11621BF-8C3F-DC84-8563-0CD92943770D}"/>
              </a:ext>
            </a:extLst>
          </p:cNvPr>
          <p:cNvSpPr/>
          <p:nvPr/>
        </p:nvSpPr>
        <p:spPr>
          <a:xfrm>
            <a:off x="560497" y="2069025"/>
            <a:ext cx="3057561" cy="424222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dirty="0">
                <a:solidFill>
                  <a:srgbClr val="36465A"/>
                </a:solidFill>
                <a:sym typeface="Wingdings" panose="05000000000000000000" pitchFamily="2" charset="2"/>
              </a:rPr>
              <a:t>Formål</a:t>
            </a:r>
          </a:p>
          <a:p>
            <a:r>
              <a:rPr lang="da-DK" sz="900" noProof="0" dirty="0">
                <a:solidFill>
                  <a:schemeClr val="tx1"/>
                </a:solidFill>
              </a:rPr>
              <a:t>Formålet med udbuddet er at sikre, at digital suverænitet indgår som et centralt parameter, når EU-institutioner indkøber cloud-tjenester. Det betyder, at suverænitet, forstået som graden af uafhængighed af produkter og tjenester fra ikke-europæiske lande, skal opvejes mod øvrige væsentlige faktorer som fx pris, løsningskvalitet, miljømæssige hensyn mv. </a:t>
            </a:r>
          </a:p>
          <a:p>
            <a:endParaRPr lang="da-DK" sz="900" noProof="0" dirty="0">
              <a:solidFill>
                <a:schemeClr val="tx1"/>
              </a:solidFill>
              <a:sym typeface="Wingdings" panose="05000000000000000000" pitchFamily="2" charset="2"/>
            </a:endParaRPr>
          </a:p>
          <a:p>
            <a:r>
              <a:rPr lang="da-DK" sz="900" noProof="0" dirty="0">
                <a:solidFill>
                  <a:schemeClr val="tx1"/>
                </a:solidFill>
              </a:rPr>
              <a:t>Ambitionen er at gennemføre et konkret udbud, som kan demonstrere, at europæiske myndigheder via indkøbs- og udbudsprocesser kan stimulere markedet i retning af øget konkurrence med flere europæiske cloud-leverandører. Udbuddet anvender nye krav i form af fem niveauer til at vurdere de pågældende leverandører og deres løsningers digitale suverænitet, jf. illustrationen til højre. For hvert niveau ligger der også en række mere specifikke krav, som tilsammen udgør vurderingen. Der anvendes nye evalueringsmodeller med 30% vægtning af økonomi og 70% vægtning af kvalitet, herunder suverænitetsmål og underliggende kravsspecifikationer. Det adskiller sig væsentligt fra almindelig praksis, hvor pris som regel vægtes højere*.</a:t>
            </a:r>
            <a:endParaRPr lang="da-DK" sz="900" b="1" noProof="0" dirty="0">
              <a:solidFill>
                <a:schemeClr val="tx1"/>
              </a:solidFill>
              <a:sym typeface="Wingdings" panose="05000000000000000000" pitchFamily="2" charset="2"/>
            </a:endParaRPr>
          </a:p>
          <a:p>
            <a:endParaRPr lang="da-DK" sz="900" b="1" noProof="0" dirty="0">
              <a:solidFill>
                <a:schemeClr val="tx1"/>
              </a:solidFill>
              <a:sym typeface="Wingdings" panose="05000000000000000000" pitchFamily="2" charset="2"/>
            </a:endParaRPr>
          </a:p>
          <a:p>
            <a:r>
              <a:rPr lang="da-DK" sz="900" b="1" noProof="0" dirty="0">
                <a:solidFill>
                  <a:srgbClr val="36465A"/>
                </a:solidFill>
                <a:sym typeface="Wingdings" panose="05000000000000000000" pitchFamily="2" charset="2"/>
              </a:rPr>
              <a:t>Strategisk ophæng</a:t>
            </a:r>
          </a:p>
          <a:p>
            <a:r>
              <a:rPr lang="da-DK" sz="900" noProof="0" dirty="0">
                <a:solidFill>
                  <a:schemeClr val="tx1"/>
                </a:solidFill>
              </a:rPr>
              <a:t>Initiativet er forankret i EU’s bredere mål om at skabe en robust og sikker digital infrastruktur, hvor data, digitale løsninger og tjenester forbliver under EU-jurisdiktion. </a:t>
            </a:r>
          </a:p>
          <a:p>
            <a:endParaRPr lang="da-DK" sz="900" b="1" noProof="0" dirty="0">
              <a:solidFill>
                <a:schemeClr val="tx1"/>
              </a:solidFill>
              <a:sym typeface="Wingdings" panose="05000000000000000000" pitchFamily="2" charset="2"/>
            </a:endParaRPr>
          </a:p>
          <a:p>
            <a:endParaRPr lang="da-DK" sz="900" b="1" noProof="0" dirty="0">
              <a:solidFill>
                <a:schemeClr val="tx1"/>
              </a:solidFill>
              <a:sym typeface="Wingdings" panose="05000000000000000000" pitchFamily="2" charset="2"/>
            </a:endParaRPr>
          </a:p>
          <a:p>
            <a:endParaRPr lang="da-DK" sz="900" noProof="0" dirty="0">
              <a:solidFill>
                <a:schemeClr val="tx1"/>
              </a:solidFill>
            </a:endParaRPr>
          </a:p>
          <a:p>
            <a:endParaRPr lang="da-DK" sz="900" noProof="0" dirty="0">
              <a:solidFill>
                <a:schemeClr val="tx1"/>
              </a:solidFill>
            </a:endParaRPr>
          </a:p>
          <a:p>
            <a:endParaRPr lang="da-DK" sz="900" noProof="0" dirty="0">
              <a:solidFill>
                <a:schemeClr val="tx1"/>
              </a:solidFill>
            </a:endParaRPr>
          </a:p>
        </p:txBody>
      </p:sp>
      <p:sp>
        <p:nvSpPr>
          <p:cNvPr id="11" name="Rectangle: Rounded Corners 10">
            <a:extLst>
              <a:ext uri="{FF2B5EF4-FFF2-40B4-BE49-F238E27FC236}">
                <a16:creationId xmlns:a16="http://schemas.microsoft.com/office/drawing/2014/main" id="{A0F998CB-9ACB-A54F-BA24-CDC2E49BC2F6}"/>
              </a:ext>
            </a:extLst>
          </p:cNvPr>
          <p:cNvSpPr>
            <a:spLocks/>
          </p:cNvSpPr>
          <p:nvPr/>
        </p:nvSpPr>
        <p:spPr>
          <a:xfrm>
            <a:off x="3991968"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dirty="0">
                <a:solidFill>
                  <a:srgbClr val="36465A"/>
                </a:solidFill>
              </a:rPr>
              <a:t>Baggrund og kontekst</a:t>
            </a:r>
          </a:p>
        </p:txBody>
      </p:sp>
      <p:sp>
        <p:nvSpPr>
          <p:cNvPr id="5" name="Rectangle 4">
            <a:extLst>
              <a:ext uri="{FF2B5EF4-FFF2-40B4-BE49-F238E27FC236}">
                <a16:creationId xmlns:a16="http://schemas.microsoft.com/office/drawing/2014/main" id="{BB77ABD0-7D5A-408F-295B-E72ECC449501}"/>
              </a:ext>
            </a:extLst>
          </p:cNvPr>
          <p:cNvSpPr/>
          <p:nvPr/>
        </p:nvSpPr>
        <p:spPr>
          <a:xfrm>
            <a:off x="3565418" y="2069025"/>
            <a:ext cx="3030827" cy="424222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rPr>
              <a:t>Baggrund</a:t>
            </a:r>
            <a:endParaRPr lang="da-DK" sz="900" noProof="0">
              <a:solidFill>
                <a:srgbClr val="36465A"/>
              </a:solidFill>
            </a:endParaRPr>
          </a:p>
          <a:p>
            <a:r>
              <a:rPr lang="da-DK" sz="900" noProof="0">
                <a:solidFill>
                  <a:schemeClr val="tx1"/>
                </a:solidFill>
              </a:rPr>
              <a:t>Udbuddet blev igangsat som svar på stigende bekymringer om robusthed og uafhængighed, herunder stigende geopolitisk usikkerhed. Kommissionen var desuden i en situation, hvor de ønskede at fremskynde cloud-migrering fra ældre on-</a:t>
            </a:r>
            <a:r>
              <a:rPr lang="da-DK" sz="900" noProof="0" err="1">
                <a:solidFill>
                  <a:schemeClr val="tx1"/>
                </a:solidFill>
              </a:rPr>
              <a:t>premise</a:t>
            </a:r>
            <a:r>
              <a:rPr lang="da-DK" sz="900" noProof="0" dirty="0">
                <a:solidFill>
                  <a:schemeClr val="tx1"/>
                </a:solidFill>
              </a:rPr>
              <a:t>-</a:t>
            </a:r>
            <a:r>
              <a:rPr lang="da-DK" sz="900" noProof="0">
                <a:solidFill>
                  <a:schemeClr val="tx1"/>
                </a:solidFill>
              </a:rPr>
              <a:t>infrastruktur til mere moderne løsninger. Kommissionen havde tidligere entreret med en fransk cloud-leverandør (</a:t>
            </a:r>
            <a:r>
              <a:rPr lang="da-DK" sz="900" noProof="0" err="1">
                <a:solidFill>
                  <a:schemeClr val="tx1"/>
                </a:solidFill>
              </a:rPr>
              <a:t>OVHcloud</a:t>
            </a:r>
            <a:r>
              <a:rPr lang="da-DK" sz="900" noProof="0">
                <a:solidFill>
                  <a:schemeClr val="tx1"/>
                </a:solidFill>
              </a:rPr>
              <a:t>), hvor sortiment og skaleringsevne var begrænset og primært rettet mod IaaS. I løbet af de seneste år er der sket en væsentlig udvikling i markedet, hvor de europæiske leverandører er blevet dygtigere, og ikke kun leverer IaaS, men også PaaS. Mange myndigheder har behov for PaaS til at bygge AI og digitale services på en standardiseret og effektiv måde. På denne baggrund vurderede Kommissionen, at timingen for en ny type udbud var moden.  </a:t>
            </a:r>
          </a:p>
          <a:p>
            <a:endParaRPr lang="da-DK" sz="900" b="1" noProof="0">
              <a:solidFill>
                <a:schemeClr val="tx1"/>
              </a:solidFill>
              <a:highlight>
                <a:srgbClr val="FFFF00"/>
              </a:highlight>
            </a:endParaRPr>
          </a:p>
          <a:p>
            <a:r>
              <a:rPr lang="da-DK" sz="900" b="1" noProof="0">
                <a:solidFill>
                  <a:srgbClr val="36465A"/>
                </a:solidFill>
              </a:rPr>
              <a:t>Kontekst </a:t>
            </a:r>
          </a:p>
          <a:p>
            <a:r>
              <a:rPr lang="da-DK" sz="900" noProof="0">
                <a:solidFill>
                  <a:schemeClr val="tx1"/>
                </a:solidFill>
              </a:rPr>
              <a:t>Udbuddet og den konkrete tilgang skal ses i lyset af:</a:t>
            </a:r>
          </a:p>
          <a:p>
            <a:pPr marL="171450" indent="-171450">
              <a:buFont typeface="Arial" panose="020B0604020202020204" pitchFamily="34" charset="0"/>
              <a:buChar char="•"/>
            </a:pPr>
            <a:r>
              <a:rPr lang="da-DK" sz="900" noProof="0">
                <a:solidFill>
                  <a:schemeClr val="tx1"/>
                </a:solidFill>
              </a:rPr>
              <a:t>Ønske om at fremme europæiske alternativer og stimulere et europæisk marked for digitale løsninger.</a:t>
            </a:r>
          </a:p>
          <a:p>
            <a:pPr marL="171450" indent="-171450">
              <a:buFont typeface="Arial" panose="020B0604020202020204" pitchFamily="34" charset="0"/>
              <a:buChar char="•"/>
            </a:pPr>
            <a:r>
              <a:rPr lang="da-DK" sz="900" noProof="0">
                <a:solidFill>
                  <a:schemeClr val="tx1"/>
                </a:solidFill>
              </a:rPr>
              <a:t>Ønske om fortsat at samarbejde med lande uden for EU, således at ingen leverandører bliver udelukket, men med krav om at leverandører som minimum skal leve op til SEAL-2-niveauet.</a:t>
            </a:r>
          </a:p>
          <a:p>
            <a:pPr marL="171450" indent="-171450">
              <a:buFont typeface="Arial" panose="020B0604020202020204" pitchFamily="34" charset="0"/>
              <a:buChar char="•"/>
            </a:pPr>
            <a:r>
              <a:rPr lang="da-DK" sz="900" noProof="0">
                <a:solidFill>
                  <a:schemeClr val="tx1"/>
                </a:solidFill>
              </a:rPr>
              <a:t>Ønske om at demonstrere, at suverænitet kan kombineres med høj kvalitet, sikkerhed og konkurrencedygtig teknologi. Udbuddet skal desuden fungere som ”benchmark” for fremtidige offentlige it-indkøb. </a:t>
            </a:r>
            <a:endParaRPr lang="da-DK" sz="900" noProof="0">
              <a:solidFill>
                <a:schemeClr val="tx1"/>
              </a:solidFill>
              <a:highlight>
                <a:srgbClr val="FFFF00"/>
              </a:highlight>
            </a:endParaRPr>
          </a:p>
          <a:p>
            <a:endParaRPr lang="da-DK" sz="900" noProof="0">
              <a:solidFill>
                <a:schemeClr val="tx1"/>
              </a:solidFill>
            </a:endParaRPr>
          </a:p>
        </p:txBody>
      </p:sp>
      <p:sp>
        <p:nvSpPr>
          <p:cNvPr id="7" name="Rectangle 6">
            <a:extLst>
              <a:ext uri="{FF2B5EF4-FFF2-40B4-BE49-F238E27FC236}">
                <a16:creationId xmlns:a16="http://schemas.microsoft.com/office/drawing/2014/main" id="{2D900459-FDD3-DCF5-EC7F-0B3E7695608C}"/>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2D5619F7-4C72-06F1-C570-DC3D0AC094D3}"/>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6F54D4F4-E92F-BB07-73DD-53A0BE35F22D}"/>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ECA5B1A6-4F23-6BA4-1531-DA8EC373B6D0}"/>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410960A1-BD2D-96BA-E395-7EF044989F4B}"/>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4" name="Freeform 16">
            <a:extLst>
              <a:ext uri="{FF2B5EF4-FFF2-40B4-BE49-F238E27FC236}">
                <a16:creationId xmlns:a16="http://schemas.microsoft.com/office/drawing/2014/main" id="{21149C17-133D-09F6-468C-4430CF22E60A}"/>
              </a:ext>
              <a:ext uri="{C183D7F6-B498-43B3-948B-1728B52AA6E4}">
                <adec:decorative xmlns:adec="http://schemas.microsoft.com/office/drawing/2017/decorative" val="1"/>
              </a:ext>
            </a:extLst>
          </p:cNvPr>
          <p:cNvSpPr>
            <a:spLocks noEditPoints="1"/>
          </p:cNvSpPr>
          <p:nvPr/>
        </p:nvSpPr>
        <p:spPr bwMode="auto">
          <a:xfrm>
            <a:off x="650102" y="1728165"/>
            <a:ext cx="265267" cy="265267"/>
          </a:xfrm>
          <a:custGeom>
            <a:avLst/>
            <a:gdLst>
              <a:gd name="T0" fmla="*/ 68 w 208"/>
              <a:gd name="T1" fmla="*/ 24 h 208"/>
              <a:gd name="T2" fmla="*/ 20 w 208"/>
              <a:gd name="T3" fmla="*/ 24 h 208"/>
              <a:gd name="T4" fmla="*/ 44 w 208"/>
              <a:gd name="T5" fmla="*/ 8 h 208"/>
              <a:gd name="T6" fmla="*/ 44 w 208"/>
              <a:gd name="T7" fmla="*/ 40 h 208"/>
              <a:gd name="T8" fmla="*/ 44 w 208"/>
              <a:gd name="T9" fmla="*/ 8 h 208"/>
              <a:gd name="T10" fmla="*/ 144 w 208"/>
              <a:gd name="T11" fmla="*/ 52 h 208"/>
              <a:gd name="T12" fmla="*/ 140 w 208"/>
              <a:gd name="T13" fmla="*/ 48 h 208"/>
              <a:gd name="T14" fmla="*/ 61 w 208"/>
              <a:gd name="T15" fmla="*/ 49 h 208"/>
              <a:gd name="T16" fmla="*/ 27 w 208"/>
              <a:gd name="T17" fmla="*/ 49 h 208"/>
              <a:gd name="T18" fmla="*/ 12 w 208"/>
              <a:gd name="T19" fmla="*/ 52 h 208"/>
              <a:gd name="T20" fmla="*/ 0 w 208"/>
              <a:gd name="T21" fmla="*/ 124 h 208"/>
              <a:gd name="T22" fmla="*/ 16 w 208"/>
              <a:gd name="T23" fmla="*/ 204 h 208"/>
              <a:gd name="T24" fmla="*/ 20 w 208"/>
              <a:gd name="T25" fmla="*/ 208 h 208"/>
              <a:gd name="T26" fmla="*/ 71 w 208"/>
              <a:gd name="T27" fmla="*/ 207 h 208"/>
              <a:gd name="T28" fmla="*/ 72 w 208"/>
              <a:gd name="T29" fmla="*/ 80 h 208"/>
              <a:gd name="T30" fmla="*/ 124 w 208"/>
              <a:gd name="T31" fmla="*/ 72 h 208"/>
              <a:gd name="T32" fmla="*/ 64 w 208"/>
              <a:gd name="T33" fmla="*/ 200 h 208"/>
              <a:gd name="T34" fmla="*/ 48 w 208"/>
              <a:gd name="T35" fmla="*/ 132 h 208"/>
              <a:gd name="T36" fmla="*/ 40 w 208"/>
              <a:gd name="T37" fmla="*/ 132 h 208"/>
              <a:gd name="T38" fmla="*/ 24 w 208"/>
              <a:gd name="T39" fmla="*/ 200 h 208"/>
              <a:gd name="T40" fmla="*/ 20 w 208"/>
              <a:gd name="T41" fmla="*/ 80 h 208"/>
              <a:gd name="T42" fmla="*/ 16 w 208"/>
              <a:gd name="T43" fmla="*/ 135 h 208"/>
              <a:gd name="T44" fmla="*/ 8 w 208"/>
              <a:gd name="T45" fmla="*/ 69 h 208"/>
              <a:gd name="T46" fmla="*/ 23 w 208"/>
              <a:gd name="T47" fmla="*/ 57 h 208"/>
              <a:gd name="T48" fmla="*/ 44 w 208"/>
              <a:gd name="T49" fmla="*/ 76 h 208"/>
              <a:gd name="T50" fmla="*/ 66 w 208"/>
              <a:gd name="T51" fmla="*/ 56 h 208"/>
              <a:gd name="T52" fmla="*/ 124 w 208"/>
              <a:gd name="T53" fmla="*/ 64 h 208"/>
              <a:gd name="T54" fmla="*/ 64 w 208"/>
              <a:gd name="T55" fmla="*/ 80 h 208"/>
              <a:gd name="T56" fmla="*/ 179 w 208"/>
              <a:gd name="T57" fmla="*/ 50 h 208"/>
              <a:gd name="T58" fmla="*/ 173 w 208"/>
              <a:gd name="T59" fmla="*/ 50 h 208"/>
              <a:gd name="T60" fmla="*/ 144 w 208"/>
              <a:gd name="T61" fmla="*/ 94 h 208"/>
              <a:gd name="T62" fmla="*/ 160 w 208"/>
              <a:gd name="T63" fmla="*/ 96 h 208"/>
              <a:gd name="T64" fmla="*/ 161 w 208"/>
              <a:gd name="T65" fmla="*/ 207 h 208"/>
              <a:gd name="T66" fmla="*/ 188 w 208"/>
              <a:gd name="T67" fmla="*/ 208 h 208"/>
              <a:gd name="T68" fmla="*/ 192 w 208"/>
              <a:gd name="T69" fmla="*/ 204 h 208"/>
              <a:gd name="T70" fmla="*/ 204 w 208"/>
              <a:gd name="T71" fmla="*/ 96 h 208"/>
              <a:gd name="T72" fmla="*/ 207 w 208"/>
              <a:gd name="T73" fmla="*/ 90 h 208"/>
              <a:gd name="T74" fmla="*/ 185 w 208"/>
              <a:gd name="T75" fmla="*/ 89 h 208"/>
              <a:gd name="T76" fmla="*/ 184 w 208"/>
              <a:gd name="T77" fmla="*/ 200 h 208"/>
              <a:gd name="T78" fmla="*/ 168 w 208"/>
              <a:gd name="T79" fmla="*/ 92 h 208"/>
              <a:gd name="T80" fmla="*/ 164 w 208"/>
              <a:gd name="T81" fmla="*/ 88 h 208"/>
              <a:gd name="T82" fmla="*/ 176 w 208"/>
              <a:gd name="T83" fmla="*/ 59 h 208"/>
              <a:gd name="T84" fmla="*/ 188 w 208"/>
              <a:gd name="T85" fmla="*/ 88 h 208"/>
              <a:gd name="T86" fmla="*/ 124 w 208"/>
              <a:gd name="T87" fmla="*/ 120 h 208"/>
              <a:gd name="T88" fmla="*/ 120 w 208"/>
              <a:gd name="T89" fmla="*/ 124 h 208"/>
              <a:gd name="T90" fmla="*/ 121 w 208"/>
              <a:gd name="T91" fmla="*/ 207 h 208"/>
              <a:gd name="T92" fmla="*/ 148 w 208"/>
              <a:gd name="T93" fmla="*/ 208 h 208"/>
              <a:gd name="T94" fmla="*/ 152 w 208"/>
              <a:gd name="T95" fmla="*/ 204 h 208"/>
              <a:gd name="T96" fmla="*/ 151 w 208"/>
              <a:gd name="T97" fmla="*/ 121 h 208"/>
              <a:gd name="T98" fmla="*/ 144 w 208"/>
              <a:gd name="T99" fmla="*/ 200 h 208"/>
              <a:gd name="T100" fmla="*/ 128 w 208"/>
              <a:gd name="T101" fmla="*/ 128 h 208"/>
              <a:gd name="T102" fmla="*/ 144 w 208"/>
              <a:gd name="T103" fmla="*/ 200 h 208"/>
              <a:gd name="T104" fmla="*/ 84 w 208"/>
              <a:gd name="T105" fmla="*/ 160 h 208"/>
              <a:gd name="T106" fmla="*/ 80 w 208"/>
              <a:gd name="T107" fmla="*/ 164 h 208"/>
              <a:gd name="T108" fmla="*/ 81 w 208"/>
              <a:gd name="T109" fmla="*/ 207 h 208"/>
              <a:gd name="T110" fmla="*/ 108 w 208"/>
              <a:gd name="T111" fmla="*/ 208 h 208"/>
              <a:gd name="T112" fmla="*/ 112 w 208"/>
              <a:gd name="T113" fmla="*/ 204 h 208"/>
              <a:gd name="T114" fmla="*/ 111 w 208"/>
              <a:gd name="T115" fmla="*/ 161 h 208"/>
              <a:gd name="T116" fmla="*/ 104 w 208"/>
              <a:gd name="T117" fmla="*/ 200 h 208"/>
              <a:gd name="T118" fmla="*/ 88 w 208"/>
              <a:gd name="T119" fmla="*/ 168 h 208"/>
              <a:gd name="T120" fmla="*/ 104 w 208"/>
              <a:gd name="T121" fmla="*/ 20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208" h="208">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24" y="72"/>
                </a:moveTo>
                <a:cubicBezTo>
                  <a:pt x="135" y="72"/>
                  <a:pt x="144" y="63"/>
                  <a:pt x="144" y="52"/>
                </a:cubicBezTo>
                <a:cubicBezTo>
                  <a:pt x="144" y="51"/>
                  <a:pt x="144" y="50"/>
                  <a:pt x="143" y="49"/>
                </a:cubicBezTo>
                <a:cubicBezTo>
                  <a:pt x="142" y="48"/>
                  <a:pt x="141" y="48"/>
                  <a:pt x="140" y="48"/>
                </a:cubicBezTo>
                <a:cubicBezTo>
                  <a:pt x="64" y="48"/>
                  <a:pt x="64" y="48"/>
                  <a:pt x="64" y="48"/>
                </a:cubicBezTo>
                <a:cubicBezTo>
                  <a:pt x="63"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24"/>
                  <a:pt x="0" y="124"/>
                  <a:pt x="0" y="124"/>
                </a:cubicBezTo>
                <a:cubicBezTo>
                  <a:pt x="0" y="134"/>
                  <a:pt x="7" y="142"/>
                  <a:pt x="16" y="144"/>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80"/>
                  <a:pt x="72" y="80"/>
                  <a:pt x="72" y="80"/>
                </a:cubicBezTo>
                <a:cubicBezTo>
                  <a:pt x="72" y="76"/>
                  <a:pt x="76" y="72"/>
                  <a:pt x="80" y="72"/>
                </a:cubicBezTo>
                <a:lnTo>
                  <a:pt x="124" y="72"/>
                </a:lnTo>
                <a:close/>
                <a:moveTo>
                  <a:pt x="64" y="80"/>
                </a:move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35"/>
                  <a:pt x="16" y="135"/>
                  <a:pt x="16" y="135"/>
                </a:cubicBezTo>
                <a:cubicBezTo>
                  <a:pt x="11" y="134"/>
                  <a:pt x="8" y="129"/>
                  <a:pt x="8" y="124"/>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6" y="56"/>
                  <a:pt x="66" y="56"/>
                  <a:pt x="66" y="56"/>
                </a:cubicBezTo>
                <a:cubicBezTo>
                  <a:pt x="135" y="56"/>
                  <a:pt x="135" y="56"/>
                  <a:pt x="135" y="56"/>
                </a:cubicBezTo>
                <a:cubicBezTo>
                  <a:pt x="134" y="61"/>
                  <a:pt x="129" y="64"/>
                  <a:pt x="124" y="64"/>
                </a:cubicBezTo>
                <a:cubicBezTo>
                  <a:pt x="80" y="64"/>
                  <a:pt x="80" y="64"/>
                  <a:pt x="80" y="64"/>
                </a:cubicBezTo>
                <a:cubicBezTo>
                  <a:pt x="71" y="64"/>
                  <a:pt x="64" y="71"/>
                  <a:pt x="64" y="80"/>
                </a:cubicBezTo>
                <a:close/>
                <a:moveTo>
                  <a:pt x="207" y="90"/>
                </a:moveTo>
                <a:cubicBezTo>
                  <a:pt x="179" y="50"/>
                  <a:pt x="179" y="50"/>
                  <a:pt x="179" y="50"/>
                </a:cubicBezTo>
                <a:cubicBezTo>
                  <a:pt x="179" y="49"/>
                  <a:pt x="177" y="48"/>
                  <a:pt x="176" y="48"/>
                </a:cubicBezTo>
                <a:cubicBezTo>
                  <a:pt x="175" y="48"/>
                  <a:pt x="173" y="49"/>
                  <a:pt x="173" y="50"/>
                </a:cubicBezTo>
                <a:cubicBezTo>
                  <a:pt x="145" y="90"/>
                  <a:pt x="145" y="90"/>
                  <a:pt x="145" y="90"/>
                </a:cubicBezTo>
                <a:cubicBezTo>
                  <a:pt x="144" y="91"/>
                  <a:pt x="144" y="93"/>
                  <a:pt x="144" y="94"/>
                </a:cubicBezTo>
                <a:cubicBezTo>
                  <a:pt x="145" y="95"/>
                  <a:pt x="147" y="96"/>
                  <a:pt x="148" y="96"/>
                </a:cubicBezTo>
                <a:cubicBezTo>
                  <a:pt x="160" y="96"/>
                  <a:pt x="160" y="96"/>
                  <a:pt x="160" y="96"/>
                </a:cubicBezTo>
                <a:cubicBezTo>
                  <a:pt x="160" y="204"/>
                  <a:pt x="160" y="204"/>
                  <a:pt x="160" y="204"/>
                </a:cubicBezTo>
                <a:cubicBezTo>
                  <a:pt x="160" y="205"/>
                  <a:pt x="160" y="206"/>
                  <a:pt x="161" y="207"/>
                </a:cubicBezTo>
                <a:cubicBezTo>
                  <a:pt x="162" y="208"/>
                  <a:pt x="163" y="208"/>
                  <a:pt x="164" y="208"/>
                </a:cubicBezTo>
                <a:cubicBezTo>
                  <a:pt x="188" y="208"/>
                  <a:pt x="188" y="208"/>
                  <a:pt x="188" y="208"/>
                </a:cubicBezTo>
                <a:cubicBezTo>
                  <a:pt x="189" y="208"/>
                  <a:pt x="190" y="208"/>
                  <a:pt x="191" y="207"/>
                </a:cubicBezTo>
                <a:cubicBezTo>
                  <a:pt x="192" y="206"/>
                  <a:pt x="192" y="205"/>
                  <a:pt x="192" y="204"/>
                </a:cubicBezTo>
                <a:cubicBezTo>
                  <a:pt x="192" y="96"/>
                  <a:pt x="192" y="96"/>
                  <a:pt x="192" y="96"/>
                </a:cubicBezTo>
                <a:cubicBezTo>
                  <a:pt x="204" y="96"/>
                  <a:pt x="204" y="96"/>
                  <a:pt x="204" y="96"/>
                </a:cubicBezTo>
                <a:cubicBezTo>
                  <a:pt x="205" y="96"/>
                  <a:pt x="207" y="95"/>
                  <a:pt x="208" y="94"/>
                </a:cubicBezTo>
                <a:cubicBezTo>
                  <a:pt x="208" y="93"/>
                  <a:pt x="208" y="91"/>
                  <a:pt x="207" y="90"/>
                </a:cubicBezTo>
                <a:close/>
                <a:moveTo>
                  <a:pt x="188" y="88"/>
                </a:moveTo>
                <a:cubicBezTo>
                  <a:pt x="187" y="88"/>
                  <a:pt x="186" y="88"/>
                  <a:pt x="185" y="89"/>
                </a:cubicBezTo>
                <a:cubicBezTo>
                  <a:pt x="184" y="90"/>
                  <a:pt x="184" y="91"/>
                  <a:pt x="184" y="92"/>
                </a:cubicBezTo>
                <a:cubicBezTo>
                  <a:pt x="184" y="200"/>
                  <a:pt x="184" y="200"/>
                  <a:pt x="184" y="200"/>
                </a:cubicBezTo>
                <a:cubicBezTo>
                  <a:pt x="168" y="200"/>
                  <a:pt x="168" y="200"/>
                  <a:pt x="168" y="200"/>
                </a:cubicBezTo>
                <a:cubicBezTo>
                  <a:pt x="168" y="92"/>
                  <a:pt x="168" y="92"/>
                  <a:pt x="168" y="92"/>
                </a:cubicBezTo>
                <a:cubicBezTo>
                  <a:pt x="168" y="91"/>
                  <a:pt x="168" y="90"/>
                  <a:pt x="167" y="89"/>
                </a:cubicBezTo>
                <a:cubicBezTo>
                  <a:pt x="166" y="88"/>
                  <a:pt x="165" y="88"/>
                  <a:pt x="164" y="88"/>
                </a:cubicBezTo>
                <a:cubicBezTo>
                  <a:pt x="156" y="88"/>
                  <a:pt x="156" y="88"/>
                  <a:pt x="156" y="88"/>
                </a:cubicBezTo>
                <a:cubicBezTo>
                  <a:pt x="176" y="59"/>
                  <a:pt x="176" y="59"/>
                  <a:pt x="176" y="59"/>
                </a:cubicBezTo>
                <a:cubicBezTo>
                  <a:pt x="196" y="88"/>
                  <a:pt x="196" y="88"/>
                  <a:pt x="196" y="88"/>
                </a:cubicBezTo>
                <a:lnTo>
                  <a:pt x="188" y="88"/>
                </a:lnTo>
                <a:close/>
                <a:moveTo>
                  <a:pt x="148" y="120"/>
                </a:moveTo>
                <a:cubicBezTo>
                  <a:pt x="124" y="120"/>
                  <a:pt x="124" y="120"/>
                  <a:pt x="124" y="120"/>
                </a:cubicBezTo>
                <a:cubicBezTo>
                  <a:pt x="123" y="120"/>
                  <a:pt x="122" y="120"/>
                  <a:pt x="121" y="121"/>
                </a:cubicBezTo>
                <a:cubicBezTo>
                  <a:pt x="120" y="122"/>
                  <a:pt x="120" y="123"/>
                  <a:pt x="120" y="124"/>
                </a:cubicBezTo>
                <a:cubicBezTo>
                  <a:pt x="120" y="204"/>
                  <a:pt x="120" y="204"/>
                  <a:pt x="120" y="204"/>
                </a:cubicBezTo>
                <a:cubicBezTo>
                  <a:pt x="120" y="205"/>
                  <a:pt x="120" y="206"/>
                  <a:pt x="121" y="207"/>
                </a:cubicBezTo>
                <a:cubicBezTo>
                  <a:pt x="122" y="208"/>
                  <a:pt x="123" y="208"/>
                  <a:pt x="124" y="208"/>
                </a:cubicBezTo>
                <a:cubicBezTo>
                  <a:pt x="148" y="208"/>
                  <a:pt x="148" y="208"/>
                  <a:pt x="148" y="208"/>
                </a:cubicBezTo>
                <a:cubicBezTo>
                  <a:pt x="149" y="208"/>
                  <a:pt x="150" y="208"/>
                  <a:pt x="151" y="207"/>
                </a:cubicBezTo>
                <a:cubicBezTo>
                  <a:pt x="152" y="206"/>
                  <a:pt x="152" y="205"/>
                  <a:pt x="152" y="204"/>
                </a:cubicBezTo>
                <a:cubicBezTo>
                  <a:pt x="152" y="124"/>
                  <a:pt x="152" y="124"/>
                  <a:pt x="152" y="124"/>
                </a:cubicBezTo>
                <a:cubicBezTo>
                  <a:pt x="152" y="123"/>
                  <a:pt x="152" y="122"/>
                  <a:pt x="151" y="121"/>
                </a:cubicBezTo>
                <a:cubicBezTo>
                  <a:pt x="150" y="120"/>
                  <a:pt x="149" y="120"/>
                  <a:pt x="148" y="120"/>
                </a:cubicBezTo>
                <a:close/>
                <a:moveTo>
                  <a:pt x="144" y="200"/>
                </a:moveTo>
                <a:cubicBezTo>
                  <a:pt x="128" y="200"/>
                  <a:pt x="128" y="200"/>
                  <a:pt x="128" y="200"/>
                </a:cubicBezTo>
                <a:cubicBezTo>
                  <a:pt x="128" y="128"/>
                  <a:pt x="128" y="128"/>
                  <a:pt x="128" y="128"/>
                </a:cubicBezTo>
                <a:cubicBezTo>
                  <a:pt x="144" y="128"/>
                  <a:pt x="144" y="128"/>
                  <a:pt x="144" y="128"/>
                </a:cubicBezTo>
                <a:lnTo>
                  <a:pt x="144" y="200"/>
                </a:lnTo>
                <a:close/>
                <a:moveTo>
                  <a:pt x="108" y="160"/>
                </a:moveTo>
                <a:cubicBezTo>
                  <a:pt x="84" y="160"/>
                  <a:pt x="84" y="160"/>
                  <a:pt x="84" y="160"/>
                </a:cubicBezTo>
                <a:cubicBezTo>
                  <a:pt x="83" y="160"/>
                  <a:pt x="82" y="160"/>
                  <a:pt x="81" y="161"/>
                </a:cubicBezTo>
                <a:cubicBezTo>
                  <a:pt x="80" y="162"/>
                  <a:pt x="80" y="163"/>
                  <a:pt x="80" y="164"/>
                </a:cubicBezTo>
                <a:cubicBezTo>
                  <a:pt x="80" y="204"/>
                  <a:pt x="80" y="204"/>
                  <a:pt x="80" y="204"/>
                </a:cubicBezTo>
                <a:cubicBezTo>
                  <a:pt x="80" y="205"/>
                  <a:pt x="80" y="206"/>
                  <a:pt x="81" y="207"/>
                </a:cubicBezTo>
                <a:cubicBezTo>
                  <a:pt x="82" y="208"/>
                  <a:pt x="83" y="208"/>
                  <a:pt x="84" y="208"/>
                </a:cubicBezTo>
                <a:cubicBezTo>
                  <a:pt x="108" y="208"/>
                  <a:pt x="108" y="208"/>
                  <a:pt x="108" y="208"/>
                </a:cubicBezTo>
                <a:cubicBezTo>
                  <a:pt x="109" y="208"/>
                  <a:pt x="110" y="208"/>
                  <a:pt x="111" y="207"/>
                </a:cubicBezTo>
                <a:cubicBezTo>
                  <a:pt x="112" y="206"/>
                  <a:pt x="112" y="205"/>
                  <a:pt x="112" y="204"/>
                </a:cubicBezTo>
                <a:cubicBezTo>
                  <a:pt x="112" y="164"/>
                  <a:pt x="112" y="164"/>
                  <a:pt x="112" y="164"/>
                </a:cubicBezTo>
                <a:cubicBezTo>
                  <a:pt x="112" y="163"/>
                  <a:pt x="112" y="162"/>
                  <a:pt x="111" y="161"/>
                </a:cubicBezTo>
                <a:cubicBezTo>
                  <a:pt x="110" y="160"/>
                  <a:pt x="109" y="160"/>
                  <a:pt x="108" y="160"/>
                </a:cubicBezTo>
                <a:close/>
                <a:moveTo>
                  <a:pt x="104" y="200"/>
                </a:moveTo>
                <a:cubicBezTo>
                  <a:pt x="88" y="200"/>
                  <a:pt x="88" y="200"/>
                  <a:pt x="88" y="200"/>
                </a:cubicBezTo>
                <a:cubicBezTo>
                  <a:pt x="88" y="168"/>
                  <a:pt x="88" y="168"/>
                  <a:pt x="88" y="168"/>
                </a:cubicBezTo>
                <a:cubicBezTo>
                  <a:pt x="104" y="168"/>
                  <a:pt x="104" y="168"/>
                  <a:pt x="104" y="168"/>
                </a:cubicBezTo>
                <a:lnTo>
                  <a:pt x="104" y="200"/>
                </a:ln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34">
            <a:extLst>
              <a:ext uri="{FF2B5EF4-FFF2-40B4-BE49-F238E27FC236}">
                <a16:creationId xmlns:a16="http://schemas.microsoft.com/office/drawing/2014/main" id="{FFF2AA72-8B8B-9B32-B4D3-4DF928F4874A}"/>
              </a:ext>
              <a:ext uri="{C183D7F6-B498-43B3-948B-1728B52AA6E4}">
                <adec:decorative xmlns:adec="http://schemas.microsoft.com/office/drawing/2017/decorative" val="1"/>
              </a:ext>
            </a:extLst>
          </p:cNvPr>
          <p:cNvSpPr>
            <a:spLocks noEditPoints="1"/>
          </p:cNvSpPr>
          <p:nvPr/>
        </p:nvSpPr>
        <p:spPr bwMode="auto">
          <a:xfrm>
            <a:off x="3696926" y="1727023"/>
            <a:ext cx="265617" cy="266409"/>
          </a:xfrm>
          <a:custGeom>
            <a:avLst/>
            <a:gdLst>
              <a:gd name="T0" fmla="*/ 48 w 208"/>
              <a:gd name="T1" fmla="*/ 80 h 208"/>
              <a:gd name="T2" fmla="*/ 80 w 208"/>
              <a:gd name="T3" fmla="*/ 104 h 208"/>
              <a:gd name="T4" fmla="*/ 104 w 208"/>
              <a:gd name="T5" fmla="*/ 80 h 208"/>
              <a:gd name="T6" fmla="*/ 128 w 208"/>
              <a:gd name="T7" fmla="*/ 152 h 208"/>
              <a:gd name="T8" fmla="*/ 152 w 208"/>
              <a:gd name="T9" fmla="*/ 128 h 208"/>
              <a:gd name="T10" fmla="*/ 152 w 208"/>
              <a:gd name="T11" fmla="*/ 136 h 208"/>
              <a:gd name="T12" fmla="*/ 208 w 208"/>
              <a:gd name="T13" fmla="*/ 145 h 208"/>
              <a:gd name="T14" fmla="*/ 189 w 208"/>
              <a:gd name="T15" fmla="*/ 132 h 208"/>
              <a:gd name="T16" fmla="*/ 187 w 208"/>
              <a:gd name="T17" fmla="*/ 108 h 208"/>
              <a:gd name="T18" fmla="*/ 164 w 208"/>
              <a:gd name="T19" fmla="*/ 111 h 208"/>
              <a:gd name="T20" fmla="*/ 158 w 208"/>
              <a:gd name="T21" fmla="*/ 96 h 208"/>
              <a:gd name="T22" fmla="*/ 0 w 208"/>
              <a:gd name="T23" fmla="*/ 80 h 208"/>
              <a:gd name="T24" fmla="*/ 80 w 208"/>
              <a:gd name="T25" fmla="*/ 208 h 208"/>
              <a:gd name="T26" fmla="*/ 115 w 208"/>
              <a:gd name="T27" fmla="*/ 172 h 208"/>
              <a:gd name="T28" fmla="*/ 117 w 208"/>
              <a:gd name="T29" fmla="*/ 196 h 208"/>
              <a:gd name="T30" fmla="*/ 140 w 208"/>
              <a:gd name="T31" fmla="*/ 193 h 208"/>
              <a:gd name="T32" fmla="*/ 152 w 208"/>
              <a:gd name="T33" fmla="*/ 208 h 208"/>
              <a:gd name="T34" fmla="*/ 162 w 208"/>
              <a:gd name="T35" fmla="*/ 204 h 208"/>
              <a:gd name="T36" fmla="*/ 182 w 208"/>
              <a:gd name="T37" fmla="*/ 196 h 208"/>
              <a:gd name="T38" fmla="*/ 196 w 208"/>
              <a:gd name="T39" fmla="*/ 182 h 208"/>
              <a:gd name="T40" fmla="*/ 204 w 208"/>
              <a:gd name="T41" fmla="*/ 162 h 208"/>
              <a:gd name="T42" fmla="*/ 208 w 208"/>
              <a:gd name="T43" fmla="*/ 145 h 208"/>
              <a:gd name="T44" fmla="*/ 71 w 208"/>
              <a:gd name="T45" fmla="*/ 189 h 208"/>
              <a:gd name="T46" fmla="*/ 152 w 208"/>
              <a:gd name="T47" fmla="*/ 80 h 208"/>
              <a:gd name="T48" fmla="*/ 142 w 208"/>
              <a:gd name="T49" fmla="*/ 100 h 208"/>
              <a:gd name="T50" fmla="*/ 122 w 208"/>
              <a:gd name="T51" fmla="*/ 108 h 208"/>
              <a:gd name="T52" fmla="*/ 108 w 208"/>
              <a:gd name="T53" fmla="*/ 122 h 208"/>
              <a:gd name="T54" fmla="*/ 100 w 208"/>
              <a:gd name="T55" fmla="*/ 142 h 208"/>
              <a:gd name="T56" fmla="*/ 96 w 208"/>
              <a:gd name="T57" fmla="*/ 159 h 208"/>
              <a:gd name="T58" fmla="*/ 88 w 208"/>
              <a:gd name="T59" fmla="*/ 190 h 208"/>
              <a:gd name="T60" fmla="*/ 186 w 208"/>
              <a:gd name="T61" fmla="*/ 159 h 208"/>
              <a:gd name="T62" fmla="*/ 188 w 208"/>
              <a:gd name="T63" fmla="*/ 184 h 208"/>
              <a:gd name="T64" fmla="*/ 170 w 208"/>
              <a:gd name="T65" fmla="*/ 181 h 208"/>
              <a:gd name="T66" fmla="*/ 155 w 208"/>
              <a:gd name="T67" fmla="*/ 200 h 208"/>
              <a:gd name="T68" fmla="*/ 148 w 208"/>
              <a:gd name="T69" fmla="*/ 189 h 208"/>
              <a:gd name="T70" fmla="*/ 129 w 208"/>
              <a:gd name="T71" fmla="*/ 181 h 208"/>
              <a:gd name="T72" fmla="*/ 123 w 208"/>
              <a:gd name="T73" fmla="*/ 175 h 208"/>
              <a:gd name="T74" fmla="*/ 115 w 208"/>
              <a:gd name="T75" fmla="*/ 156 h 208"/>
              <a:gd name="T76" fmla="*/ 104 w 208"/>
              <a:gd name="T77" fmla="*/ 149 h 208"/>
              <a:gd name="T78" fmla="*/ 123 w 208"/>
              <a:gd name="T79" fmla="*/ 134 h 208"/>
              <a:gd name="T80" fmla="*/ 120 w 208"/>
              <a:gd name="T81" fmla="*/ 116 h 208"/>
              <a:gd name="T82" fmla="*/ 145 w 208"/>
              <a:gd name="T83" fmla="*/ 118 h 208"/>
              <a:gd name="T84" fmla="*/ 152 w 208"/>
              <a:gd name="T85" fmla="*/ 104 h 208"/>
              <a:gd name="T86" fmla="*/ 159 w 208"/>
              <a:gd name="T87" fmla="*/ 118 h 208"/>
              <a:gd name="T88" fmla="*/ 184 w 208"/>
              <a:gd name="T89" fmla="*/ 116 h 208"/>
              <a:gd name="T90" fmla="*/ 181 w 208"/>
              <a:gd name="T91" fmla="*/ 134 h 208"/>
              <a:gd name="T92" fmla="*/ 200 w 208"/>
              <a:gd name="T93" fmla="*/ 149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08" h="208">
                <a:moveTo>
                  <a:pt x="112" y="80"/>
                </a:moveTo>
                <a:cubicBezTo>
                  <a:pt x="112" y="62"/>
                  <a:pt x="98" y="48"/>
                  <a:pt x="80" y="48"/>
                </a:cubicBezTo>
                <a:cubicBezTo>
                  <a:pt x="62" y="48"/>
                  <a:pt x="48" y="62"/>
                  <a:pt x="48" y="80"/>
                </a:cubicBezTo>
                <a:cubicBezTo>
                  <a:pt x="48" y="98"/>
                  <a:pt x="62" y="112"/>
                  <a:pt x="80" y="112"/>
                </a:cubicBezTo>
                <a:cubicBezTo>
                  <a:pt x="98" y="112"/>
                  <a:pt x="112" y="98"/>
                  <a:pt x="112" y="80"/>
                </a:cubicBezTo>
                <a:close/>
                <a:moveTo>
                  <a:pt x="80" y="104"/>
                </a:moveTo>
                <a:cubicBezTo>
                  <a:pt x="67" y="104"/>
                  <a:pt x="56" y="93"/>
                  <a:pt x="56" y="80"/>
                </a:cubicBezTo>
                <a:cubicBezTo>
                  <a:pt x="56" y="67"/>
                  <a:pt x="67" y="56"/>
                  <a:pt x="80" y="56"/>
                </a:cubicBezTo>
                <a:cubicBezTo>
                  <a:pt x="93" y="56"/>
                  <a:pt x="104" y="67"/>
                  <a:pt x="104" y="80"/>
                </a:cubicBezTo>
                <a:cubicBezTo>
                  <a:pt x="104" y="93"/>
                  <a:pt x="93" y="104"/>
                  <a:pt x="80" y="104"/>
                </a:cubicBezTo>
                <a:close/>
                <a:moveTo>
                  <a:pt x="152" y="128"/>
                </a:moveTo>
                <a:cubicBezTo>
                  <a:pt x="139" y="128"/>
                  <a:pt x="128" y="139"/>
                  <a:pt x="128" y="152"/>
                </a:cubicBezTo>
                <a:cubicBezTo>
                  <a:pt x="128" y="165"/>
                  <a:pt x="139" y="176"/>
                  <a:pt x="152" y="176"/>
                </a:cubicBezTo>
                <a:cubicBezTo>
                  <a:pt x="165" y="176"/>
                  <a:pt x="176" y="165"/>
                  <a:pt x="176" y="152"/>
                </a:cubicBezTo>
                <a:cubicBezTo>
                  <a:pt x="176" y="139"/>
                  <a:pt x="165" y="128"/>
                  <a:pt x="152" y="128"/>
                </a:cubicBezTo>
                <a:close/>
                <a:moveTo>
                  <a:pt x="152" y="168"/>
                </a:moveTo>
                <a:cubicBezTo>
                  <a:pt x="143" y="168"/>
                  <a:pt x="136" y="161"/>
                  <a:pt x="136" y="152"/>
                </a:cubicBezTo>
                <a:cubicBezTo>
                  <a:pt x="136" y="143"/>
                  <a:pt x="143" y="136"/>
                  <a:pt x="152" y="136"/>
                </a:cubicBezTo>
                <a:cubicBezTo>
                  <a:pt x="161" y="136"/>
                  <a:pt x="168" y="143"/>
                  <a:pt x="168" y="152"/>
                </a:cubicBezTo>
                <a:cubicBezTo>
                  <a:pt x="168" y="161"/>
                  <a:pt x="161" y="168"/>
                  <a:pt x="152" y="168"/>
                </a:cubicBezTo>
                <a:close/>
                <a:moveTo>
                  <a:pt x="208" y="145"/>
                </a:moveTo>
                <a:cubicBezTo>
                  <a:pt x="207" y="143"/>
                  <a:pt x="206" y="142"/>
                  <a:pt x="204" y="142"/>
                </a:cubicBezTo>
                <a:cubicBezTo>
                  <a:pt x="193" y="140"/>
                  <a:pt x="193" y="140"/>
                  <a:pt x="193" y="140"/>
                </a:cubicBezTo>
                <a:cubicBezTo>
                  <a:pt x="192" y="137"/>
                  <a:pt x="191" y="134"/>
                  <a:pt x="189" y="132"/>
                </a:cubicBezTo>
                <a:cubicBezTo>
                  <a:pt x="196" y="122"/>
                  <a:pt x="196" y="122"/>
                  <a:pt x="196" y="122"/>
                </a:cubicBezTo>
                <a:cubicBezTo>
                  <a:pt x="197" y="121"/>
                  <a:pt x="197" y="119"/>
                  <a:pt x="196" y="117"/>
                </a:cubicBezTo>
                <a:cubicBezTo>
                  <a:pt x="193" y="114"/>
                  <a:pt x="190" y="111"/>
                  <a:pt x="187" y="108"/>
                </a:cubicBezTo>
                <a:cubicBezTo>
                  <a:pt x="185" y="107"/>
                  <a:pt x="183" y="107"/>
                  <a:pt x="182" y="108"/>
                </a:cubicBezTo>
                <a:cubicBezTo>
                  <a:pt x="172" y="115"/>
                  <a:pt x="172" y="115"/>
                  <a:pt x="172" y="115"/>
                </a:cubicBezTo>
                <a:cubicBezTo>
                  <a:pt x="170" y="113"/>
                  <a:pt x="167" y="112"/>
                  <a:pt x="164" y="111"/>
                </a:cubicBezTo>
                <a:cubicBezTo>
                  <a:pt x="162" y="100"/>
                  <a:pt x="162" y="100"/>
                  <a:pt x="162" y="100"/>
                </a:cubicBezTo>
                <a:cubicBezTo>
                  <a:pt x="162" y="98"/>
                  <a:pt x="161" y="97"/>
                  <a:pt x="159" y="96"/>
                </a:cubicBezTo>
                <a:cubicBezTo>
                  <a:pt x="158" y="96"/>
                  <a:pt x="158" y="96"/>
                  <a:pt x="158" y="96"/>
                </a:cubicBezTo>
                <a:cubicBezTo>
                  <a:pt x="159" y="91"/>
                  <a:pt x="160" y="85"/>
                  <a:pt x="160" y="80"/>
                </a:cubicBezTo>
                <a:cubicBezTo>
                  <a:pt x="160" y="36"/>
                  <a:pt x="124" y="0"/>
                  <a:pt x="80" y="0"/>
                </a:cubicBezTo>
                <a:cubicBezTo>
                  <a:pt x="36" y="0"/>
                  <a:pt x="0" y="36"/>
                  <a:pt x="0" y="80"/>
                </a:cubicBezTo>
                <a:cubicBezTo>
                  <a:pt x="0" y="108"/>
                  <a:pt x="20" y="139"/>
                  <a:pt x="39" y="164"/>
                </a:cubicBezTo>
                <a:cubicBezTo>
                  <a:pt x="58" y="189"/>
                  <a:pt x="77" y="207"/>
                  <a:pt x="77" y="207"/>
                </a:cubicBezTo>
                <a:cubicBezTo>
                  <a:pt x="78" y="208"/>
                  <a:pt x="79" y="208"/>
                  <a:pt x="80" y="208"/>
                </a:cubicBezTo>
                <a:cubicBezTo>
                  <a:pt x="81" y="208"/>
                  <a:pt x="82" y="208"/>
                  <a:pt x="83" y="207"/>
                </a:cubicBezTo>
                <a:cubicBezTo>
                  <a:pt x="83" y="207"/>
                  <a:pt x="98" y="193"/>
                  <a:pt x="115" y="172"/>
                </a:cubicBezTo>
                <a:cubicBezTo>
                  <a:pt x="115" y="172"/>
                  <a:pt x="115" y="172"/>
                  <a:pt x="115" y="172"/>
                </a:cubicBezTo>
                <a:cubicBezTo>
                  <a:pt x="108" y="182"/>
                  <a:pt x="108" y="182"/>
                  <a:pt x="108" y="182"/>
                </a:cubicBezTo>
                <a:cubicBezTo>
                  <a:pt x="107" y="183"/>
                  <a:pt x="107" y="185"/>
                  <a:pt x="108" y="186"/>
                </a:cubicBezTo>
                <a:cubicBezTo>
                  <a:pt x="111" y="190"/>
                  <a:pt x="114" y="193"/>
                  <a:pt x="117" y="196"/>
                </a:cubicBezTo>
                <a:cubicBezTo>
                  <a:pt x="119" y="197"/>
                  <a:pt x="121" y="197"/>
                  <a:pt x="122" y="196"/>
                </a:cubicBezTo>
                <a:cubicBezTo>
                  <a:pt x="132" y="189"/>
                  <a:pt x="132" y="189"/>
                  <a:pt x="132" y="189"/>
                </a:cubicBezTo>
                <a:cubicBezTo>
                  <a:pt x="134" y="191"/>
                  <a:pt x="137" y="192"/>
                  <a:pt x="140" y="193"/>
                </a:cubicBezTo>
                <a:cubicBezTo>
                  <a:pt x="142" y="204"/>
                  <a:pt x="142" y="204"/>
                  <a:pt x="142" y="204"/>
                </a:cubicBezTo>
                <a:cubicBezTo>
                  <a:pt x="142" y="206"/>
                  <a:pt x="143" y="207"/>
                  <a:pt x="145" y="208"/>
                </a:cubicBezTo>
                <a:cubicBezTo>
                  <a:pt x="147" y="208"/>
                  <a:pt x="150" y="208"/>
                  <a:pt x="152" y="208"/>
                </a:cubicBezTo>
                <a:cubicBezTo>
                  <a:pt x="152" y="208"/>
                  <a:pt x="152" y="208"/>
                  <a:pt x="152" y="208"/>
                </a:cubicBezTo>
                <a:cubicBezTo>
                  <a:pt x="154" y="208"/>
                  <a:pt x="157" y="208"/>
                  <a:pt x="159" y="208"/>
                </a:cubicBezTo>
                <a:cubicBezTo>
                  <a:pt x="161" y="207"/>
                  <a:pt x="162" y="206"/>
                  <a:pt x="162" y="204"/>
                </a:cubicBezTo>
                <a:cubicBezTo>
                  <a:pt x="164" y="193"/>
                  <a:pt x="164" y="193"/>
                  <a:pt x="164" y="193"/>
                </a:cubicBezTo>
                <a:cubicBezTo>
                  <a:pt x="167" y="192"/>
                  <a:pt x="170" y="191"/>
                  <a:pt x="172" y="189"/>
                </a:cubicBezTo>
                <a:cubicBezTo>
                  <a:pt x="182" y="196"/>
                  <a:pt x="182" y="196"/>
                  <a:pt x="182" y="196"/>
                </a:cubicBezTo>
                <a:cubicBezTo>
                  <a:pt x="183" y="197"/>
                  <a:pt x="185" y="197"/>
                  <a:pt x="187" y="196"/>
                </a:cubicBezTo>
                <a:cubicBezTo>
                  <a:pt x="190" y="193"/>
                  <a:pt x="193" y="190"/>
                  <a:pt x="196" y="186"/>
                </a:cubicBezTo>
                <a:cubicBezTo>
                  <a:pt x="197" y="185"/>
                  <a:pt x="197" y="183"/>
                  <a:pt x="196" y="182"/>
                </a:cubicBezTo>
                <a:cubicBezTo>
                  <a:pt x="189" y="172"/>
                  <a:pt x="189" y="172"/>
                  <a:pt x="189" y="172"/>
                </a:cubicBezTo>
                <a:cubicBezTo>
                  <a:pt x="191" y="170"/>
                  <a:pt x="192" y="167"/>
                  <a:pt x="193" y="164"/>
                </a:cubicBezTo>
                <a:cubicBezTo>
                  <a:pt x="204" y="162"/>
                  <a:pt x="204" y="162"/>
                  <a:pt x="204" y="162"/>
                </a:cubicBezTo>
                <a:cubicBezTo>
                  <a:pt x="206" y="162"/>
                  <a:pt x="207" y="161"/>
                  <a:pt x="208" y="159"/>
                </a:cubicBezTo>
                <a:cubicBezTo>
                  <a:pt x="208" y="157"/>
                  <a:pt x="208" y="154"/>
                  <a:pt x="208" y="152"/>
                </a:cubicBezTo>
                <a:cubicBezTo>
                  <a:pt x="208" y="150"/>
                  <a:pt x="208" y="147"/>
                  <a:pt x="208" y="145"/>
                </a:cubicBezTo>
                <a:close/>
                <a:moveTo>
                  <a:pt x="88" y="190"/>
                </a:moveTo>
                <a:cubicBezTo>
                  <a:pt x="85" y="194"/>
                  <a:pt x="82" y="197"/>
                  <a:pt x="80" y="198"/>
                </a:cubicBezTo>
                <a:cubicBezTo>
                  <a:pt x="78" y="196"/>
                  <a:pt x="75" y="193"/>
                  <a:pt x="71" y="189"/>
                </a:cubicBezTo>
                <a:cubicBezTo>
                  <a:pt x="50" y="167"/>
                  <a:pt x="8" y="116"/>
                  <a:pt x="8" y="80"/>
                </a:cubicBezTo>
                <a:cubicBezTo>
                  <a:pt x="8" y="40"/>
                  <a:pt x="40" y="8"/>
                  <a:pt x="80" y="8"/>
                </a:cubicBezTo>
                <a:cubicBezTo>
                  <a:pt x="120" y="8"/>
                  <a:pt x="152" y="40"/>
                  <a:pt x="152" y="80"/>
                </a:cubicBezTo>
                <a:cubicBezTo>
                  <a:pt x="152" y="85"/>
                  <a:pt x="151" y="90"/>
                  <a:pt x="150" y="96"/>
                </a:cubicBezTo>
                <a:cubicBezTo>
                  <a:pt x="148" y="96"/>
                  <a:pt x="147" y="96"/>
                  <a:pt x="145" y="96"/>
                </a:cubicBezTo>
                <a:cubicBezTo>
                  <a:pt x="143" y="97"/>
                  <a:pt x="142" y="98"/>
                  <a:pt x="142" y="100"/>
                </a:cubicBezTo>
                <a:cubicBezTo>
                  <a:pt x="140" y="111"/>
                  <a:pt x="140" y="111"/>
                  <a:pt x="140" y="111"/>
                </a:cubicBezTo>
                <a:cubicBezTo>
                  <a:pt x="137" y="112"/>
                  <a:pt x="134" y="113"/>
                  <a:pt x="132" y="115"/>
                </a:cubicBezTo>
                <a:cubicBezTo>
                  <a:pt x="122" y="108"/>
                  <a:pt x="122" y="108"/>
                  <a:pt x="122" y="108"/>
                </a:cubicBezTo>
                <a:cubicBezTo>
                  <a:pt x="121" y="107"/>
                  <a:pt x="119" y="107"/>
                  <a:pt x="117" y="108"/>
                </a:cubicBezTo>
                <a:cubicBezTo>
                  <a:pt x="114" y="111"/>
                  <a:pt x="111" y="114"/>
                  <a:pt x="108" y="117"/>
                </a:cubicBezTo>
                <a:cubicBezTo>
                  <a:pt x="107" y="119"/>
                  <a:pt x="107" y="121"/>
                  <a:pt x="108" y="122"/>
                </a:cubicBezTo>
                <a:cubicBezTo>
                  <a:pt x="115" y="132"/>
                  <a:pt x="115" y="132"/>
                  <a:pt x="115" y="132"/>
                </a:cubicBezTo>
                <a:cubicBezTo>
                  <a:pt x="113" y="134"/>
                  <a:pt x="112" y="137"/>
                  <a:pt x="111" y="140"/>
                </a:cubicBezTo>
                <a:cubicBezTo>
                  <a:pt x="100" y="142"/>
                  <a:pt x="100" y="142"/>
                  <a:pt x="100" y="142"/>
                </a:cubicBezTo>
                <a:cubicBezTo>
                  <a:pt x="98" y="142"/>
                  <a:pt x="97" y="143"/>
                  <a:pt x="96" y="145"/>
                </a:cubicBezTo>
                <a:cubicBezTo>
                  <a:pt x="96" y="147"/>
                  <a:pt x="96" y="150"/>
                  <a:pt x="96" y="152"/>
                </a:cubicBezTo>
                <a:cubicBezTo>
                  <a:pt x="96" y="154"/>
                  <a:pt x="96" y="157"/>
                  <a:pt x="96" y="159"/>
                </a:cubicBezTo>
                <a:cubicBezTo>
                  <a:pt x="97" y="161"/>
                  <a:pt x="98" y="162"/>
                  <a:pt x="100" y="162"/>
                </a:cubicBezTo>
                <a:cubicBezTo>
                  <a:pt x="111" y="164"/>
                  <a:pt x="111" y="164"/>
                  <a:pt x="111" y="164"/>
                </a:cubicBezTo>
                <a:cubicBezTo>
                  <a:pt x="103" y="174"/>
                  <a:pt x="94" y="184"/>
                  <a:pt x="88" y="190"/>
                </a:cubicBezTo>
                <a:close/>
                <a:moveTo>
                  <a:pt x="200" y="155"/>
                </a:moveTo>
                <a:cubicBezTo>
                  <a:pt x="189" y="156"/>
                  <a:pt x="189" y="156"/>
                  <a:pt x="189" y="156"/>
                </a:cubicBezTo>
                <a:cubicBezTo>
                  <a:pt x="187" y="157"/>
                  <a:pt x="186" y="158"/>
                  <a:pt x="186" y="159"/>
                </a:cubicBezTo>
                <a:cubicBezTo>
                  <a:pt x="185" y="163"/>
                  <a:pt x="183" y="167"/>
                  <a:pt x="181" y="170"/>
                </a:cubicBezTo>
                <a:cubicBezTo>
                  <a:pt x="180" y="172"/>
                  <a:pt x="180" y="174"/>
                  <a:pt x="181" y="175"/>
                </a:cubicBezTo>
                <a:cubicBezTo>
                  <a:pt x="188" y="184"/>
                  <a:pt x="188" y="184"/>
                  <a:pt x="188" y="184"/>
                </a:cubicBezTo>
                <a:cubicBezTo>
                  <a:pt x="187" y="185"/>
                  <a:pt x="185" y="187"/>
                  <a:pt x="184" y="188"/>
                </a:cubicBezTo>
                <a:cubicBezTo>
                  <a:pt x="175" y="181"/>
                  <a:pt x="175" y="181"/>
                  <a:pt x="175" y="181"/>
                </a:cubicBezTo>
                <a:cubicBezTo>
                  <a:pt x="174" y="180"/>
                  <a:pt x="172" y="180"/>
                  <a:pt x="170" y="181"/>
                </a:cubicBezTo>
                <a:cubicBezTo>
                  <a:pt x="167" y="183"/>
                  <a:pt x="163" y="185"/>
                  <a:pt x="159" y="186"/>
                </a:cubicBezTo>
                <a:cubicBezTo>
                  <a:pt x="158" y="186"/>
                  <a:pt x="157" y="187"/>
                  <a:pt x="156" y="189"/>
                </a:cubicBezTo>
                <a:cubicBezTo>
                  <a:pt x="155" y="200"/>
                  <a:pt x="155" y="200"/>
                  <a:pt x="155" y="200"/>
                </a:cubicBezTo>
                <a:cubicBezTo>
                  <a:pt x="154" y="200"/>
                  <a:pt x="153" y="200"/>
                  <a:pt x="152" y="200"/>
                </a:cubicBezTo>
                <a:cubicBezTo>
                  <a:pt x="151" y="200"/>
                  <a:pt x="150" y="200"/>
                  <a:pt x="149" y="200"/>
                </a:cubicBezTo>
                <a:cubicBezTo>
                  <a:pt x="148" y="189"/>
                  <a:pt x="148" y="189"/>
                  <a:pt x="148" y="189"/>
                </a:cubicBezTo>
                <a:cubicBezTo>
                  <a:pt x="147" y="187"/>
                  <a:pt x="146" y="186"/>
                  <a:pt x="145" y="186"/>
                </a:cubicBezTo>
                <a:cubicBezTo>
                  <a:pt x="141" y="185"/>
                  <a:pt x="137" y="183"/>
                  <a:pt x="134" y="181"/>
                </a:cubicBezTo>
                <a:cubicBezTo>
                  <a:pt x="132" y="180"/>
                  <a:pt x="130" y="180"/>
                  <a:pt x="129" y="181"/>
                </a:cubicBezTo>
                <a:cubicBezTo>
                  <a:pt x="120" y="188"/>
                  <a:pt x="120" y="188"/>
                  <a:pt x="120" y="188"/>
                </a:cubicBezTo>
                <a:cubicBezTo>
                  <a:pt x="119" y="187"/>
                  <a:pt x="117" y="185"/>
                  <a:pt x="116" y="184"/>
                </a:cubicBezTo>
                <a:cubicBezTo>
                  <a:pt x="123" y="175"/>
                  <a:pt x="123" y="175"/>
                  <a:pt x="123" y="175"/>
                </a:cubicBezTo>
                <a:cubicBezTo>
                  <a:pt x="124" y="174"/>
                  <a:pt x="124" y="172"/>
                  <a:pt x="123" y="170"/>
                </a:cubicBezTo>
                <a:cubicBezTo>
                  <a:pt x="121" y="167"/>
                  <a:pt x="119" y="163"/>
                  <a:pt x="118" y="159"/>
                </a:cubicBezTo>
                <a:cubicBezTo>
                  <a:pt x="118" y="158"/>
                  <a:pt x="117" y="157"/>
                  <a:pt x="115" y="156"/>
                </a:cubicBezTo>
                <a:cubicBezTo>
                  <a:pt x="104" y="155"/>
                  <a:pt x="104" y="155"/>
                  <a:pt x="104" y="155"/>
                </a:cubicBezTo>
                <a:cubicBezTo>
                  <a:pt x="104" y="154"/>
                  <a:pt x="104" y="153"/>
                  <a:pt x="104" y="152"/>
                </a:cubicBezTo>
                <a:cubicBezTo>
                  <a:pt x="104" y="151"/>
                  <a:pt x="104" y="150"/>
                  <a:pt x="104" y="149"/>
                </a:cubicBezTo>
                <a:cubicBezTo>
                  <a:pt x="115" y="148"/>
                  <a:pt x="115" y="148"/>
                  <a:pt x="115" y="148"/>
                </a:cubicBezTo>
                <a:cubicBezTo>
                  <a:pt x="117" y="147"/>
                  <a:pt x="118" y="146"/>
                  <a:pt x="118" y="145"/>
                </a:cubicBezTo>
                <a:cubicBezTo>
                  <a:pt x="119" y="141"/>
                  <a:pt x="121" y="137"/>
                  <a:pt x="123" y="134"/>
                </a:cubicBezTo>
                <a:cubicBezTo>
                  <a:pt x="124" y="132"/>
                  <a:pt x="124" y="130"/>
                  <a:pt x="123" y="129"/>
                </a:cubicBezTo>
                <a:cubicBezTo>
                  <a:pt x="116" y="120"/>
                  <a:pt x="116" y="120"/>
                  <a:pt x="116" y="120"/>
                </a:cubicBezTo>
                <a:cubicBezTo>
                  <a:pt x="117" y="119"/>
                  <a:pt x="119" y="117"/>
                  <a:pt x="120" y="116"/>
                </a:cubicBezTo>
                <a:cubicBezTo>
                  <a:pt x="129" y="123"/>
                  <a:pt x="129" y="123"/>
                  <a:pt x="129" y="123"/>
                </a:cubicBezTo>
                <a:cubicBezTo>
                  <a:pt x="130" y="124"/>
                  <a:pt x="132" y="124"/>
                  <a:pt x="134" y="123"/>
                </a:cubicBezTo>
                <a:cubicBezTo>
                  <a:pt x="137" y="121"/>
                  <a:pt x="141" y="119"/>
                  <a:pt x="145" y="118"/>
                </a:cubicBezTo>
                <a:cubicBezTo>
                  <a:pt x="146" y="118"/>
                  <a:pt x="147" y="117"/>
                  <a:pt x="148" y="115"/>
                </a:cubicBezTo>
                <a:cubicBezTo>
                  <a:pt x="149" y="104"/>
                  <a:pt x="149" y="104"/>
                  <a:pt x="149" y="104"/>
                </a:cubicBezTo>
                <a:cubicBezTo>
                  <a:pt x="150" y="104"/>
                  <a:pt x="151" y="104"/>
                  <a:pt x="152" y="104"/>
                </a:cubicBezTo>
                <a:cubicBezTo>
                  <a:pt x="153" y="104"/>
                  <a:pt x="154" y="104"/>
                  <a:pt x="155" y="104"/>
                </a:cubicBezTo>
                <a:cubicBezTo>
                  <a:pt x="156" y="115"/>
                  <a:pt x="156" y="115"/>
                  <a:pt x="156" y="115"/>
                </a:cubicBezTo>
                <a:cubicBezTo>
                  <a:pt x="157" y="117"/>
                  <a:pt x="158" y="118"/>
                  <a:pt x="159" y="118"/>
                </a:cubicBezTo>
                <a:cubicBezTo>
                  <a:pt x="163" y="119"/>
                  <a:pt x="167" y="121"/>
                  <a:pt x="170" y="123"/>
                </a:cubicBezTo>
                <a:cubicBezTo>
                  <a:pt x="172" y="124"/>
                  <a:pt x="174" y="124"/>
                  <a:pt x="175" y="123"/>
                </a:cubicBezTo>
                <a:cubicBezTo>
                  <a:pt x="184" y="116"/>
                  <a:pt x="184" y="116"/>
                  <a:pt x="184" y="116"/>
                </a:cubicBezTo>
                <a:cubicBezTo>
                  <a:pt x="185" y="117"/>
                  <a:pt x="187" y="119"/>
                  <a:pt x="188" y="120"/>
                </a:cubicBezTo>
                <a:cubicBezTo>
                  <a:pt x="181" y="129"/>
                  <a:pt x="181" y="129"/>
                  <a:pt x="181" y="129"/>
                </a:cubicBezTo>
                <a:cubicBezTo>
                  <a:pt x="180" y="130"/>
                  <a:pt x="180" y="132"/>
                  <a:pt x="181" y="134"/>
                </a:cubicBezTo>
                <a:cubicBezTo>
                  <a:pt x="183" y="137"/>
                  <a:pt x="185" y="141"/>
                  <a:pt x="186" y="145"/>
                </a:cubicBezTo>
                <a:cubicBezTo>
                  <a:pt x="186" y="146"/>
                  <a:pt x="187" y="147"/>
                  <a:pt x="189" y="148"/>
                </a:cubicBezTo>
                <a:cubicBezTo>
                  <a:pt x="200" y="149"/>
                  <a:pt x="200" y="149"/>
                  <a:pt x="200" y="149"/>
                </a:cubicBezTo>
                <a:cubicBezTo>
                  <a:pt x="200" y="150"/>
                  <a:pt x="200" y="151"/>
                  <a:pt x="200" y="152"/>
                </a:cubicBezTo>
                <a:cubicBezTo>
                  <a:pt x="200" y="153"/>
                  <a:pt x="200" y="154"/>
                  <a:pt x="200" y="155"/>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grpSp>
        <p:nvGrpSpPr>
          <p:cNvPr id="27" name="Group 26">
            <a:extLst>
              <a:ext uri="{FF2B5EF4-FFF2-40B4-BE49-F238E27FC236}">
                <a16:creationId xmlns:a16="http://schemas.microsoft.com/office/drawing/2014/main" id="{AE84B183-C4CB-E940-4ADD-935DBBAB3DF0}"/>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28" name="Rectangle 27">
              <a:extLst>
                <a:ext uri="{FF2B5EF4-FFF2-40B4-BE49-F238E27FC236}">
                  <a16:creationId xmlns:a16="http://schemas.microsoft.com/office/drawing/2014/main" id="{DC857E92-59E3-CBC6-6481-EC2525D77256}"/>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9" name="Rectangle 28">
              <a:extLst>
                <a:ext uri="{FF2B5EF4-FFF2-40B4-BE49-F238E27FC236}">
                  <a16:creationId xmlns:a16="http://schemas.microsoft.com/office/drawing/2014/main" id="{A03907FD-10FD-245D-1B15-B5D8C115230A}"/>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62" name="TextBox 10">
            <a:extLst>
              <a:ext uri="{FF2B5EF4-FFF2-40B4-BE49-F238E27FC236}">
                <a16:creationId xmlns:a16="http://schemas.microsoft.com/office/drawing/2014/main" id="{FABB57F5-D66C-54FC-2931-F4B63B1052AC}"/>
              </a:ext>
            </a:extLst>
          </p:cNvPr>
          <p:cNvSpPr txBox="1">
            <a:spLocks/>
          </p:cNvSpPr>
          <p:nvPr/>
        </p:nvSpPr>
        <p:spPr>
          <a:xfrm>
            <a:off x="6724073" y="1827951"/>
            <a:ext cx="5006751" cy="169277"/>
          </a:xfrm>
          <a:prstGeom prst="rect">
            <a:avLst/>
          </a:prstGeom>
          <a:noFill/>
        </p:spPr>
        <p:txBody>
          <a:bodyPr wrap="square" lIns="0" tIns="0" rIns="0" bIns="0" rtlCol="0" anchor="ctr">
            <a:spAutoFit/>
          </a:bodyPr>
          <a:lstStyle/>
          <a:p>
            <a:pPr rtl="0">
              <a:defRPr/>
            </a:pPr>
            <a:r>
              <a:rPr lang="da-DK" sz="1100" b="1" noProof="0" dirty="0">
                <a:solidFill>
                  <a:srgbClr val="024D78"/>
                </a:solidFill>
              </a:rPr>
              <a:t>Illustration af </a:t>
            </a:r>
            <a:r>
              <a:rPr lang="da-DK" sz="1100" b="1" noProof="0" dirty="0" err="1">
                <a:solidFill>
                  <a:srgbClr val="024D78"/>
                </a:solidFill>
              </a:rPr>
              <a:t>Sovereignty</a:t>
            </a:r>
            <a:r>
              <a:rPr lang="da-DK" sz="1100" b="1" noProof="0" dirty="0">
                <a:solidFill>
                  <a:srgbClr val="024D78"/>
                </a:solidFill>
              </a:rPr>
              <a:t> </a:t>
            </a:r>
            <a:r>
              <a:rPr lang="da-DK" sz="1100" b="1" noProof="0" dirty="0" err="1">
                <a:solidFill>
                  <a:srgbClr val="024D78"/>
                </a:solidFill>
              </a:rPr>
              <a:t>Effectiveness</a:t>
            </a:r>
            <a:r>
              <a:rPr lang="da-DK" sz="1100" b="1" noProof="0" dirty="0">
                <a:solidFill>
                  <a:srgbClr val="024D78"/>
                </a:solidFill>
              </a:rPr>
              <a:t> Assurance Levels (SEAL)</a:t>
            </a:r>
          </a:p>
        </p:txBody>
      </p:sp>
      <p:sp>
        <p:nvSpPr>
          <p:cNvPr id="31" name="Rektangel: afrundede hjørner 43">
            <a:extLst>
              <a:ext uri="{FF2B5EF4-FFF2-40B4-BE49-F238E27FC236}">
                <a16:creationId xmlns:a16="http://schemas.microsoft.com/office/drawing/2014/main" id="{F7FB2172-96A6-B539-FC3F-40DBE9C8C30D}"/>
              </a:ext>
              <a:ext uri="{C183D7F6-B498-43B3-948B-1728B52AA6E4}">
                <adec:decorative xmlns:adec="http://schemas.microsoft.com/office/drawing/2017/decorative" val="1"/>
              </a:ext>
            </a:extLst>
          </p:cNvPr>
          <p:cNvSpPr>
            <a:spLocks/>
          </p:cNvSpPr>
          <p:nvPr/>
        </p:nvSpPr>
        <p:spPr>
          <a:xfrm>
            <a:off x="6788615" y="5473525"/>
            <a:ext cx="5006752" cy="683606"/>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Rektangel: afrundede hjørner 42">
            <a:extLst>
              <a:ext uri="{FF2B5EF4-FFF2-40B4-BE49-F238E27FC236}">
                <a16:creationId xmlns:a16="http://schemas.microsoft.com/office/drawing/2014/main" id="{8B4A317D-E74A-11F7-7859-895824383F35}"/>
              </a:ext>
              <a:ext uri="{C183D7F6-B498-43B3-948B-1728B52AA6E4}">
                <adec:decorative xmlns:adec="http://schemas.microsoft.com/office/drawing/2017/decorative" val="1"/>
              </a:ext>
            </a:extLst>
          </p:cNvPr>
          <p:cNvSpPr>
            <a:spLocks/>
          </p:cNvSpPr>
          <p:nvPr/>
        </p:nvSpPr>
        <p:spPr>
          <a:xfrm>
            <a:off x="6800042" y="4692417"/>
            <a:ext cx="5006752" cy="683606"/>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7" name="Rektangel: afrundede hjørner 41">
            <a:extLst>
              <a:ext uri="{FF2B5EF4-FFF2-40B4-BE49-F238E27FC236}">
                <a16:creationId xmlns:a16="http://schemas.microsoft.com/office/drawing/2014/main" id="{86F1FCAC-64D9-7496-B00B-D7B10DAA8362}"/>
              </a:ext>
              <a:ext uri="{C183D7F6-B498-43B3-948B-1728B52AA6E4}">
                <adec:decorative xmlns:adec="http://schemas.microsoft.com/office/drawing/2017/decorative" val="1"/>
              </a:ext>
            </a:extLst>
          </p:cNvPr>
          <p:cNvSpPr>
            <a:spLocks/>
          </p:cNvSpPr>
          <p:nvPr/>
        </p:nvSpPr>
        <p:spPr>
          <a:xfrm>
            <a:off x="6800042" y="3911308"/>
            <a:ext cx="5006752" cy="683606"/>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0" name="Rektangel: afrundede hjørner 22">
            <a:extLst>
              <a:ext uri="{FF2B5EF4-FFF2-40B4-BE49-F238E27FC236}">
                <a16:creationId xmlns:a16="http://schemas.microsoft.com/office/drawing/2014/main" id="{E0552181-96C6-0C54-825A-714140329DF0}"/>
              </a:ext>
              <a:ext uri="{C183D7F6-B498-43B3-948B-1728B52AA6E4}">
                <adec:decorative xmlns:adec="http://schemas.microsoft.com/office/drawing/2017/decorative" val="1"/>
              </a:ext>
            </a:extLst>
          </p:cNvPr>
          <p:cNvSpPr>
            <a:spLocks/>
          </p:cNvSpPr>
          <p:nvPr/>
        </p:nvSpPr>
        <p:spPr>
          <a:xfrm>
            <a:off x="6800042" y="3130199"/>
            <a:ext cx="5006752" cy="683606"/>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6" name="Rektangel: afrundede hjørner 22">
            <a:extLst>
              <a:ext uri="{FF2B5EF4-FFF2-40B4-BE49-F238E27FC236}">
                <a16:creationId xmlns:a16="http://schemas.microsoft.com/office/drawing/2014/main" id="{30DD8A5B-EA9F-14AE-D3D2-5BF76B929A70}"/>
              </a:ext>
              <a:ext uri="{C183D7F6-B498-43B3-948B-1728B52AA6E4}">
                <adec:decorative xmlns:adec="http://schemas.microsoft.com/office/drawing/2017/decorative" val="1"/>
              </a:ext>
            </a:extLst>
          </p:cNvPr>
          <p:cNvSpPr>
            <a:spLocks/>
          </p:cNvSpPr>
          <p:nvPr/>
        </p:nvSpPr>
        <p:spPr>
          <a:xfrm>
            <a:off x="6800042" y="2349090"/>
            <a:ext cx="5006752" cy="683606"/>
          </a:xfrm>
          <a:prstGeom prst="roundRect">
            <a:avLst/>
          </a:prstGeom>
          <a:solidFill>
            <a:schemeClr val="bg1"/>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5" name="Rectangle 54">
            <a:extLst>
              <a:ext uri="{FF2B5EF4-FFF2-40B4-BE49-F238E27FC236}">
                <a16:creationId xmlns:a16="http://schemas.microsoft.com/office/drawing/2014/main" id="{8A2A0BDD-42BA-2673-3E42-C84DC42AE092}"/>
              </a:ext>
            </a:extLst>
          </p:cNvPr>
          <p:cNvSpPr>
            <a:spLocks/>
          </p:cNvSpPr>
          <p:nvPr/>
        </p:nvSpPr>
        <p:spPr>
          <a:xfrm>
            <a:off x="6836453" y="2364561"/>
            <a:ext cx="695985" cy="66549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lgn="ctr"/>
            <a:r>
              <a:rPr lang="da-DK" sz="900" b="1" noProof="0">
                <a:solidFill>
                  <a:srgbClr val="EE2F66"/>
                </a:solidFill>
              </a:rPr>
              <a:t>SEAL-0</a:t>
            </a:r>
            <a:endParaRPr lang="da-DK" sz="900" noProof="0">
              <a:solidFill>
                <a:srgbClr val="EE2F66"/>
              </a:solidFill>
            </a:endParaRPr>
          </a:p>
        </p:txBody>
      </p:sp>
      <p:sp>
        <p:nvSpPr>
          <p:cNvPr id="47" name="TextBox 10">
            <a:extLst>
              <a:ext uri="{FF2B5EF4-FFF2-40B4-BE49-F238E27FC236}">
                <a16:creationId xmlns:a16="http://schemas.microsoft.com/office/drawing/2014/main" id="{5F119DD8-FC32-E9DF-7376-6AF953799215}"/>
              </a:ext>
            </a:extLst>
          </p:cNvPr>
          <p:cNvSpPr txBox="1">
            <a:spLocks/>
          </p:cNvSpPr>
          <p:nvPr/>
        </p:nvSpPr>
        <p:spPr>
          <a:xfrm>
            <a:off x="7538151" y="2489558"/>
            <a:ext cx="4268644" cy="415498"/>
          </a:xfrm>
          <a:prstGeom prst="rect">
            <a:avLst/>
          </a:prstGeom>
          <a:noFill/>
        </p:spPr>
        <p:txBody>
          <a:bodyPr wrap="square" lIns="0" tIns="0" rIns="0" bIns="0" rtlCol="0" anchor="ctr">
            <a:spAutoFit/>
          </a:bodyPr>
          <a:lstStyle/>
          <a:p>
            <a:pPr lvl="0">
              <a:defRPr/>
            </a:pPr>
            <a:r>
              <a:rPr lang="da-DK" sz="900" b="1" noProof="0"/>
              <a:t>Ingen suverænitet:</a:t>
            </a:r>
            <a:br>
              <a:rPr lang="da-DK" sz="900" noProof="0"/>
            </a:br>
            <a:r>
              <a:rPr lang="da-DK" sz="900" noProof="0"/>
              <a:t>Tjeneste, teknologi eller drift er under eksklusiv kontrol af tredjepart uden for EU og fuldt ud underlagt lovgivning uden for EU.</a:t>
            </a:r>
            <a:endParaRPr lang="da-DK" sz="900" b="1" noProof="0">
              <a:solidFill>
                <a:schemeClr val="dk1"/>
              </a:solidFill>
            </a:endParaRPr>
          </a:p>
        </p:txBody>
      </p:sp>
      <p:sp>
        <p:nvSpPr>
          <p:cNvPr id="56" name="Rectangle 55">
            <a:extLst>
              <a:ext uri="{FF2B5EF4-FFF2-40B4-BE49-F238E27FC236}">
                <a16:creationId xmlns:a16="http://schemas.microsoft.com/office/drawing/2014/main" id="{11AEA091-2466-C47D-875D-57F08A27DB90}"/>
              </a:ext>
            </a:extLst>
          </p:cNvPr>
          <p:cNvSpPr>
            <a:spLocks/>
          </p:cNvSpPr>
          <p:nvPr/>
        </p:nvSpPr>
        <p:spPr>
          <a:xfrm>
            <a:off x="6836453" y="3127555"/>
            <a:ext cx="695985" cy="68625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lgn="ctr"/>
            <a:r>
              <a:rPr lang="da-DK" sz="900" b="1" noProof="0">
                <a:solidFill>
                  <a:srgbClr val="EE2F66"/>
                </a:solidFill>
              </a:rPr>
              <a:t>SEAL-1</a:t>
            </a:r>
            <a:endParaRPr lang="da-DK" sz="900" noProof="0">
              <a:solidFill>
                <a:srgbClr val="EE2F66"/>
              </a:solidFill>
            </a:endParaRPr>
          </a:p>
        </p:txBody>
      </p:sp>
      <p:sp>
        <p:nvSpPr>
          <p:cNvPr id="41" name="TextBox 10">
            <a:extLst>
              <a:ext uri="{FF2B5EF4-FFF2-40B4-BE49-F238E27FC236}">
                <a16:creationId xmlns:a16="http://schemas.microsoft.com/office/drawing/2014/main" id="{B285A842-70B1-E892-4677-4C6C757A0482}"/>
              </a:ext>
            </a:extLst>
          </p:cNvPr>
          <p:cNvSpPr txBox="1">
            <a:spLocks/>
          </p:cNvSpPr>
          <p:nvPr/>
        </p:nvSpPr>
        <p:spPr>
          <a:xfrm>
            <a:off x="7538151" y="3262931"/>
            <a:ext cx="4268644" cy="415498"/>
          </a:xfrm>
          <a:prstGeom prst="rect">
            <a:avLst/>
          </a:prstGeom>
          <a:noFill/>
        </p:spPr>
        <p:txBody>
          <a:bodyPr wrap="square" lIns="0" tIns="0" rIns="0" bIns="0" rtlCol="0" anchor="ctr">
            <a:spAutoFit/>
          </a:bodyPr>
          <a:lstStyle/>
          <a:p>
            <a:r>
              <a:rPr lang="da-DK" sz="900" b="1" noProof="0" err="1"/>
              <a:t>Jurisdiktionel</a:t>
            </a:r>
            <a:r>
              <a:rPr lang="da-DK" sz="900" b="1" noProof="0"/>
              <a:t> suverænitet:</a:t>
            </a:r>
            <a:br>
              <a:rPr lang="da-DK" sz="900" noProof="0"/>
            </a:br>
            <a:r>
              <a:rPr lang="da-DK" sz="900" noProof="0"/>
              <a:t>EU-lovgivning gælder formelt, men med begrænset praktisk håndhævelse: tjeneste, teknologi eller drift er under eksklusiv kontrol af tredjepart uden for EU.</a:t>
            </a:r>
          </a:p>
        </p:txBody>
      </p:sp>
      <p:sp>
        <p:nvSpPr>
          <p:cNvPr id="57" name="Rectangle 56">
            <a:extLst>
              <a:ext uri="{FF2B5EF4-FFF2-40B4-BE49-F238E27FC236}">
                <a16:creationId xmlns:a16="http://schemas.microsoft.com/office/drawing/2014/main" id="{4672536B-9FAC-7299-BA73-F213E2ACEBE7}"/>
              </a:ext>
            </a:extLst>
          </p:cNvPr>
          <p:cNvSpPr/>
          <p:nvPr/>
        </p:nvSpPr>
        <p:spPr>
          <a:xfrm>
            <a:off x="6836453" y="3923902"/>
            <a:ext cx="695985" cy="671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lgn="ctr"/>
            <a:r>
              <a:rPr lang="da-DK" sz="900" b="1" noProof="0">
                <a:solidFill>
                  <a:srgbClr val="EE2F66"/>
                </a:solidFill>
              </a:rPr>
              <a:t>SEAL-2</a:t>
            </a:r>
            <a:endParaRPr lang="da-DK" sz="900" noProof="0">
              <a:solidFill>
                <a:srgbClr val="EE2F66"/>
              </a:solidFill>
            </a:endParaRPr>
          </a:p>
        </p:txBody>
      </p:sp>
      <p:sp>
        <p:nvSpPr>
          <p:cNvPr id="38" name="TextBox 10">
            <a:extLst>
              <a:ext uri="{FF2B5EF4-FFF2-40B4-BE49-F238E27FC236}">
                <a16:creationId xmlns:a16="http://schemas.microsoft.com/office/drawing/2014/main" id="{A988749E-048C-5232-88FB-C70DA5002AC9}"/>
              </a:ext>
            </a:extLst>
          </p:cNvPr>
          <p:cNvSpPr txBox="1">
            <a:spLocks/>
          </p:cNvSpPr>
          <p:nvPr/>
        </p:nvSpPr>
        <p:spPr>
          <a:xfrm>
            <a:off x="7538151" y="3981349"/>
            <a:ext cx="4268644" cy="553998"/>
          </a:xfrm>
          <a:prstGeom prst="rect">
            <a:avLst/>
          </a:prstGeom>
          <a:noFill/>
        </p:spPr>
        <p:txBody>
          <a:bodyPr wrap="square" lIns="0" tIns="0" rIns="0" bIns="0" rtlCol="0" anchor="ctr">
            <a:spAutoFit/>
          </a:bodyPr>
          <a:lstStyle/>
          <a:p>
            <a:r>
              <a:rPr lang="da-DK" sz="900" b="1" noProof="0"/>
              <a:t>Datasuverænitet:</a:t>
            </a:r>
            <a:br>
              <a:rPr lang="da-DK" sz="900" noProof="0"/>
            </a:br>
            <a:r>
              <a:rPr lang="da-DK" sz="900" noProof="0"/>
              <a:t>EU-lovgivning gælder og kan håndhæves, men der er væsentlige afhængigheder af ikke-EU-aktører</a:t>
            </a:r>
            <a:r>
              <a:rPr lang="da-DK" sz="900" noProof="0" dirty="0"/>
              <a:t>: </a:t>
            </a:r>
            <a:r>
              <a:rPr lang="da-DK" sz="900" noProof="0"/>
              <a:t>tjeneste, teknologi eller drift er under indirekte kontrol af tredjepart uden for EU.</a:t>
            </a:r>
          </a:p>
        </p:txBody>
      </p:sp>
      <p:sp>
        <p:nvSpPr>
          <p:cNvPr id="58" name="Rectangle 57">
            <a:extLst>
              <a:ext uri="{FF2B5EF4-FFF2-40B4-BE49-F238E27FC236}">
                <a16:creationId xmlns:a16="http://schemas.microsoft.com/office/drawing/2014/main" id="{E71F47C5-59A3-D38D-7ABA-851D582F7283}"/>
              </a:ext>
            </a:extLst>
          </p:cNvPr>
          <p:cNvSpPr/>
          <p:nvPr/>
        </p:nvSpPr>
        <p:spPr>
          <a:xfrm>
            <a:off x="6836453" y="4689773"/>
            <a:ext cx="695985" cy="67346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lgn="ctr"/>
            <a:r>
              <a:rPr lang="da-DK" sz="900" b="1" noProof="0">
                <a:solidFill>
                  <a:srgbClr val="EE2F66"/>
                </a:solidFill>
              </a:rPr>
              <a:t>SEAL-3</a:t>
            </a:r>
            <a:endParaRPr lang="da-DK" sz="900" noProof="0">
              <a:solidFill>
                <a:srgbClr val="EE2F66"/>
              </a:solidFill>
            </a:endParaRPr>
          </a:p>
        </p:txBody>
      </p:sp>
      <p:sp>
        <p:nvSpPr>
          <p:cNvPr id="35" name="TextBox 10">
            <a:extLst>
              <a:ext uri="{FF2B5EF4-FFF2-40B4-BE49-F238E27FC236}">
                <a16:creationId xmlns:a16="http://schemas.microsoft.com/office/drawing/2014/main" id="{AD1F1BAC-4047-BDB2-DA3D-982360AD1543}"/>
              </a:ext>
            </a:extLst>
          </p:cNvPr>
          <p:cNvSpPr txBox="1">
            <a:spLocks/>
          </p:cNvSpPr>
          <p:nvPr/>
        </p:nvSpPr>
        <p:spPr>
          <a:xfrm>
            <a:off x="7538151" y="4749562"/>
            <a:ext cx="4268644" cy="553998"/>
          </a:xfrm>
          <a:prstGeom prst="rect">
            <a:avLst/>
          </a:prstGeom>
          <a:noFill/>
        </p:spPr>
        <p:txBody>
          <a:bodyPr wrap="square" lIns="0" tIns="0" rIns="0" bIns="0" rtlCol="0" anchor="ctr">
            <a:spAutoFit/>
          </a:bodyPr>
          <a:lstStyle/>
          <a:p>
            <a:r>
              <a:rPr lang="da-DK" sz="900" b="1" noProof="0"/>
              <a:t>Digital robusthed:</a:t>
            </a:r>
            <a:br>
              <a:rPr lang="da-DK" sz="900" noProof="0"/>
            </a:br>
            <a:r>
              <a:rPr lang="da-DK" sz="900" noProof="0"/>
              <a:t>EU-lovgivning gælder og kan håndhæves, EU-aktører udøver betydelig, men ikke fuld indflydelse: tjeneste, teknologi eller drift er under marginal kontrol af tredjepart uden for EU.</a:t>
            </a:r>
          </a:p>
        </p:txBody>
      </p:sp>
      <p:sp>
        <p:nvSpPr>
          <p:cNvPr id="59" name="Rectangle 58">
            <a:extLst>
              <a:ext uri="{FF2B5EF4-FFF2-40B4-BE49-F238E27FC236}">
                <a16:creationId xmlns:a16="http://schemas.microsoft.com/office/drawing/2014/main" id="{3091815A-CEFC-51FD-C299-1C11CFC324F8}"/>
              </a:ext>
            </a:extLst>
          </p:cNvPr>
          <p:cNvSpPr>
            <a:spLocks/>
          </p:cNvSpPr>
          <p:nvPr/>
        </p:nvSpPr>
        <p:spPr>
          <a:xfrm>
            <a:off x="6836453" y="5470882"/>
            <a:ext cx="695985" cy="6862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lgn="ctr"/>
            <a:r>
              <a:rPr lang="da-DK" sz="900" b="1" noProof="0">
                <a:solidFill>
                  <a:srgbClr val="EE2F66"/>
                </a:solidFill>
              </a:rPr>
              <a:t>SEAL-4</a:t>
            </a:r>
            <a:endParaRPr lang="da-DK" sz="900" noProof="0">
              <a:solidFill>
                <a:srgbClr val="EE2F66"/>
              </a:solidFill>
            </a:endParaRPr>
          </a:p>
        </p:txBody>
      </p:sp>
      <p:sp>
        <p:nvSpPr>
          <p:cNvPr id="32" name="TextBox 10">
            <a:extLst>
              <a:ext uri="{FF2B5EF4-FFF2-40B4-BE49-F238E27FC236}">
                <a16:creationId xmlns:a16="http://schemas.microsoft.com/office/drawing/2014/main" id="{D4DA7660-38A1-A711-D379-07DBC8896268}"/>
              </a:ext>
            </a:extLst>
          </p:cNvPr>
          <p:cNvSpPr txBox="1">
            <a:spLocks/>
          </p:cNvSpPr>
          <p:nvPr/>
        </p:nvSpPr>
        <p:spPr>
          <a:xfrm>
            <a:off x="7526724" y="5606257"/>
            <a:ext cx="4268644" cy="415498"/>
          </a:xfrm>
          <a:prstGeom prst="rect">
            <a:avLst/>
          </a:prstGeom>
          <a:noFill/>
        </p:spPr>
        <p:txBody>
          <a:bodyPr wrap="square" lIns="0" tIns="0" rIns="0" bIns="0" rtlCol="0" anchor="ctr">
            <a:spAutoFit/>
          </a:bodyPr>
          <a:lstStyle/>
          <a:p>
            <a:r>
              <a:rPr lang="da-DK" sz="900" b="1" noProof="0"/>
              <a:t>Fuld digital suverænitet:</a:t>
            </a:r>
            <a:br>
              <a:rPr lang="da-DK" sz="900" noProof="0"/>
            </a:br>
            <a:r>
              <a:rPr lang="da-DK" sz="900" noProof="0"/>
              <a:t>Teknologi og drift er under fuld EU-kontrol, udelukkende underlagt EU-lovgivning, uden kritiske afhængigheder af ikke-EU-aktører.</a:t>
            </a:r>
          </a:p>
        </p:txBody>
      </p:sp>
      <p:sp>
        <p:nvSpPr>
          <p:cNvPr id="13" name="Content Placeholder 5">
            <a:extLst>
              <a:ext uri="{FF2B5EF4-FFF2-40B4-BE49-F238E27FC236}">
                <a16:creationId xmlns:a16="http://schemas.microsoft.com/office/drawing/2014/main" id="{EB3AE03D-AC15-491B-8A47-660562F40729}"/>
              </a:ext>
            </a:extLst>
          </p:cNvPr>
          <p:cNvSpPr txBox="1">
            <a:spLocks/>
          </p:cNvSpPr>
          <p:nvPr/>
        </p:nvSpPr>
        <p:spPr>
          <a:xfrm>
            <a:off x="546369" y="6465898"/>
            <a:ext cx="11456822" cy="21705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a:solidFill>
                  <a:schemeClr val="tx1"/>
                </a:solidFill>
              </a:rPr>
              <a:t>*Ved gennemførelsen af EU-udbud kan myndigheden selv fastlægge evalueringskriterier, imens der i mange SKI-aftaler anvendes faste modeller for evaluering af pris og kvalitet med langt større vægt af pris. </a:t>
            </a:r>
          </a:p>
        </p:txBody>
      </p:sp>
    </p:spTree>
    <p:extLst>
      <p:ext uri="{BB962C8B-B14F-4D97-AF65-F5344CB8AC3E}">
        <p14:creationId xmlns:p14="http://schemas.microsoft.com/office/powerpoint/2010/main" val="3568375464"/>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9D33A1-1199-5840-FCB8-BB6F5911C3B5}"/>
            </a:ext>
          </a:extLst>
        </p:cNvPr>
        <p:cNvGrpSpPr/>
        <p:nvPr/>
      </p:nvGrpSpPr>
      <p:grpSpPr>
        <a:xfrm>
          <a:off x="0" y="0"/>
          <a:ext cx="0" cy="0"/>
          <a:chOff x="0" y="0"/>
          <a:chExt cx="0" cy="0"/>
        </a:xfrm>
      </p:grpSpPr>
      <p:sp>
        <p:nvSpPr>
          <p:cNvPr id="20" name="Rectangle: Rounded Corners 19">
            <a:extLst>
              <a:ext uri="{FF2B5EF4-FFF2-40B4-BE49-F238E27FC236}">
                <a16:creationId xmlns:a16="http://schemas.microsoft.com/office/drawing/2014/main" id="{C04A7D05-D999-DDAD-2F84-20C1ABE3F36D}"/>
              </a:ext>
            </a:extLst>
          </p:cNvPr>
          <p:cNvSpPr/>
          <p:nvPr/>
        </p:nvSpPr>
        <p:spPr>
          <a:xfrm>
            <a:off x="169304" y="11734"/>
            <a:ext cx="6554769"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600" b="1" noProof="0" dirty="0">
                <a:solidFill>
                  <a:srgbClr val="36465A"/>
                </a:solidFill>
              </a:rPr>
              <a:t>Case 02 | Indkøb af digitalt suveræne clouds i EU-Kommissionen</a:t>
            </a:r>
          </a:p>
        </p:txBody>
      </p:sp>
      <p:sp>
        <p:nvSpPr>
          <p:cNvPr id="2" name="Title 1">
            <a:extLst>
              <a:ext uri="{FF2B5EF4-FFF2-40B4-BE49-F238E27FC236}">
                <a16:creationId xmlns:a16="http://schemas.microsoft.com/office/drawing/2014/main" id="{32FFEB23-01D8-9EF1-125B-145E4164C064}"/>
              </a:ext>
            </a:extLst>
          </p:cNvPr>
          <p:cNvSpPr>
            <a:spLocks noGrp="1"/>
          </p:cNvSpPr>
          <p:nvPr>
            <p:ph type="title"/>
          </p:nvPr>
        </p:nvSpPr>
        <p:spPr/>
        <p:txBody>
          <a:bodyPr/>
          <a:lstStyle/>
          <a:p>
            <a:r>
              <a:rPr lang="da-DK" sz="2200" noProof="0" dirty="0"/>
              <a:t>Side 3/3 | </a:t>
            </a:r>
            <a:r>
              <a:rPr lang="da-DK" sz="2200" b="1" noProof="0" dirty="0"/>
              <a:t>Teknologisk og organisatorisk transformation</a:t>
            </a:r>
            <a:endParaRPr lang="da-DK" sz="2200" i="1" noProof="0" dirty="0"/>
          </a:p>
        </p:txBody>
      </p:sp>
      <p:pic>
        <p:nvPicPr>
          <p:cNvPr id="177" name="Picture 2">
            <a:extLst>
              <a:ext uri="{FF2B5EF4-FFF2-40B4-BE49-F238E27FC236}">
                <a16:creationId xmlns:a16="http://schemas.microsoft.com/office/drawing/2014/main" id="{B0E8CCC4-62BC-CEA6-D205-57B53A08FDA8}"/>
              </a:ext>
              <a:ext uri="{C183D7F6-B498-43B3-948B-1728B52AA6E4}">
                <adec:decorative xmlns:adec="http://schemas.microsoft.com/office/drawing/2017/decorative" val="1"/>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097322" y="212272"/>
            <a:ext cx="1925141" cy="1006574"/>
          </a:xfrm>
          <a:prstGeom prst="rect">
            <a:avLst/>
          </a:prstGeom>
          <a:noFill/>
          <a:extLst>
            <a:ext uri="{909E8E84-426E-40DD-AFC4-6F175D3DCCD1}">
              <a14:hiddenFill xmlns:a14="http://schemas.microsoft.com/office/drawing/2010/main">
                <a:solidFill>
                  <a:srgbClr val="FFFFFF"/>
                </a:solidFill>
              </a14:hiddenFill>
            </a:ext>
          </a:extLst>
        </p:spPr>
      </p:pic>
      <p:sp>
        <p:nvSpPr>
          <p:cNvPr id="10" name="Rectangle: Rounded Corners 9">
            <a:extLst>
              <a:ext uri="{FF2B5EF4-FFF2-40B4-BE49-F238E27FC236}">
                <a16:creationId xmlns:a16="http://schemas.microsoft.com/office/drawing/2014/main" id="{0670613D-2295-3E54-D2E8-3F4E0A94968C}"/>
              </a:ext>
            </a:extLst>
          </p:cNvPr>
          <p:cNvSpPr>
            <a:spLocks/>
          </p:cNvSpPr>
          <p:nvPr/>
        </p:nvSpPr>
        <p:spPr>
          <a:xfrm>
            <a:off x="909688" y="1675906"/>
            <a:ext cx="2383872"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Teknologisk transformation</a:t>
            </a:r>
          </a:p>
        </p:txBody>
      </p:sp>
      <p:sp>
        <p:nvSpPr>
          <p:cNvPr id="3" name="Rectangle 2">
            <a:extLst>
              <a:ext uri="{FF2B5EF4-FFF2-40B4-BE49-F238E27FC236}">
                <a16:creationId xmlns:a16="http://schemas.microsoft.com/office/drawing/2014/main" id="{79C605DC-E634-6684-230F-761EAFF5CF11}"/>
              </a:ext>
            </a:extLst>
          </p:cNvPr>
          <p:cNvSpPr/>
          <p:nvPr/>
        </p:nvSpPr>
        <p:spPr>
          <a:xfrm>
            <a:off x="560498" y="2069025"/>
            <a:ext cx="2940490" cy="435104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pPr>
              <a:spcAft>
                <a:spcPts val="350"/>
              </a:spcAft>
            </a:pPr>
            <a:r>
              <a:rPr lang="da-DK" sz="900" b="1" noProof="0">
                <a:solidFill>
                  <a:srgbClr val="36465A"/>
                </a:solidFill>
              </a:rPr>
              <a:t>Teknologisk målbillede</a:t>
            </a:r>
            <a:br>
              <a:rPr lang="da-DK" sz="900" b="1" noProof="0">
                <a:solidFill>
                  <a:srgbClr val="36465A"/>
                </a:solidFill>
              </a:rPr>
            </a:br>
            <a:r>
              <a:rPr lang="da-DK" sz="900" noProof="0">
                <a:solidFill>
                  <a:schemeClr val="tx1"/>
                </a:solidFill>
              </a:rPr>
              <a:t>Udbuddet omhandler to overordnede typer af cloud-services:</a:t>
            </a:r>
          </a:p>
          <a:p>
            <a:pPr marL="171450" indent="-171450" defTabSz="914400" eaLnBrk="0" fontAlgn="base" hangingPunct="0">
              <a:spcBef>
                <a:spcPct val="0"/>
              </a:spcBef>
              <a:spcAft>
                <a:spcPct val="0"/>
              </a:spcAft>
              <a:buFont typeface="Arial" panose="020B0604020202020204" pitchFamily="34" charset="0"/>
              <a:buChar char="•"/>
            </a:pPr>
            <a:r>
              <a:rPr lang="da-DK" sz="900" b="1" noProof="0" err="1">
                <a:solidFill>
                  <a:schemeClr val="tx1"/>
                </a:solidFill>
              </a:rPr>
              <a:t>Infrastructure</a:t>
            </a:r>
            <a:r>
              <a:rPr lang="da-DK" sz="900" b="1" noProof="0">
                <a:solidFill>
                  <a:schemeClr val="tx1"/>
                </a:solidFill>
              </a:rPr>
              <a:t>-</a:t>
            </a:r>
            <a:r>
              <a:rPr lang="da-DK" sz="900" b="1" noProof="0" dirty="0">
                <a:solidFill>
                  <a:schemeClr val="tx1"/>
                </a:solidFill>
              </a:rPr>
              <a:t>as-a-service</a:t>
            </a:r>
            <a:r>
              <a:rPr lang="da-DK" sz="900" b="1" noProof="0">
                <a:solidFill>
                  <a:schemeClr val="tx1"/>
                </a:solidFill>
              </a:rPr>
              <a:t> (IaaS) </a:t>
            </a:r>
            <a:r>
              <a:rPr lang="da-DK" sz="900" noProof="0">
                <a:solidFill>
                  <a:schemeClr val="tx1"/>
                </a:solidFill>
              </a:rPr>
              <a:t>omfatter r</a:t>
            </a:r>
            <a:r>
              <a:rPr lang="da-DK" sz="900" noProof="0">
                <a:solidFill>
                  <a:schemeClr val="tx1"/>
                </a:solidFill>
                <a:latin typeface="Arial" panose="020B0604020202020204" pitchFamily="34" charset="0"/>
              </a:rPr>
              <a:t>å infrastruktur med virtuelle maskiner, </a:t>
            </a:r>
            <a:r>
              <a:rPr lang="da-DK" sz="900" noProof="0" err="1">
                <a:solidFill>
                  <a:schemeClr val="tx1"/>
                </a:solidFill>
                <a:latin typeface="Arial" panose="020B0604020202020204" pitchFamily="34" charset="0"/>
              </a:rPr>
              <a:t>storage</a:t>
            </a:r>
            <a:r>
              <a:rPr lang="da-DK" sz="900" noProof="0">
                <a:solidFill>
                  <a:schemeClr val="tx1"/>
                </a:solidFill>
                <a:latin typeface="Arial" panose="020B0604020202020204" pitchFamily="34" charset="0"/>
              </a:rPr>
              <a:t> og netværk. </a:t>
            </a:r>
            <a:r>
              <a:rPr lang="da-DK" sz="900" noProof="0">
                <a:solidFill>
                  <a:schemeClr val="tx1"/>
                </a:solidFill>
              </a:rPr>
              <a:t>Kommissionens institutioner kan fx bruge IaaS til </a:t>
            </a:r>
            <a:r>
              <a:rPr lang="da-DK" sz="900" noProof="0">
                <a:solidFill>
                  <a:schemeClr val="tx1"/>
                </a:solidFill>
                <a:latin typeface="Arial" panose="020B0604020202020204" pitchFamily="34" charset="0"/>
              </a:rPr>
              <a:t>at hoste webløsninger og enterprise-løsninger, </a:t>
            </a:r>
            <a:r>
              <a:rPr lang="da-DK" sz="900" noProof="0" err="1">
                <a:solidFill>
                  <a:schemeClr val="tx1"/>
                </a:solidFill>
                <a:latin typeface="Arial" panose="020B0604020202020204" pitchFamily="34" charset="0"/>
              </a:rPr>
              <a:t>back-up</a:t>
            </a:r>
            <a:r>
              <a:rPr lang="da-DK" sz="900" noProof="0">
                <a:solidFill>
                  <a:schemeClr val="tx1"/>
                </a:solidFill>
                <a:latin typeface="Arial" panose="020B0604020202020204" pitchFamily="34" charset="0"/>
              </a:rPr>
              <a:t> og understøtte komplekse og datakrævende opgaver, som kræver fleksibilitet, elasticitet og skalerbarhed.</a:t>
            </a:r>
          </a:p>
          <a:p>
            <a:pPr marL="171450" indent="-171450" defTabSz="914400" eaLnBrk="0" fontAlgn="base" hangingPunct="0">
              <a:spcBef>
                <a:spcPct val="0"/>
              </a:spcBef>
              <a:spcAft>
                <a:spcPct val="0"/>
              </a:spcAft>
              <a:buFont typeface="Arial" panose="020B0604020202020204" pitchFamily="34" charset="0"/>
              <a:buChar char="•"/>
            </a:pPr>
            <a:r>
              <a:rPr lang="da-DK" sz="900" b="1" noProof="0">
                <a:solidFill>
                  <a:schemeClr val="tx1"/>
                </a:solidFill>
              </a:rPr>
              <a:t>Platform-as</a:t>
            </a:r>
            <a:r>
              <a:rPr lang="da-DK" sz="900" b="1" noProof="0" dirty="0">
                <a:solidFill>
                  <a:schemeClr val="tx1"/>
                </a:solidFill>
              </a:rPr>
              <a:t>-a-service</a:t>
            </a:r>
            <a:r>
              <a:rPr lang="da-DK" sz="900" b="1" noProof="0">
                <a:solidFill>
                  <a:schemeClr val="tx1"/>
                </a:solidFill>
              </a:rPr>
              <a:t> (PaaS) </a:t>
            </a:r>
            <a:r>
              <a:rPr lang="da-DK" sz="900" noProof="0">
                <a:solidFill>
                  <a:schemeClr val="tx1"/>
                </a:solidFill>
              </a:rPr>
              <a:t>omfatter</a:t>
            </a:r>
            <a:r>
              <a:rPr lang="da-DK" sz="900" noProof="0">
                <a:solidFill>
                  <a:schemeClr val="tx1"/>
                </a:solidFill>
                <a:latin typeface="Arial" panose="020B0604020202020204" pitchFamily="34" charset="0"/>
              </a:rPr>
              <a:t> brugen af en færdig platform med </a:t>
            </a:r>
            <a:r>
              <a:rPr lang="da-DK" sz="900" noProof="0" err="1">
                <a:solidFill>
                  <a:schemeClr val="tx1"/>
                </a:solidFill>
                <a:latin typeface="Arial" panose="020B0604020202020204" pitchFamily="34" charset="0"/>
              </a:rPr>
              <a:t>runtime</a:t>
            </a:r>
            <a:r>
              <a:rPr lang="da-DK" sz="900" noProof="0">
                <a:solidFill>
                  <a:schemeClr val="tx1"/>
                </a:solidFill>
                <a:latin typeface="Arial" panose="020B0604020202020204" pitchFamily="34" charset="0"/>
              </a:rPr>
              <a:t>, OS, databaser mv. </a:t>
            </a:r>
            <a:r>
              <a:rPr lang="da-DK" sz="900" noProof="0">
                <a:solidFill>
                  <a:schemeClr val="tx1"/>
                </a:solidFill>
              </a:rPr>
              <a:t>Kommissionens institutioner kan bl.a. bruge PaaS til direkte </a:t>
            </a:r>
            <a:r>
              <a:rPr lang="da-DK" sz="900" noProof="0">
                <a:solidFill>
                  <a:schemeClr val="tx1"/>
                </a:solidFill>
                <a:latin typeface="Arial" panose="020B0604020202020204" pitchFamily="34" charset="0"/>
              </a:rPr>
              <a:t>at udvikle og </a:t>
            </a:r>
            <a:r>
              <a:rPr lang="da-DK" sz="900" noProof="0" err="1">
                <a:solidFill>
                  <a:schemeClr val="tx1"/>
                </a:solidFill>
                <a:latin typeface="Arial" panose="020B0604020202020204" pitchFamily="34" charset="0"/>
              </a:rPr>
              <a:t>deploye</a:t>
            </a:r>
            <a:r>
              <a:rPr lang="da-DK" sz="900" noProof="0">
                <a:solidFill>
                  <a:schemeClr val="tx1"/>
                </a:solidFill>
                <a:latin typeface="Arial" panose="020B0604020202020204" pitchFamily="34" charset="0"/>
              </a:rPr>
              <a:t> apps, AI-løsninger, automatiseringsløsninger mv. </a:t>
            </a:r>
          </a:p>
          <a:p>
            <a:pPr lvl="0" defTabSz="914400" eaLnBrk="0" fontAlgn="base" hangingPunct="0">
              <a:spcBef>
                <a:spcPct val="0"/>
              </a:spcBef>
              <a:spcAft>
                <a:spcPct val="0"/>
              </a:spcAft>
            </a:pPr>
            <a:r>
              <a:rPr lang="da-DK" sz="900" noProof="0">
                <a:solidFill>
                  <a:schemeClr val="tx1"/>
                </a:solidFill>
              </a:rPr>
              <a:t> </a:t>
            </a:r>
            <a:endParaRPr lang="da-DK" sz="900" b="1" noProof="0">
              <a:solidFill>
                <a:schemeClr val="tx1"/>
              </a:solidFill>
            </a:endParaRPr>
          </a:p>
          <a:p>
            <a:pPr>
              <a:spcAft>
                <a:spcPts val="350"/>
              </a:spcAft>
            </a:pPr>
            <a:r>
              <a:rPr lang="da-DK" sz="900" b="1" noProof="0">
                <a:solidFill>
                  <a:srgbClr val="36465A"/>
                </a:solidFill>
              </a:rPr>
              <a:t>Udskiftning af teknologier</a:t>
            </a:r>
            <a:br>
              <a:rPr lang="da-DK" sz="900" b="1" noProof="0">
                <a:solidFill>
                  <a:srgbClr val="36465A"/>
                </a:solidFill>
              </a:rPr>
            </a:br>
            <a:r>
              <a:rPr lang="da-DK" sz="900" noProof="0">
                <a:solidFill>
                  <a:schemeClr val="tx1"/>
                </a:solidFill>
              </a:rPr>
              <a:t>Transformationen kræver:</a:t>
            </a:r>
          </a:p>
          <a:p>
            <a:pPr marL="171450" indent="-171450" defTabSz="914400" eaLnBrk="0" fontAlgn="base" hangingPunct="0">
              <a:spcBef>
                <a:spcPct val="0"/>
              </a:spcBef>
              <a:spcAft>
                <a:spcPct val="0"/>
              </a:spcAft>
              <a:buFont typeface="Arial" panose="020B0604020202020204" pitchFamily="34" charset="0"/>
              <a:buChar char="•"/>
            </a:pPr>
            <a:r>
              <a:rPr lang="da-DK" sz="900" noProof="0" dirty="0">
                <a:solidFill>
                  <a:schemeClr val="tx1"/>
                </a:solidFill>
              </a:rPr>
              <a:t>Omlægning af fysisk hardware med virtuelle ressourcer og evt. udfasning af eksisterende in-house udviklingsplatforme.</a:t>
            </a:r>
          </a:p>
          <a:p>
            <a:pPr marL="171450" indent="-171450" defTabSz="914400" eaLnBrk="0" fontAlgn="base" hangingPunct="0">
              <a:spcBef>
                <a:spcPct val="0"/>
              </a:spcBef>
              <a:spcAft>
                <a:spcPct val="0"/>
              </a:spcAft>
              <a:buFont typeface="Arial" panose="020B0604020202020204" pitchFamily="34" charset="0"/>
              <a:buChar char="•"/>
            </a:pPr>
            <a:r>
              <a:rPr lang="da-DK" sz="900" noProof="0" dirty="0">
                <a:solidFill>
                  <a:schemeClr val="tx1"/>
                </a:solidFill>
              </a:rPr>
              <a:t>Ved migreringen til cloud-services vil Kommissionens institutioner typisk skulle flytte applikationer samt foretage integrationer og teknisk tilpasning samt migrering af kode og data.</a:t>
            </a:r>
          </a:p>
          <a:p>
            <a:endParaRPr lang="da-DK" sz="900" noProof="0">
              <a:solidFill>
                <a:srgbClr val="00172D"/>
              </a:solidFill>
              <a:highlight>
                <a:srgbClr val="FFFF00"/>
              </a:highlight>
            </a:endParaRPr>
          </a:p>
        </p:txBody>
      </p:sp>
      <p:sp>
        <p:nvSpPr>
          <p:cNvPr id="11" name="Rectangle: Rounded Corners 10">
            <a:extLst>
              <a:ext uri="{FF2B5EF4-FFF2-40B4-BE49-F238E27FC236}">
                <a16:creationId xmlns:a16="http://schemas.microsoft.com/office/drawing/2014/main" id="{0F177CD3-7F0E-CEE9-79B8-60CBCADF86C9}"/>
              </a:ext>
            </a:extLst>
          </p:cNvPr>
          <p:cNvSpPr>
            <a:spLocks/>
          </p:cNvSpPr>
          <p:nvPr/>
        </p:nvSpPr>
        <p:spPr>
          <a:xfrm>
            <a:off x="3942273" y="1675906"/>
            <a:ext cx="2483635" cy="396000"/>
          </a:xfrm>
          <a:prstGeom prst="roundRect">
            <a:avLst>
              <a:gd name="adj" fmla="val 5683"/>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36465A"/>
                </a:solidFill>
              </a:rPr>
              <a:t>Organisatorisk transformation</a:t>
            </a:r>
          </a:p>
        </p:txBody>
      </p:sp>
      <p:sp>
        <p:nvSpPr>
          <p:cNvPr id="5" name="Rectangle 4">
            <a:extLst>
              <a:ext uri="{FF2B5EF4-FFF2-40B4-BE49-F238E27FC236}">
                <a16:creationId xmlns:a16="http://schemas.microsoft.com/office/drawing/2014/main" id="{38057A44-518E-B60B-4317-1264304CE4AB}"/>
              </a:ext>
            </a:extLst>
          </p:cNvPr>
          <p:cNvSpPr/>
          <p:nvPr/>
        </p:nvSpPr>
        <p:spPr>
          <a:xfrm>
            <a:off x="3565418" y="2069025"/>
            <a:ext cx="2985319" cy="327150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defPPr>
              <a:defRPr lang="en-US"/>
            </a:defPPr>
            <a:lvl1pPr marL="0" algn="l" defTabSz="1039307" rtl="0" eaLnBrk="1" latinLnBrk="0" hangingPunct="1">
              <a:defRPr sz="2000" kern="1200">
                <a:solidFill>
                  <a:schemeClr val="lt1"/>
                </a:solidFill>
                <a:latin typeface="+mn-lt"/>
                <a:ea typeface="+mn-ea"/>
                <a:cs typeface="+mn-cs"/>
              </a:defRPr>
            </a:lvl1pPr>
            <a:lvl2pPr marL="519654" algn="l" defTabSz="1039307" rtl="0" eaLnBrk="1" latinLnBrk="0" hangingPunct="1">
              <a:defRPr sz="2000" kern="1200">
                <a:solidFill>
                  <a:schemeClr val="lt1"/>
                </a:solidFill>
                <a:latin typeface="+mn-lt"/>
                <a:ea typeface="+mn-ea"/>
                <a:cs typeface="+mn-cs"/>
              </a:defRPr>
            </a:lvl2pPr>
            <a:lvl3pPr marL="1039307" algn="l" defTabSz="1039307" rtl="0" eaLnBrk="1" latinLnBrk="0" hangingPunct="1">
              <a:defRPr sz="2000" kern="1200">
                <a:solidFill>
                  <a:schemeClr val="lt1"/>
                </a:solidFill>
                <a:latin typeface="+mn-lt"/>
                <a:ea typeface="+mn-ea"/>
                <a:cs typeface="+mn-cs"/>
              </a:defRPr>
            </a:lvl3pPr>
            <a:lvl4pPr marL="1558961" algn="l" defTabSz="1039307" rtl="0" eaLnBrk="1" latinLnBrk="0" hangingPunct="1">
              <a:defRPr sz="2000" kern="1200">
                <a:solidFill>
                  <a:schemeClr val="lt1"/>
                </a:solidFill>
                <a:latin typeface="+mn-lt"/>
                <a:ea typeface="+mn-ea"/>
                <a:cs typeface="+mn-cs"/>
              </a:defRPr>
            </a:lvl4pPr>
            <a:lvl5pPr marL="2078614" algn="l" defTabSz="1039307" rtl="0" eaLnBrk="1" latinLnBrk="0" hangingPunct="1">
              <a:defRPr sz="2000" kern="1200">
                <a:solidFill>
                  <a:schemeClr val="lt1"/>
                </a:solidFill>
                <a:latin typeface="+mn-lt"/>
                <a:ea typeface="+mn-ea"/>
                <a:cs typeface="+mn-cs"/>
              </a:defRPr>
            </a:lvl5pPr>
            <a:lvl6pPr marL="2598268" algn="l" defTabSz="1039307" rtl="0" eaLnBrk="1" latinLnBrk="0" hangingPunct="1">
              <a:defRPr sz="2000" kern="1200">
                <a:solidFill>
                  <a:schemeClr val="lt1"/>
                </a:solidFill>
                <a:latin typeface="+mn-lt"/>
                <a:ea typeface="+mn-ea"/>
                <a:cs typeface="+mn-cs"/>
              </a:defRPr>
            </a:lvl6pPr>
            <a:lvl7pPr marL="3117921" algn="l" defTabSz="1039307" rtl="0" eaLnBrk="1" latinLnBrk="0" hangingPunct="1">
              <a:defRPr sz="2000" kern="1200">
                <a:solidFill>
                  <a:schemeClr val="lt1"/>
                </a:solidFill>
                <a:latin typeface="+mn-lt"/>
                <a:ea typeface="+mn-ea"/>
                <a:cs typeface="+mn-cs"/>
              </a:defRPr>
            </a:lvl7pPr>
            <a:lvl8pPr marL="3637575" algn="l" defTabSz="1039307" rtl="0" eaLnBrk="1" latinLnBrk="0" hangingPunct="1">
              <a:defRPr sz="2000" kern="1200">
                <a:solidFill>
                  <a:schemeClr val="lt1"/>
                </a:solidFill>
                <a:latin typeface="+mn-lt"/>
                <a:ea typeface="+mn-ea"/>
                <a:cs typeface="+mn-cs"/>
              </a:defRPr>
            </a:lvl8pPr>
            <a:lvl9pPr marL="4157228" algn="l" defTabSz="1039307" rtl="0" eaLnBrk="1" latinLnBrk="0" hangingPunct="1">
              <a:defRPr sz="2000" kern="1200">
                <a:solidFill>
                  <a:schemeClr val="lt1"/>
                </a:solidFill>
                <a:latin typeface="+mn-lt"/>
                <a:ea typeface="+mn-ea"/>
                <a:cs typeface="+mn-cs"/>
              </a:defRPr>
            </a:lvl9pPr>
          </a:lstStyle>
          <a:p>
            <a:r>
              <a:rPr lang="da-DK" sz="900" b="1" noProof="0">
                <a:solidFill>
                  <a:srgbClr val="36465A"/>
                </a:solidFill>
                <a:sym typeface="Wingdings" panose="05000000000000000000" pitchFamily="2" charset="2"/>
              </a:rPr>
              <a:t>Projektorganisering</a:t>
            </a:r>
          </a:p>
          <a:p>
            <a:r>
              <a:rPr lang="da-DK" sz="900" noProof="0">
                <a:solidFill>
                  <a:schemeClr val="tx1"/>
                </a:solidFill>
                <a:sym typeface="Wingdings" panose="05000000000000000000" pitchFamily="2" charset="2"/>
              </a:rPr>
              <a:t>Udbudsprojektet, herunder anskaffelsesstrategi, </a:t>
            </a:r>
            <a:r>
              <a:rPr lang="da-DK" sz="900" noProof="0" err="1">
                <a:solidFill>
                  <a:schemeClr val="tx1"/>
                </a:solidFill>
                <a:sym typeface="Wingdings" panose="05000000000000000000" pitchFamily="2" charset="2"/>
              </a:rPr>
              <a:t>udbudsforbredelse</a:t>
            </a:r>
            <a:r>
              <a:rPr lang="da-DK" sz="900" noProof="0">
                <a:solidFill>
                  <a:schemeClr val="tx1"/>
                </a:solidFill>
                <a:sym typeface="Wingdings" panose="05000000000000000000" pitchFamily="2" charset="2"/>
              </a:rPr>
              <a:t>, gennemførelse af udbud, evaluering og efterfølgende implementering, er centralt forankret hos </a:t>
            </a:r>
            <a:r>
              <a:rPr lang="da-DK" sz="900" noProof="0">
                <a:solidFill>
                  <a:schemeClr val="tx1"/>
                </a:solidFill>
              </a:rPr>
              <a:t>Generaldirektoratet for Digitale Tjenester. Direktoratet kan sammenlignes med en større koncern-it-funktion.  </a:t>
            </a:r>
            <a:endParaRPr lang="da-DK" sz="900"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r>
              <a:rPr lang="da-DK" sz="900" b="1" noProof="0">
                <a:solidFill>
                  <a:srgbClr val="36465A"/>
                </a:solidFill>
                <a:sym typeface="Wingdings" panose="05000000000000000000" pitchFamily="2" charset="2"/>
              </a:rPr>
              <a:t>Forandringsledelse</a:t>
            </a:r>
          </a:p>
          <a:p>
            <a:r>
              <a:rPr lang="da-DK" sz="900" noProof="0">
                <a:solidFill>
                  <a:schemeClr val="tx1"/>
                </a:solidFill>
              </a:rPr>
              <a:t>Direktoratet har involveret brugere og interessenter på tværs af Kommissionen ifm. input til anskaffelsesstrategi og behovsafdækning. Her har der været særligt fokus på involvering og dialog med de it-specialister og digitaliseringskonsulenter, som er decentralt placeret på tværs af Kommissionens forskellige organisationer. </a:t>
            </a:r>
          </a:p>
          <a:p>
            <a:endParaRPr lang="da-DK" sz="900" noProof="0">
              <a:solidFill>
                <a:schemeClr val="tx1"/>
              </a:solidFill>
            </a:endParaRPr>
          </a:p>
          <a:p>
            <a:r>
              <a:rPr lang="da-DK" sz="900" noProof="0">
                <a:solidFill>
                  <a:schemeClr val="tx1"/>
                </a:solidFill>
              </a:rPr>
              <a:t>Der er desuden blevet etableret en økonomimodel mellem direktoratet og de forskellige organisationer i Kommissionen, som kommer til at anvende de indkøbte cloud-tjenester. Dette er for at sikre transparens om økonomi og sikre en standardiseret tilgang til anvendelse af cloud </a:t>
            </a:r>
            <a:r>
              <a:rPr lang="da-DK" sz="900" noProof="0" err="1">
                <a:solidFill>
                  <a:schemeClr val="tx1"/>
                </a:solidFill>
              </a:rPr>
              <a:t>computing</a:t>
            </a:r>
            <a:r>
              <a:rPr lang="da-DK" sz="900" noProof="0">
                <a:solidFill>
                  <a:schemeClr val="tx1"/>
                </a:solidFill>
              </a:rPr>
              <a:t> samt afregning for direktoratets it-rådgivning og øvrige bistand til Kommissionens organisationer.    </a:t>
            </a:r>
          </a:p>
          <a:p>
            <a:endParaRPr lang="da-DK" sz="900" b="1" noProof="0">
              <a:solidFill>
                <a:schemeClr val="tx1"/>
              </a:solidFill>
              <a:sym typeface="Wingdings" panose="05000000000000000000" pitchFamily="2" charset="2"/>
            </a:endParaRPr>
          </a:p>
          <a:p>
            <a:endParaRPr lang="da-DK" sz="900" b="1" noProof="0">
              <a:solidFill>
                <a:schemeClr val="tx1"/>
              </a:solidFill>
              <a:sym typeface="Wingdings" panose="05000000000000000000" pitchFamily="2" charset="2"/>
            </a:endParaRPr>
          </a:p>
          <a:p>
            <a:pPr>
              <a:spcAft>
                <a:spcPts val="350"/>
              </a:spcAft>
            </a:pPr>
            <a:endParaRPr lang="da-DK" sz="900" b="1" noProof="0">
              <a:solidFill>
                <a:schemeClr val="tx1"/>
              </a:solidFill>
            </a:endParaRPr>
          </a:p>
        </p:txBody>
      </p:sp>
      <p:sp>
        <p:nvSpPr>
          <p:cNvPr id="7" name="Rectangle 6">
            <a:extLst>
              <a:ext uri="{FF2B5EF4-FFF2-40B4-BE49-F238E27FC236}">
                <a16:creationId xmlns:a16="http://schemas.microsoft.com/office/drawing/2014/main" id="{8012FDBB-8E76-03E0-C791-34500F7E03AB}"/>
              </a:ext>
              <a:ext uri="{C183D7F6-B498-43B3-948B-1728B52AA6E4}">
                <adec:decorative xmlns:adec="http://schemas.microsoft.com/office/drawing/2017/decorative" val="1"/>
              </a:ext>
            </a:extLst>
          </p:cNvPr>
          <p:cNvSpPr>
            <a:spLocks/>
          </p:cNvSpPr>
          <p:nvPr/>
        </p:nvSpPr>
        <p:spPr>
          <a:xfrm rot="5400000">
            <a:off x="1243684"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cxnSp>
        <p:nvCxnSpPr>
          <p:cNvPr id="8" name="Straight Connector 7">
            <a:extLst>
              <a:ext uri="{FF2B5EF4-FFF2-40B4-BE49-F238E27FC236}">
                <a16:creationId xmlns:a16="http://schemas.microsoft.com/office/drawing/2014/main" id="{FEFED858-316C-B1A9-88BA-7EA2885DED72}"/>
              </a:ext>
              <a:ext uri="{C183D7F6-B498-43B3-948B-1728B52AA6E4}">
                <adec:decorative xmlns:adec="http://schemas.microsoft.com/office/drawing/2017/decorative" val="1"/>
              </a:ext>
            </a:extLst>
          </p:cNvPr>
          <p:cNvCxnSpPr>
            <a:cxnSpLocks/>
          </p:cNvCxnSpPr>
          <p:nvPr/>
        </p:nvCxnSpPr>
        <p:spPr>
          <a:xfrm>
            <a:off x="65280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33A7C4FB-A178-198B-2019-D10ABBDFF955}"/>
              </a:ext>
              <a:ext uri="{C183D7F6-B498-43B3-948B-1728B52AA6E4}">
                <adec:decorative xmlns:adec="http://schemas.microsoft.com/office/drawing/2017/decorative" val="1"/>
              </a:ext>
            </a:extLst>
          </p:cNvPr>
          <p:cNvCxnSpPr>
            <a:cxnSpLocks/>
          </p:cNvCxnSpPr>
          <p:nvPr/>
        </p:nvCxnSpPr>
        <p:spPr>
          <a:xfrm>
            <a:off x="3647483" y="2069026"/>
            <a:ext cx="2772000" cy="0"/>
          </a:xfrm>
          <a:prstGeom prst="line">
            <a:avLst/>
          </a:prstGeom>
          <a:ln w="6350" cap="flat" cmpd="sng" algn="ctr">
            <a:solidFill>
              <a:srgbClr val="CDECF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685EBDBE-FEC5-6485-B58F-AFB19E63D99B}"/>
              </a:ext>
              <a:ext uri="{C183D7F6-B498-43B3-948B-1728B52AA6E4}">
                <adec:decorative xmlns:adec="http://schemas.microsoft.com/office/drawing/2017/decorative" val="1"/>
              </a:ext>
            </a:extLst>
          </p:cNvPr>
          <p:cNvSpPr>
            <a:spLocks/>
          </p:cNvSpPr>
          <p:nvPr/>
        </p:nvSpPr>
        <p:spPr>
          <a:xfrm rot="5400000">
            <a:off x="-1754772"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6" name="Rectangle 65">
            <a:extLst>
              <a:ext uri="{FF2B5EF4-FFF2-40B4-BE49-F238E27FC236}">
                <a16:creationId xmlns:a16="http://schemas.microsoft.com/office/drawing/2014/main" id="{1458F8EA-C0A0-0485-2F2A-13FB674929A2}"/>
              </a:ext>
              <a:ext uri="{C183D7F6-B498-43B3-948B-1728B52AA6E4}">
                <adec:decorative xmlns:adec="http://schemas.microsoft.com/office/drawing/2017/decorative" val="1"/>
              </a:ext>
            </a:extLst>
          </p:cNvPr>
          <p:cNvSpPr>
            <a:spLocks/>
          </p:cNvSpPr>
          <p:nvPr/>
        </p:nvSpPr>
        <p:spPr>
          <a:xfrm rot="5400000">
            <a:off x="4210028" y="3998250"/>
            <a:ext cx="4608000" cy="18000"/>
          </a:xfrm>
          <a:prstGeom prst="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4AB9D3"/>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p>
        </p:txBody>
      </p:sp>
      <p:sp>
        <p:nvSpPr>
          <p:cNvPr id="6" name="Freeform 29">
            <a:extLst>
              <a:ext uri="{FF2B5EF4-FFF2-40B4-BE49-F238E27FC236}">
                <a16:creationId xmlns:a16="http://schemas.microsoft.com/office/drawing/2014/main" id="{FEA648DC-34D1-97EA-1A17-4728A92D0701}"/>
              </a:ext>
              <a:ext uri="{C183D7F6-B498-43B3-948B-1728B52AA6E4}">
                <adec:decorative xmlns:adec="http://schemas.microsoft.com/office/drawing/2017/decorative" val="1"/>
              </a:ext>
            </a:extLst>
          </p:cNvPr>
          <p:cNvSpPr>
            <a:spLocks noEditPoints="1"/>
          </p:cNvSpPr>
          <p:nvPr/>
        </p:nvSpPr>
        <p:spPr bwMode="auto">
          <a:xfrm>
            <a:off x="3646920" y="1757438"/>
            <a:ext cx="288624" cy="249943"/>
          </a:xfrm>
          <a:custGeom>
            <a:avLst/>
            <a:gdLst>
              <a:gd name="T0" fmla="*/ 152 w 240"/>
              <a:gd name="T1" fmla="*/ 72 h 208"/>
              <a:gd name="T2" fmla="*/ 88 w 240"/>
              <a:gd name="T3" fmla="*/ 72 h 208"/>
              <a:gd name="T4" fmla="*/ 120 w 240"/>
              <a:gd name="T5" fmla="*/ 48 h 208"/>
              <a:gd name="T6" fmla="*/ 120 w 240"/>
              <a:gd name="T7" fmla="*/ 96 h 208"/>
              <a:gd name="T8" fmla="*/ 120 w 240"/>
              <a:gd name="T9" fmla="*/ 48 h 208"/>
              <a:gd name="T10" fmla="*/ 64 w 240"/>
              <a:gd name="T11" fmla="*/ 164 h 208"/>
              <a:gd name="T12" fmla="*/ 68 w 240"/>
              <a:gd name="T13" fmla="*/ 168 h 208"/>
              <a:gd name="T14" fmla="*/ 175 w 240"/>
              <a:gd name="T15" fmla="*/ 167 h 208"/>
              <a:gd name="T16" fmla="*/ 176 w 240"/>
              <a:gd name="T17" fmla="*/ 130 h 208"/>
              <a:gd name="T18" fmla="*/ 145 w 240"/>
              <a:gd name="T19" fmla="*/ 104 h 208"/>
              <a:gd name="T20" fmla="*/ 120 w 240"/>
              <a:gd name="T21" fmla="*/ 126 h 208"/>
              <a:gd name="T22" fmla="*/ 95 w 240"/>
              <a:gd name="T23" fmla="*/ 104 h 208"/>
              <a:gd name="T24" fmla="*/ 64 w 240"/>
              <a:gd name="T25" fmla="*/ 130 h 208"/>
              <a:gd name="T26" fmla="*/ 117 w 240"/>
              <a:gd name="T27" fmla="*/ 135 h 208"/>
              <a:gd name="T28" fmla="*/ 123 w 240"/>
              <a:gd name="T29" fmla="*/ 135 h 208"/>
              <a:gd name="T30" fmla="*/ 158 w 240"/>
              <a:gd name="T31" fmla="*/ 116 h 208"/>
              <a:gd name="T32" fmla="*/ 168 w 240"/>
              <a:gd name="T33" fmla="*/ 160 h 208"/>
              <a:gd name="T34" fmla="*/ 156 w 240"/>
              <a:gd name="T35" fmla="*/ 140 h 208"/>
              <a:gd name="T36" fmla="*/ 148 w 240"/>
              <a:gd name="T37" fmla="*/ 140 h 208"/>
              <a:gd name="T38" fmla="*/ 92 w 240"/>
              <a:gd name="T39" fmla="*/ 160 h 208"/>
              <a:gd name="T40" fmla="*/ 88 w 240"/>
              <a:gd name="T41" fmla="*/ 136 h 208"/>
              <a:gd name="T42" fmla="*/ 84 w 240"/>
              <a:gd name="T43" fmla="*/ 160 h 208"/>
              <a:gd name="T44" fmla="*/ 72 w 240"/>
              <a:gd name="T45" fmla="*/ 130 h 208"/>
              <a:gd name="T46" fmla="*/ 95 w 240"/>
              <a:gd name="T47" fmla="*/ 113 h 208"/>
              <a:gd name="T48" fmla="*/ 233 w 240"/>
              <a:gd name="T49" fmla="*/ 93 h 208"/>
              <a:gd name="T50" fmla="*/ 120 w 240"/>
              <a:gd name="T51" fmla="*/ 0 h 208"/>
              <a:gd name="T52" fmla="*/ 23 w 240"/>
              <a:gd name="T53" fmla="*/ 80 h 208"/>
              <a:gd name="T54" fmla="*/ 28 w 240"/>
              <a:gd name="T55" fmla="*/ 77 h 208"/>
              <a:gd name="T56" fmla="*/ 216 w 240"/>
              <a:gd name="T57" fmla="*/ 102 h 208"/>
              <a:gd name="T58" fmla="*/ 201 w 240"/>
              <a:gd name="T59" fmla="*/ 93 h 208"/>
              <a:gd name="T60" fmla="*/ 201 w 240"/>
              <a:gd name="T61" fmla="*/ 99 h 208"/>
              <a:gd name="T62" fmla="*/ 217 w 240"/>
              <a:gd name="T63" fmla="*/ 115 h 208"/>
              <a:gd name="T64" fmla="*/ 219 w 240"/>
              <a:gd name="T65" fmla="*/ 116 h 208"/>
              <a:gd name="T66" fmla="*/ 221 w 240"/>
              <a:gd name="T67" fmla="*/ 116 h 208"/>
              <a:gd name="T68" fmla="*/ 223 w 240"/>
              <a:gd name="T69" fmla="*/ 115 h 208"/>
              <a:gd name="T70" fmla="*/ 239 w 240"/>
              <a:gd name="T71" fmla="*/ 99 h 208"/>
              <a:gd name="T72" fmla="*/ 216 w 240"/>
              <a:gd name="T73" fmla="*/ 132 h 208"/>
              <a:gd name="T74" fmla="*/ 120 w 240"/>
              <a:gd name="T75" fmla="*/ 200 h 208"/>
              <a:gd name="T76" fmla="*/ 33 w 240"/>
              <a:gd name="T77" fmla="*/ 115 h 208"/>
              <a:gd name="T78" fmla="*/ 39 w 240"/>
              <a:gd name="T79" fmla="*/ 109 h 208"/>
              <a:gd name="T80" fmla="*/ 22 w 240"/>
              <a:gd name="T81" fmla="*/ 92 h 208"/>
              <a:gd name="T82" fmla="*/ 17 w 240"/>
              <a:gd name="T83" fmla="*/ 93 h 208"/>
              <a:gd name="T84" fmla="*/ 1 w 240"/>
              <a:gd name="T85" fmla="*/ 109 h 208"/>
              <a:gd name="T86" fmla="*/ 4 w 240"/>
              <a:gd name="T87" fmla="*/ 116 h 208"/>
              <a:gd name="T88" fmla="*/ 7 w 240"/>
              <a:gd name="T89" fmla="*/ 115 h 208"/>
              <a:gd name="T90" fmla="*/ 120 w 240"/>
              <a:gd name="T91" fmla="*/ 208 h 208"/>
              <a:gd name="T92" fmla="*/ 216 w 240"/>
              <a:gd name="T93" fmla="*/ 132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40" h="208">
                <a:moveTo>
                  <a:pt x="120" y="104"/>
                </a:moveTo>
                <a:cubicBezTo>
                  <a:pt x="138" y="104"/>
                  <a:pt x="152" y="90"/>
                  <a:pt x="152" y="72"/>
                </a:cubicBezTo>
                <a:cubicBezTo>
                  <a:pt x="152" y="54"/>
                  <a:pt x="138" y="40"/>
                  <a:pt x="120" y="40"/>
                </a:cubicBezTo>
                <a:cubicBezTo>
                  <a:pt x="102" y="40"/>
                  <a:pt x="88" y="54"/>
                  <a:pt x="88" y="72"/>
                </a:cubicBezTo>
                <a:cubicBezTo>
                  <a:pt x="88" y="90"/>
                  <a:pt x="102" y="104"/>
                  <a:pt x="120" y="104"/>
                </a:cubicBezTo>
                <a:close/>
                <a:moveTo>
                  <a:pt x="120" y="48"/>
                </a:moveTo>
                <a:cubicBezTo>
                  <a:pt x="133" y="48"/>
                  <a:pt x="144" y="59"/>
                  <a:pt x="144" y="72"/>
                </a:cubicBezTo>
                <a:cubicBezTo>
                  <a:pt x="144" y="85"/>
                  <a:pt x="133" y="96"/>
                  <a:pt x="120" y="96"/>
                </a:cubicBezTo>
                <a:cubicBezTo>
                  <a:pt x="107" y="96"/>
                  <a:pt x="96" y="85"/>
                  <a:pt x="96" y="72"/>
                </a:cubicBezTo>
                <a:cubicBezTo>
                  <a:pt x="96" y="59"/>
                  <a:pt x="107" y="48"/>
                  <a:pt x="120" y="48"/>
                </a:cubicBezTo>
                <a:close/>
                <a:moveTo>
                  <a:pt x="64" y="130"/>
                </a:moveTo>
                <a:cubicBezTo>
                  <a:pt x="64" y="164"/>
                  <a:pt x="64" y="164"/>
                  <a:pt x="64" y="164"/>
                </a:cubicBezTo>
                <a:cubicBezTo>
                  <a:pt x="64" y="165"/>
                  <a:pt x="64" y="166"/>
                  <a:pt x="65" y="167"/>
                </a:cubicBezTo>
                <a:cubicBezTo>
                  <a:pt x="66" y="168"/>
                  <a:pt x="67" y="168"/>
                  <a:pt x="68" y="168"/>
                </a:cubicBezTo>
                <a:cubicBezTo>
                  <a:pt x="172" y="168"/>
                  <a:pt x="172" y="168"/>
                  <a:pt x="172" y="168"/>
                </a:cubicBezTo>
                <a:cubicBezTo>
                  <a:pt x="173" y="168"/>
                  <a:pt x="174" y="168"/>
                  <a:pt x="175" y="167"/>
                </a:cubicBezTo>
                <a:cubicBezTo>
                  <a:pt x="176" y="166"/>
                  <a:pt x="176" y="165"/>
                  <a:pt x="176" y="164"/>
                </a:cubicBezTo>
                <a:cubicBezTo>
                  <a:pt x="176" y="130"/>
                  <a:pt x="176" y="130"/>
                  <a:pt x="176" y="130"/>
                </a:cubicBezTo>
                <a:cubicBezTo>
                  <a:pt x="176" y="120"/>
                  <a:pt x="170" y="112"/>
                  <a:pt x="161" y="109"/>
                </a:cubicBezTo>
                <a:cubicBezTo>
                  <a:pt x="145" y="104"/>
                  <a:pt x="145" y="104"/>
                  <a:pt x="145" y="104"/>
                </a:cubicBezTo>
                <a:cubicBezTo>
                  <a:pt x="144" y="104"/>
                  <a:pt x="142" y="104"/>
                  <a:pt x="141" y="105"/>
                </a:cubicBezTo>
                <a:cubicBezTo>
                  <a:pt x="120" y="126"/>
                  <a:pt x="120" y="126"/>
                  <a:pt x="120" y="126"/>
                </a:cubicBezTo>
                <a:cubicBezTo>
                  <a:pt x="99" y="105"/>
                  <a:pt x="99" y="105"/>
                  <a:pt x="99" y="105"/>
                </a:cubicBezTo>
                <a:cubicBezTo>
                  <a:pt x="98" y="104"/>
                  <a:pt x="96" y="104"/>
                  <a:pt x="95" y="104"/>
                </a:cubicBezTo>
                <a:cubicBezTo>
                  <a:pt x="79" y="109"/>
                  <a:pt x="79" y="109"/>
                  <a:pt x="79" y="109"/>
                </a:cubicBezTo>
                <a:cubicBezTo>
                  <a:pt x="70" y="112"/>
                  <a:pt x="64" y="120"/>
                  <a:pt x="64" y="130"/>
                </a:cubicBezTo>
                <a:close/>
                <a:moveTo>
                  <a:pt x="95" y="113"/>
                </a:moveTo>
                <a:cubicBezTo>
                  <a:pt x="117" y="135"/>
                  <a:pt x="117" y="135"/>
                  <a:pt x="117" y="135"/>
                </a:cubicBezTo>
                <a:cubicBezTo>
                  <a:pt x="118" y="136"/>
                  <a:pt x="119" y="136"/>
                  <a:pt x="120" y="136"/>
                </a:cubicBezTo>
                <a:cubicBezTo>
                  <a:pt x="121" y="136"/>
                  <a:pt x="122" y="136"/>
                  <a:pt x="123" y="135"/>
                </a:cubicBezTo>
                <a:cubicBezTo>
                  <a:pt x="145" y="113"/>
                  <a:pt x="145" y="113"/>
                  <a:pt x="145" y="113"/>
                </a:cubicBezTo>
                <a:cubicBezTo>
                  <a:pt x="158" y="116"/>
                  <a:pt x="158" y="116"/>
                  <a:pt x="158" y="116"/>
                </a:cubicBezTo>
                <a:cubicBezTo>
                  <a:pt x="164" y="118"/>
                  <a:pt x="168" y="124"/>
                  <a:pt x="168" y="130"/>
                </a:cubicBezTo>
                <a:cubicBezTo>
                  <a:pt x="168" y="160"/>
                  <a:pt x="168" y="160"/>
                  <a:pt x="168" y="160"/>
                </a:cubicBezTo>
                <a:cubicBezTo>
                  <a:pt x="156" y="160"/>
                  <a:pt x="156" y="160"/>
                  <a:pt x="156" y="160"/>
                </a:cubicBezTo>
                <a:cubicBezTo>
                  <a:pt x="156" y="140"/>
                  <a:pt x="156" y="140"/>
                  <a:pt x="156" y="140"/>
                </a:cubicBezTo>
                <a:cubicBezTo>
                  <a:pt x="156" y="138"/>
                  <a:pt x="154" y="136"/>
                  <a:pt x="152" y="136"/>
                </a:cubicBezTo>
                <a:cubicBezTo>
                  <a:pt x="150" y="136"/>
                  <a:pt x="148" y="138"/>
                  <a:pt x="148" y="140"/>
                </a:cubicBezTo>
                <a:cubicBezTo>
                  <a:pt x="148" y="160"/>
                  <a:pt x="148" y="160"/>
                  <a:pt x="148" y="160"/>
                </a:cubicBezTo>
                <a:cubicBezTo>
                  <a:pt x="92" y="160"/>
                  <a:pt x="92" y="160"/>
                  <a:pt x="92" y="160"/>
                </a:cubicBezTo>
                <a:cubicBezTo>
                  <a:pt x="92" y="140"/>
                  <a:pt x="92" y="140"/>
                  <a:pt x="92" y="140"/>
                </a:cubicBezTo>
                <a:cubicBezTo>
                  <a:pt x="92" y="138"/>
                  <a:pt x="90" y="136"/>
                  <a:pt x="88" y="136"/>
                </a:cubicBezTo>
                <a:cubicBezTo>
                  <a:pt x="86" y="136"/>
                  <a:pt x="84" y="138"/>
                  <a:pt x="84" y="140"/>
                </a:cubicBezTo>
                <a:cubicBezTo>
                  <a:pt x="84" y="160"/>
                  <a:pt x="84" y="160"/>
                  <a:pt x="84" y="160"/>
                </a:cubicBezTo>
                <a:cubicBezTo>
                  <a:pt x="72" y="160"/>
                  <a:pt x="72" y="160"/>
                  <a:pt x="72" y="160"/>
                </a:cubicBezTo>
                <a:cubicBezTo>
                  <a:pt x="72" y="130"/>
                  <a:pt x="72" y="130"/>
                  <a:pt x="72" y="130"/>
                </a:cubicBezTo>
                <a:cubicBezTo>
                  <a:pt x="72" y="124"/>
                  <a:pt x="76" y="118"/>
                  <a:pt x="82" y="116"/>
                </a:cubicBezTo>
                <a:lnTo>
                  <a:pt x="95" y="113"/>
                </a:lnTo>
                <a:close/>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01" y="99"/>
                  <a:pt x="201" y="99"/>
                  <a:pt x="201" y="99"/>
                </a:cubicBezTo>
                <a:cubicBezTo>
                  <a:pt x="217" y="115"/>
                  <a:pt x="217" y="115"/>
                  <a:pt x="217" y="115"/>
                </a:cubicBezTo>
                <a:cubicBezTo>
                  <a:pt x="217" y="115"/>
                  <a:pt x="217" y="115"/>
                  <a:pt x="217" y="115"/>
                </a:cubicBezTo>
                <a:cubicBezTo>
                  <a:pt x="218" y="115"/>
                  <a:pt x="218" y="116"/>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23" y="115"/>
                  <a:pt x="223" y="115"/>
                  <a:pt x="223" y="115"/>
                </a:cubicBezTo>
                <a:cubicBezTo>
                  <a:pt x="239" y="99"/>
                  <a:pt x="239" y="99"/>
                  <a:pt x="239" y="99"/>
                </a:cubicBezTo>
                <a:cubicBezTo>
                  <a:pt x="240" y="97"/>
                  <a:pt x="240" y="95"/>
                  <a:pt x="239" y="93"/>
                </a:cubicBezTo>
                <a:close/>
                <a:moveTo>
                  <a:pt x="216" y="132"/>
                </a:moveTo>
                <a:cubicBezTo>
                  <a:pt x="214" y="131"/>
                  <a:pt x="212" y="133"/>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7"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7" y="115"/>
                  <a:pt x="7" y="115"/>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2" name="Freeform 21">
            <a:extLst>
              <a:ext uri="{FF2B5EF4-FFF2-40B4-BE49-F238E27FC236}">
                <a16:creationId xmlns:a16="http://schemas.microsoft.com/office/drawing/2014/main" id="{3BB5D5E5-EEDB-1AC5-9651-E0424E2EAD83}"/>
              </a:ext>
              <a:ext uri="{C183D7F6-B498-43B3-948B-1728B52AA6E4}">
                <adec:decorative xmlns:adec="http://schemas.microsoft.com/office/drawing/2017/decorative" val="1"/>
              </a:ext>
            </a:extLst>
          </p:cNvPr>
          <p:cNvSpPr>
            <a:spLocks noEditPoints="1"/>
          </p:cNvSpPr>
          <p:nvPr/>
        </p:nvSpPr>
        <p:spPr bwMode="auto">
          <a:xfrm>
            <a:off x="643596" y="1776323"/>
            <a:ext cx="269698" cy="212172"/>
          </a:xfrm>
          <a:custGeom>
            <a:avLst/>
            <a:gdLst>
              <a:gd name="T0" fmla="*/ 152 w 224"/>
              <a:gd name="T1" fmla="*/ 156 h 176"/>
              <a:gd name="T2" fmla="*/ 168 w 224"/>
              <a:gd name="T3" fmla="*/ 156 h 176"/>
              <a:gd name="T4" fmla="*/ 124 w 224"/>
              <a:gd name="T5" fmla="*/ 152 h 176"/>
              <a:gd name="T6" fmla="*/ 132 w 224"/>
              <a:gd name="T7" fmla="*/ 160 h 176"/>
              <a:gd name="T8" fmla="*/ 164 w 224"/>
              <a:gd name="T9" fmla="*/ 120 h 176"/>
              <a:gd name="T10" fmla="*/ 156 w 224"/>
              <a:gd name="T11" fmla="*/ 128 h 176"/>
              <a:gd name="T12" fmla="*/ 164 w 224"/>
              <a:gd name="T13" fmla="*/ 120 h 176"/>
              <a:gd name="T14" fmla="*/ 120 w 224"/>
              <a:gd name="T15" fmla="*/ 124 h 176"/>
              <a:gd name="T16" fmla="*/ 136 w 224"/>
              <a:gd name="T17" fmla="*/ 124 h 176"/>
              <a:gd name="T18" fmla="*/ 168 w 224"/>
              <a:gd name="T19" fmla="*/ 0 h 176"/>
              <a:gd name="T20" fmla="*/ 30 w 224"/>
              <a:gd name="T21" fmla="*/ 30 h 176"/>
              <a:gd name="T22" fmla="*/ 2 w 224"/>
              <a:gd name="T23" fmla="*/ 81 h 176"/>
              <a:gd name="T24" fmla="*/ 0 w 224"/>
              <a:gd name="T25" fmla="*/ 84 h 176"/>
              <a:gd name="T26" fmla="*/ 0 w 224"/>
              <a:gd name="T27" fmla="*/ 88 h 176"/>
              <a:gd name="T28" fmla="*/ 0 w 224"/>
              <a:gd name="T29" fmla="*/ 98 h 176"/>
              <a:gd name="T30" fmla="*/ 0 w 224"/>
              <a:gd name="T31" fmla="*/ 120 h 176"/>
              <a:gd name="T32" fmla="*/ 0 w 224"/>
              <a:gd name="T33" fmla="*/ 152 h 176"/>
              <a:gd name="T34" fmla="*/ 176 w 224"/>
              <a:gd name="T35" fmla="*/ 176 h 176"/>
              <a:gd name="T36" fmla="*/ 186 w 224"/>
              <a:gd name="T37" fmla="*/ 140 h 176"/>
              <a:gd name="T38" fmla="*/ 187 w 224"/>
              <a:gd name="T39" fmla="*/ 109 h 176"/>
              <a:gd name="T40" fmla="*/ 37 w 224"/>
              <a:gd name="T41" fmla="*/ 34 h 176"/>
              <a:gd name="T42" fmla="*/ 112 w 224"/>
              <a:gd name="T43" fmla="*/ 56 h 176"/>
              <a:gd name="T44" fmla="*/ 16 w 224"/>
              <a:gd name="T45" fmla="*/ 72 h 176"/>
              <a:gd name="T46" fmla="*/ 8 w 224"/>
              <a:gd name="T47" fmla="*/ 88 h 176"/>
              <a:gd name="T48" fmla="*/ 8 w 224"/>
              <a:gd name="T49" fmla="*/ 86 h 176"/>
              <a:gd name="T50" fmla="*/ 16 w 224"/>
              <a:gd name="T51" fmla="*/ 80 h 176"/>
              <a:gd name="T52" fmla="*/ 120 w 224"/>
              <a:gd name="T53" fmla="*/ 92 h 176"/>
              <a:gd name="T54" fmla="*/ 139 w 224"/>
              <a:gd name="T55" fmla="*/ 104 h 176"/>
              <a:gd name="T56" fmla="*/ 11 w 224"/>
              <a:gd name="T57" fmla="*/ 100 h 176"/>
              <a:gd name="T58" fmla="*/ 184 w 224"/>
              <a:gd name="T59" fmla="*/ 160 h 176"/>
              <a:gd name="T60" fmla="*/ 8 w 224"/>
              <a:gd name="T61" fmla="*/ 160 h 176"/>
              <a:gd name="T62" fmla="*/ 176 w 224"/>
              <a:gd name="T63" fmla="*/ 144 h 176"/>
              <a:gd name="T64" fmla="*/ 184 w 224"/>
              <a:gd name="T65" fmla="*/ 160 h 176"/>
              <a:gd name="T66" fmla="*/ 16 w 224"/>
              <a:gd name="T67" fmla="*/ 136 h 176"/>
              <a:gd name="T68" fmla="*/ 16 w 224"/>
              <a:gd name="T69" fmla="*/ 112 h 176"/>
              <a:gd name="T70" fmla="*/ 168 w 224"/>
              <a:gd name="T71" fmla="*/ 112 h 176"/>
              <a:gd name="T72" fmla="*/ 184 w 224"/>
              <a:gd name="T73" fmla="*/ 128 h 176"/>
              <a:gd name="T74" fmla="*/ 168 w 224"/>
              <a:gd name="T75" fmla="*/ 8 h 176"/>
              <a:gd name="T76" fmla="*/ 192 w 224"/>
              <a:gd name="T77" fmla="*/ 52 h 176"/>
              <a:gd name="T78" fmla="*/ 168 w 224"/>
              <a:gd name="T79" fmla="*/ 28 h 176"/>
              <a:gd name="T80" fmla="*/ 144 w 224"/>
              <a:gd name="T81" fmla="*/ 52 h 176"/>
              <a:gd name="T82" fmla="*/ 164 w 224"/>
              <a:gd name="T83" fmla="*/ 60 h 176"/>
              <a:gd name="T84" fmla="*/ 172 w 224"/>
              <a:gd name="T85" fmla="*/ 80 h 176"/>
              <a:gd name="T86" fmla="*/ 196 w 224"/>
              <a:gd name="T87" fmla="*/ 56 h 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4" h="176">
                <a:moveTo>
                  <a:pt x="164" y="152"/>
                </a:moveTo>
                <a:cubicBezTo>
                  <a:pt x="156" y="152"/>
                  <a:pt x="156" y="152"/>
                  <a:pt x="156" y="152"/>
                </a:cubicBezTo>
                <a:cubicBezTo>
                  <a:pt x="154" y="152"/>
                  <a:pt x="152" y="154"/>
                  <a:pt x="152" y="156"/>
                </a:cubicBezTo>
                <a:cubicBezTo>
                  <a:pt x="152" y="158"/>
                  <a:pt x="154" y="160"/>
                  <a:pt x="156" y="160"/>
                </a:cubicBezTo>
                <a:cubicBezTo>
                  <a:pt x="164" y="160"/>
                  <a:pt x="164" y="160"/>
                  <a:pt x="164" y="160"/>
                </a:cubicBezTo>
                <a:cubicBezTo>
                  <a:pt x="166" y="160"/>
                  <a:pt x="168" y="158"/>
                  <a:pt x="168" y="156"/>
                </a:cubicBezTo>
                <a:cubicBezTo>
                  <a:pt x="168" y="154"/>
                  <a:pt x="166" y="152"/>
                  <a:pt x="164" y="152"/>
                </a:cubicBezTo>
                <a:close/>
                <a:moveTo>
                  <a:pt x="132" y="152"/>
                </a:moveTo>
                <a:cubicBezTo>
                  <a:pt x="124" y="152"/>
                  <a:pt x="124" y="152"/>
                  <a:pt x="124" y="152"/>
                </a:cubicBezTo>
                <a:cubicBezTo>
                  <a:pt x="122" y="152"/>
                  <a:pt x="120" y="154"/>
                  <a:pt x="120" y="156"/>
                </a:cubicBezTo>
                <a:cubicBezTo>
                  <a:pt x="120" y="158"/>
                  <a:pt x="122" y="160"/>
                  <a:pt x="124" y="160"/>
                </a:cubicBezTo>
                <a:cubicBezTo>
                  <a:pt x="132" y="160"/>
                  <a:pt x="132" y="160"/>
                  <a:pt x="132" y="160"/>
                </a:cubicBezTo>
                <a:cubicBezTo>
                  <a:pt x="134" y="160"/>
                  <a:pt x="136" y="158"/>
                  <a:pt x="136" y="156"/>
                </a:cubicBezTo>
                <a:cubicBezTo>
                  <a:pt x="136" y="154"/>
                  <a:pt x="134" y="152"/>
                  <a:pt x="132" y="152"/>
                </a:cubicBezTo>
                <a:close/>
                <a:moveTo>
                  <a:pt x="164" y="120"/>
                </a:moveTo>
                <a:cubicBezTo>
                  <a:pt x="156" y="120"/>
                  <a:pt x="156" y="120"/>
                  <a:pt x="156" y="120"/>
                </a:cubicBezTo>
                <a:cubicBezTo>
                  <a:pt x="154" y="120"/>
                  <a:pt x="152" y="122"/>
                  <a:pt x="152" y="124"/>
                </a:cubicBezTo>
                <a:cubicBezTo>
                  <a:pt x="152" y="126"/>
                  <a:pt x="154" y="128"/>
                  <a:pt x="156" y="128"/>
                </a:cubicBezTo>
                <a:cubicBezTo>
                  <a:pt x="164" y="128"/>
                  <a:pt x="164" y="128"/>
                  <a:pt x="164" y="128"/>
                </a:cubicBezTo>
                <a:cubicBezTo>
                  <a:pt x="166" y="128"/>
                  <a:pt x="168" y="126"/>
                  <a:pt x="168" y="124"/>
                </a:cubicBezTo>
                <a:cubicBezTo>
                  <a:pt x="168" y="122"/>
                  <a:pt x="166" y="120"/>
                  <a:pt x="164" y="120"/>
                </a:cubicBezTo>
                <a:close/>
                <a:moveTo>
                  <a:pt x="132" y="120"/>
                </a:moveTo>
                <a:cubicBezTo>
                  <a:pt x="124" y="120"/>
                  <a:pt x="124" y="120"/>
                  <a:pt x="124" y="120"/>
                </a:cubicBezTo>
                <a:cubicBezTo>
                  <a:pt x="122" y="120"/>
                  <a:pt x="120" y="122"/>
                  <a:pt x="120" y="124"/>
                </a:cubicBezTo>
                <a:cubicBezTo>
                  <a:pt x="120" y="126"/>
                  <a:pt x="122" y="128"/>
                  <a:pt x="124" y="128"/>
                </a:cubicBezTo>
                <a:cubicBezTo>
                  <a:pt x="132" y="128"/>
                  <a:pt x="132" y="128"/>
                  <a:pt x="132" y="128"/>
                </a:cubicBezTo>
                <a:cubicBezTo>
                  <a:pt x="134" y="128"/>
                  <a:pt x="136" y="126"/>
                  <a:pt x="136" y="124"/>
                </a:cubicBezTo>
                <a:cubicBezTo>
                  <a:pt x="136" y="122"/>
                  <a:pt x="134" y="120"/>
                  <a:pt x="132" y="120"/>
                </a:cubicBezTo>
                <a:close/>
                <a:moveTo>
                  <a:pt x="224" y="56"/>
                </a:moveTo>
                <a:cubicBezTo>
                  <a:pt x="224" y="25"/>
                  <a:pt x="199" y="0"/>
                  <a:pt x="168" y="0"/>
                </a:cubicBezTo>
                <a:cubicBezTo>
                  <a:pt x="149" y="0"/>
                  <a:pt x="132" y="10"/>
                  <a:pt x="122" y="24"/>
                </a:cubicBezTo>
                <a:cubicBezTo>
                  <a:pt x="40" y="24"/>
                  <a:pt x="40" y="24"/>
                  <a:pt x="40" y="24"/>
                </a:cubicBezTo>
                <a:cubicBezTo>
                  <a:pt x="36" y="24"/>
                  <a:pt x="32" y="26"/>
                  <a:pt x="30" y="30"/>
                </a:cubicBezTo>
                <a:cubicBezTo>
                  <a:pt x="30" y="30"/>
                  <a:pt x="30" y="30"/>
                  <a:pt x="29" y="30"/>
                </a:cubicBezTo>
                <a:cubicBezTo>
                  <a:pt x="2" y="80"/>
                  <a:pt x="2" y="80"/>
                  <a:pt x="2" y="80"/>
                </a:cubicBezTo>
                <a:cubicBezTo>
                  <a:pt x="2" y="81"/>
                  <a:pt x="2" y="81"/>
                  <a:pt x="2" y="81"/>
                </a:cubicBezTo>
                <a:cubicBezTo>
                  <a:pt x="2" y="81"/>
                  <a:pt x="2" y="81"/>
                  <a:pt x="2" y="81"/>
                </a:cubicBezTo>
                <a:cubicBezTo>
                  <a:pt x="1" y="82"/>
                  <a:pt x="1" y="82"/>
                  <a:pt x="1" y="82"/>
                </a:cubicBezTo>
                <a:cubicBezTo>
                  <a:pt x="1" y="83"/>
                  <a:pt x="1" y="84"/>
                  <a:pt x="0" y="84"/>
                </a:cubicBezTo>
                <a:cubicBezTo>
                  <a:pt x="0" y="85"/>
                  <a:pt x="0" y="85"/>
                  <a:pt x="0" y="85"/>
                </a:cubicBezTo>
                <a:cubicBezTo>
                  <a:pt x="0" y="86"/>
                  <a:pt x="0" y="87"/>
                  <a:pt x="0" y="88"/>
                </a:cubicBezTo>
                <a:cubicBezTo>
                  <a:pt x="0" y="88"/>
                  <a:pt x="0" y="88"/>
                  <a:pt x="0" y="88"/>
                </a:cubicBezTo>
                <a:cubicBezTo>
                  <a:pt x="0" y="88"/>
                  <a:pt x="0" y="88"/>
                  <a:pt x="0" y="88"/>
                </a:cubicBezTo>
                <a:cubicBezTo>
                  <a:pt x="0" y="96"/>
                  <a:pt x="0" y="96"/>
                  <a:pt x="0" y="96"/>
                </a:cubicBezTo>
                <a:cubicBezTo>
                  <a:pt x="0" y="98"/>
                  <a:pt x="0" y="98"/>
                  <a:pt x="0" y="98"/>
                </a:cubicBezTo>
                <a:cubicBezTo>
                  <a:pt x="0" y="98"/>
                  <a:pt x="2" y="101"/>
                  <a:pt x="4" y="104"/>
                </a:cubicBezTo>
                <a:cubicBezTo>
                  <a:pt x="5" y="105"/>
                  <a:pt x="6" y="106"/>
                  <a:pt x="7" y="107"/>
                </a:cubicBezTo>
                <a:cubicBezTo>
                  <a:pt x="3" y="110"/>
                  <a:pt x="0" y="115"/>
                  <a:pt x="0" y="120"/>
                </a:cubicBezTo>
                <a:cubicBezTo>
                  <a:pt x="0" y="128"/>
                  <a:pt x="0" y="128"/>
                  <a:pt x="0" y="128"/>
                </a:cubicBezTo>
                <a:cubicBezTo>
                  <a:pt x="0" y="133"/>
                  <a:pt x="2" y="137"/>
                  <a:pt x="6" y="140"/>
                </a:cubicBezTo>
                <a:cubicBezTo>
                  <a:pt x="2" y="143"/>
                  <a:pt x="0" y="147"/>
                  <a:pt x="0" y="152"/>
                </a:cubicBezTo>
                <a:cubicBezTo>
                  <a:pt x="0" y="160"/>
                  <a:pt x="0" y="160"/>
                  <a:pt x="0" y="160"/>
                </a:cubicBezTo>
                <a:cubicBezTo>
                  <a:pt x="0" y="169"/>
                  <a:pt x="7" y="176"/>
                  <a:pt x="16" y="176"/>
                </a:cubicBezTo>
                <a:cubicBezTo>
                  <a:pt x="176" y="176"/>
                  <a:pt x="176" y="176"/>
                  <a:pt x="176" y="176"/>
                </a:cubicBezTo>
                <a:cubicBezTo>
                  <a:pt x="185" y="176"/>
                  <a:pt x="192" y="169"/>
                  <a:pt x="192" y="160"/>
                </a:cubicBezTo>
                <a:cubicBezTo>
                  <a:pt x="192" y="152"/>
                  <a:pt x="192" y="152"/>
                  <a:pt x="192" y="152"/>
                </a:cubicBezTo>
                <a:cubicBezTo>
                  <a:pt x="192" y="147"/>
                  <a:pt x="190" y="143"/>
                  <a:pt x="186" y="140"/>
                </a:cubicBezTo>
                <a:cubicBezTo>
                  <a:pt x="190" y="137"/>
                  <a:pt x="192" y="133"/>
                  <a:pt x="192" y="128"/>
                </a:cubicBezTo>
                <a:cubicBezTo>
                  <a:pt x="192" y="120"/>
                  <a:pt x="192" y="120"/>
                  <a:pt x="192" y="120"/>
                </a:cubicBezTo>
                <a:cubicBezTo>
                  <a:pt x="192" y="116"/>
                  <a:pt x="190" y="111"/>
                  <a:pt x="187" y="109"/>
                </a:cubicBezTo>
                <a:cubicBezTo>
                  <a:pt x="209" y="101"/>
                  <a:pt x="224" y="80"/>
                  <a:pt x="224" y="56"/>
                </a:cubicBezTo>
                <a:close/>
                <a:moveTo>
                  <a:pt x="36" y="35"/>
                </a:moveTo>
                <a:cubicBezTo>
                  <a:pt x="36" y="34"/>
                  <a:pt x="36" y="34"/>
                  <a:pt x="37" y="34"/>
                </a:cubicBezTo>
                <a:cubicBezTo>
                  <a:pt x="37" y="33"/>
                  <a:pt x="39" y="32"/>
                  <a:pt x="40" y="32"/>
                </a:cubicBezTo>
                <a:cubicBezTo>
                  <a:pt x="117" y="32"/>
                  <a:pt x="117" y="32"/>
                  <a:pt x="117" y="32"/>
                </a:cubicBezTo>
                <a:cubicBezTo>
                  <a:pt x="114" y="39"/>
                  <a:pt x="112" y="47"/>
                  <a:pt x="112" y="56"/>
                </a:cubicBezTo>
                <a:cubicBezTo>
                  <a:pt x="112" y="62"/>
                  <a:pt x="113" y="67"/>
                  <a:pt x="114" y="72"/>
                </a:cubicBezTo>
                <a:cubicBezTo>
                  <a:pt x="16" y="72"/>
                  <a:pt x="16" y="72"/>
                  <a:pt x="16" y="72"/>
                </a:cubicBezTo>
                <a:cubicBezTo>
                  <a:pt x="16" y="72"/>
                  <a:pt x="16" y="72"/>
                  <a:pt x="16" y="72"/>
                </a:cubicBezTo>
                <a:lnTo>
                  <a:pt x="36" y="35"/>
                </a:lnTo>
                <a:close/>
                <a:moveTo>
                  <a:pt x="8" y="88"/>
                </a:moveTo>
                <a:cubicBezTo>
                  <a:pt x="8" y="88"/>
                  <a:pt x="8" y="88"/>
                  <a:pt x="8" y="88"/>
                </a:cubicBezTo>
                <a:cubicBezTo>
                  <a:pt x="8" y="88"/>
                  <a:pt x="8" y="88"/>
                  <a:pt x="8" y="88"/>
                </a:cubicBezTo>
                <a:cubicBezTo>
                  <a:pt x="8" y="87"/>
                  <a:pt x="8" y="87"/>
                  <a:pt x="8" y="86"/>
                </a:cubicBezTo>
                <a:cubicBezTo>
                  <a:pt x="8" y="86"/>
                  <a:pt x="8" y="86"/>
                  <a:pt x="8" y="86"/>
                </a:cubicBezTo>
                <a:cubicBezTo>
                  <a:pt x="8" y="85"/>
                  <a:pt x="9" y="85"/>
                  <a:pt x="9" y="84"/>
                </a:cubicBezTo>
                <a:cubicBezTo>
                  <a:pt x="9" y="84"/>
                  <a:pt x="9" y="84"/>
                  <a:pt x="9" y="84"/>
                </a:cubicBezTo>
                <a:cubicBezTo>
                  <a:pt x="11" y="82"/>
                  <a:pt x="13" y="80"/>
                  <a:pt x="16" y="80"/>
                </a:cubicBezTo>
                <a:cubicBezTo>
                  <a:pt x="117" y="80"/>
                  <a:pt x="117" y="80"/>
                  <a:pt x="117" y="80"/>
                </a:cubicBezTo>
                <a:cubicBezTo>
                  <a:pt x="119" y="83"/>
                  <a:pt x="120" y="86"/>
                  <a:pt x="122" y="88"/>
                </a:cubicBezTo>
                <a:cubicBezTo>
                  <a:pt x="121" y="89"/>
                  <a:pt x="120" y="90"/>
                  <a:pt x="120" y="92"/>
                </a:cubicBezTo>
                <a:cubicBezTo>
                  <a:pt x="120" y="94"/>
                  <a:pt x="122" y="96"/>
                  <a:pt x="124" y="96"/>
                </a:cubicBezTo>
                <a:cubicBezTo>
                  <a:pt x="129" y="96"/>
                  <a:pt x="129" y="96"/>
                  <a:pt x="129" y="96"/>
                </a:cubicBezTo>
                <a:cubicBezTo>
                  <a:pt x="132" y="99"/>
                  <a:pt x="135" y="102"/>
                  <a:pt x="139" y="104"/>
                </a:cubicBezTo>
                <a:cubicBezTo>
                  <a:pt x="16" y="104"/>
                  <a:pt x="16" y="104"/>
                  <a:pt x="16" y="104"/>
                </a:cubicBezTo>
                <a:cubicBezTo>
                  <a:pt x="16" y="104"/>
                  <a:pt x="16" y="104"/>
                  <a:pt x="16" y="104"/>
                </a:cubicBezTo>
                <a:cubicBezTo>
                  <a:pt x="15" y="104"/>
                  <a:pt x="12" y="102"/>
                  <a:pt x="11" y="100"/>
                </a:cubicBezTo>
                <a:cubicBezTo>
                  <a:pt x="9" y="98"/>
                  <a:pt x="8" y="96"/>
                  <a:pt x="8" y="95"/>
                </a:cubicBezTo>
                <a:lnTo>
                  <a:pt x="8" y="88"/>
                </a:lnTo>
                <a:close/>
                <a:moveTo>
                  <a:pt x="184" y="160"/>
                </a:moveTo>
                <a:cubicBezTo>
                  <a:pt x="184" y="164"/>
                  <a:pt x="180" y="168"/>
                  <a:pt x="176" y="168"/>
                </a:cubicBezTo>
                <a:cubicBezTo>
                  <a:pt x="16" y="168"/>
                  <a:pt x="16" y="168"/>
                  <a:pt x="16" y="168"/>
                </a:cubicBezTo>
                <a:cubicBezTo>
                  <a:pt x="12" y="168"/>
                  <a:pt x="8" y="164"/>
                  <a:pt x="8" y="160"/>
                </a:cubicBezTo>
                <a:cubicBezTo>
                  <a:pt x="8" y="152"/>
                  <a:pt x="8" y="152"/>
                  <a:pt x="8" y="152"/>
                </a:cubicBezTo>
                <a:cubicBezTo>
                  <a:pt x="8" y="148"/>
                  <a:pt x="12" y="144"/>
                  <a:pt x="16" y="144"/>
                </a:cubicBezTo>
                <a:cubicBezTo>
                  <a:pt x="176" y="144"/>
                  <a:pt x="176" y="144"/>
                  <a:pt x="176" y="144"/>
                </a:cubicBezTo>
                <a:cubicBezTo>
                  <a:pt x="176" y="144"/>
                  <a:pt x="176" y="144"/>
                  <a:pt x="176" y="144"/>
                </a:cubicBezTo>
                <a:cubicBezTo>
                  <a:pt x="180" y="144"/>
                  <a:pt x="184" y="148"/>
                  <a:pt x="184" y="152"/>
                </a:cubicBezTo>
                <a:lnTo>
                  <a:pt x="184" y="160"/>
                </a:lnTo>
                <a:close/>
                <a:moveTo>
                  <a:pt x="184" y="128"/>
                </a:moveTo>
                <a:cubicBezTo>
                  <a:pt x="184" y="132"/>
                  <a:pt x="180" y="136"/>
                  <a:pt x="176" y="136"/>
                </a:cubicBezTo>
                <a:cubicBezTo>
                  <a:pt x="16" y="136"/>
                  <a:pt x="16" y="136"/>
                  <a:pt x="16" y="136"/>
                </a:cubicBezTo>
                <a:cubicBezTo>
                  <a:pt x="12" y="136"/>
                  <a:pt x="8" y="132"/>
                  <a:pt x="8" y="128"/>
                </a:cubicBezTo>
                <a:cubicBezTo>
                  <a:pt x="8" y="120"/>
                  <a:pt x="8" y="120"/>
                  <a:pt x="8" y="120"/>
                </a:cubicBezTo>
                <a:cubicBezTo>
                  <a:pt x="8" y="116"/>
                  <a:pt x="12" y="112"/>
                  <a:pt x="16" y="112"/>
                </a:cubicBezTo>
                <a:cubicBezTo>
                  <a:pt x="168" y="112"/>
                  <a:pt x="168" y="112"/>
                  <a:pt x="168" y="112"/>
                </a:cubicBezTo>
                <a:cubicBezTo>
                  <a:pt x="168" y="112"/>
                  <a:pt x="168" y="112"/>
                  <a:pt x="168" y="112"/>
                </a:cubicBezTo>
                <a:cubicBezTo>
                  <a:pt x="168" y="112"/>
                  <a:pt x="168" y="112"/>
                  <a:pt x="168" y="112"/>
                </a:cubicBezTo>
                <a:cubicBezTo>
                  <a:pt x="176" y="112"/>
                  <a:pt x="176" y="112"/>
                  <a:pt x="176" y="112"/>
                </a:cubicBezTo>
                <a:cubicBezTo>
                  <a:pt x="180" y="112"/>
                  <a:pt x="184" y="116"/>
                  <a:pt x="184" y="120"/>
                </a:cubicBezTo>
                <a:lnTo>
                  <a:pt x="184" y="128"/>
                </a:lnTo>
                <a:close/>
                <a:moveTo>
                  <a:pt x="168" y="104"/>
                </a:moveTo>
                <a:cubicBezTo>
                  <a:pt x="141" y="104"/>
                  <a:pt x="120" y="83"/>
                  <a:pt x="120" y="56"/>
                </a:cubicBezTo>
                <a:cubicBezTo>
                  <a:pt x="120" y="29"/>
                  <a:pt x="141" y="8"/>
                  <a:pt x="168" y="8"/>
                </a:cubicBezTo>
                <a:cubicBezTo>
                  <a:pt x="195" y="8"/>
                  <a:pt x="216" y="29"/>
                  <a:pt x="216" y="56"/>
                </a:cubicBezTo>
                <a:cubicBezTo>
                  <a:pt x="216" y="83"/>
                  <a:pt x="195" y="104"/>
                  <a:pt x="168" y="104"/>
                </a:cubicBezTo>
                <a:close/>
                <a:moveTo>
                  <a:pt x="192" y="52"/>
                </a:moveTo>
                <a:cubicBezTo>
                  <a:pt x="172" y="52"/>
                  <a:pt x="172" y="52"/>
                  <a:pt x="172" y="52"/>
                </a:cubicBezTo>
                <a:cubicBezTo>
                  <a:pt x="172" y="32"/>
                  <a:pt x="172" y="32"/>
                  <a:pt x="172" y="32"/>
                </a:cubicBezTo>
                <a:cubicBezTo>
                  <a:pt x="172" y="30"/>
                  <a:pt x="170" y="28"/>
                  <a:pt x="168" y="28"/>
                </a:cubicBezTo>
                <a:cubicBezTo>
                  <a:pt x="166" y="28"/>
                  <a:pt x="164" y="30"/>
                  <a:pt x="164" y="32"/>
                </a:cubicBezTo>
                <a:cubicBezTo>
                  <a:pt x="164" y="52"/>
                  <a:pt x="164" y="52"/>
                  <a:pt x="164" y="52"/>
                </a:cubicBezTo>
                <a:cubicBezTo>
                  <a:pt x="144" y="52"/>
                  <a:pt x="144" y="52"/>
                  <a:pt x="144" y="52"/>
                </a:cubicBezTo>
                <a:cubicBezTo>
                  <a:pt x="142" y="52"/>
                  <a:pt x="140" y="54"/>
                  <a:pt x="140" y="56"/>
                </a:cubicBezTo>
                <a:cubicBezTo>
                  <a:pt x="140" y="58"/>
                  <a:pt x="142" y="60"/>
                  <a:pt x="144" y="60"/>
                </a:cubicBezTo>
                <a:cubicBezTo>
                  <a:pt x="164" y="60"/>
                  <a:pt x="164" y="60"/>
                  <a:pt x="164" y="60"/>
                </a:cubicBezTo>
                <a:cubicBezTo>
                  <a:pt x="164" y="80"/>
                  <a:pt x="164" y="80"/>
                  <a:pt x="164" y="80"/>
                </a:cubicBezTo>
                <a:cubicBezTo>
                  <a:pt x="164" y="82"/>
                  <a:pt x="166" y="84"/>
                  <a:pt x="168" y="84"/>
                </a:cubicBezTo>
                <a:cubicBezTo>
                  <a:pt x="170" y="84"/>
                  <a:pt x="172" y="82"/>
                  <a:pt x="172" y="80"/>
                </a:cubicBezTo>
                <a:cubicBezTo>
                  <a:pt x="172" y="60"/>
                  <a:pt x="172" y="60"/>
                  <a:pt x="172" y="60"/>
                </a:cubicBezTo>
                <a:cubicBezTo>
                  <a:pt x="192" y="60"/>
                  <a:pt x="192" y="60"/>
                  <a:pt x="192" y="60"/>
                </a:cubicBezTo>
                <a:cubicBezTo>
                  <a:pt x="194" y="60"/>
                  <a:pt x="196" y="58"/>
                  <a:pt x="196" y="56"/>
                </a:cubicBezTo>
                <a:cubicBezTo>
                  <a:pt x="196" y="54"/>
                  <a:pt x="194" y="52"/>
                  <a:pt x="192" y="52"/>
                </a:cubicBezTo>
                <a:close/>
              </a:path>
            </a:pathLst>
          </a:custGeom>
          <a:solidFill>
            <a:srgbClr val="0580A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3" name="Rectangle: Rounded Corners 22">
            <a:extLst>
              <a:ext uri="{FF2B5EF4-FFF2-40B4-BE49-F238E27FC236}">
                <a16:creationId xmlns:a16="http://schemas.microsoft.com/office/drawing/2014/main" id="{07C8DFB0-E5F5-F134-8749-E6C777F19997}"/>
              </a:ext>
              <a:ext uri="{C183D7F6-B498-43B3-948B-1728B52AA6E4}">
                <adec:decorative xmlns:adec="http://schemas.microsoft.com/office/drawing/2017/decorative" val="1"/>
              </a:ext>
            </a:extLst>
          </p:cNvPr>
          <p:cNvSpPr>
            <a:spLocks noGrp="1" noRot="1" noMove="1" noResize="1" noEditPoints="1" noAdjustHandles="1" noChangeArrowheads="1" noChangeShapeType="1"/>
          </p:cNvSpPr>
          <p:nvPr/>
        </p:nvSpPr>
        <p:spPr>
          <a:xfrm>
            <a:off x="6632802" y="1703249"/>
            <a:ext cx="5341230" cy="4608001"/>
          </a:xfrm>
          <a:prstGeom prst="roundRect">
            <a:avLst>
              <a:gd name="adj" fmla="val 1693"/>
            </a:avLst>
          </a:prstGeom>
          <a:solidFill>
            <a:srgbClr val="CD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78" name="Rectangle: Rounded Corners 77">
            <a:extLst>
              <a:ext uri="{FF2B5EF4-FFF2-40B4-BE49-F238E27FC236}">
                <a16:creationId xmlns:a16="http://schemas.microsoft.com/office/drawing/2014/main" id="{EECC0B84-756E-9AE8-5449-CD9E4086F958}"/>
              </a:ext>
              <a:ext uri="{C183D7F6-B498-43B3-948B-1728B52AA6E4}">
                <adec:decorative xmlns:adec="http://schemas.microsoft.com/office/drawing/2017/decorative" val="1"/>
              </a:ext>
            </a:extLst>
          </p:cNvPr>
          <p:cNvSpPr/>
          <p:nvPr/>
        </p:nvSpPr>
        <p:spPr>
          <a:xfrm>
            <a:off x="6727678" y="1778659"/>
            <a:ext cx="2479143" cy="4459534"/>
          </a:xfrm>
          <a:prstGeom prst="roundRect">
            <a:avLst>
              <a:gd name="adj" fmla="val 2490"/>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06" name="TextBox 105">
            <a:extLst>
              <a:ext uri="{FF2B5EF4-FFF2-40B4-BE49-F238E27FC236}">
                <a16:creationId xmlns:a16="http://schemas.microsoft.com/office/drawing/2014/main" id="{F85B59EF-007D-F256-6AD6-0A427AFCC781}"/>
              </a:ext>
            </a:extLst>
          </p:cNvPr>
          <p:cNvSpPr txBox="1"/>
          <p:nvPr/>
        </p:nvSpPr>
        <p:spPr>
          <a:xfrm>
            <a:off x="6763188" y="1783465"/>
            <a:ext cx="1609691" cy="246221"/>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dirty="0"/>
              <a:t>Omkostningsdrivere</a:t>
            </a:r>
          </a:p>
        </p:txBody>
      </p:sp>
      <p:sp>
        <p:nvSpPr>
          <p:cNvPr id="176" name="Content Placeholder 5">
            <a:extLst>
              <a:ext uri="{FF2B5EF4-FFF2-40B4-BE49-F238E27FC236}">
                <a16:creationId xmlns:a16="http://schemas.microsoft.com/office/drawing/2014/main" id="{C73B68E7-CDC9-18D9-6CC6-6130B4B6E70B}"/>
              </a:ext>
            </a:extLst>
          </p:cNvPr>
          <p:cNvSpPr txBox="1">
            <a:spLocks/>
          </p:cNvSpPr>
          <p:nvPr/>
        </p:nvSpPr>
        <p:spPr>
          <a:xfrm>
            <a:off x="6858622" y="2022462"/>
            <a:ext cx="2112505" cy="228151"/>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87313" indent="-87313">
              <a:spcAft>
                <a:spcPts val="300"/>
              </a:spcAft>
            </a:pPr>
            <a:r>
              <a:rPr lang="da-DK" sz="700" b="0" i="1" noProof="0">
                <a:solidFill>
                  <a:schemeClr val="tx1"/>
                </a:solidFill>
              </a:rPr>
              <a:t>Omkostningsniveauer er udtryk for en relativ vurdering på tværs af cases foretaget af PA.</a:t>
            </a:r>
          </a:p>
        </p:txBody>
      </p:sp>
      <p:grpSp>
        <p:nvGrpSpPr>
          <p:cNvPr id="113" name="Group 112" descr="Projektledelse er en lille til mellem midlertidig omkostningsdriver">
            <a:extLst>
              <a:ext uri="{FF2B5EF4-FFF2-40B4-BE49-F238E27FC236}">
                <a16:creationId xmlns:a16="http://schemas.microsoft.com/office/drawing/2014/main" id="{8B037889-6BF4-FE54-ED43-EDCE4505B541}"/>
              </a:ext>
              <a:ext uri="{C183D7F6-B498-43B3-948B-1728B52AA6E4}">
                <adec:decorative xmlns:adec="http://schemas.microsoft.com/office/drawing/2017/decorative" val="0"/>
              </a:ext>
            </a:extLst>
          </p:cNvPr>
          <p:cNvGrpSpPr/>
          <p:nvPr/>
        </p:nvGrpSpPr>
        <p:grpSpPr>
          <a:xfrm>
            <a:off x="7290762" y="2788420"/>
            <a:ext cx="1577741" cy="265864"/>
            <a:chOff x="860772" y="4884291"/>
            <a:chExt cx="1487909" cy="250726"/>
          </a:xfrm>
        </p:grpSpPr>
        <p:grpSp>
          <p:nvGrpSpPr>
            <p:cNvPr id="114" name="Group 113">
              <a:extLst>
                <a:ext uri="{FF2B5EF4-FFF2-40B4-BE49-F238E27FC236}">
                  <a16:creationId xmlns:a16="http://schemas.microsoft.com/office/drawing/2014/main" id="{A0299AB5-A460-EEBE-3431-9364ADE9BA41}"/>
                </a:ext>
              </a:extLst>
            </p:cNvPr>
            <p:cNvGrpSpPr/>
            <p:nvPr/>
          </p:nvGrpSpPr>
          <p:grpSpPr>
            <a:xfrm>
              <a:off x="860772" y="4884291"/>
              <a:ext cx="1487909" cy="212473"/>
              <a:chOff x="5354949" y="3009711"/>
              <a:chExt cx="1645739" cy="202758"/>
            </a:xfrm>
          </p:grpSpPr>
          <p:grpSp>
            <p:nvGrpSpPr>
              <p:cNvPr id="116" name="Group 115">
                <a:extLst>
                  <a:ext uri="{FF2B5EF4-FFF2-40B4-BE49-F238E27FC236}">
                    <a16:creationId xmlns:a16="http://schemas.microsoft.com/office/drawing/2014/main" id="{12744386-FA15-928A-041B-D0240D46C033}"/>
                  </a:ext>
                </a:extLst>
              </p:cNvPr>
              <p:cNvGrpSpPr/>
              <p:nvPr/>
            </p:nvGrpSpPr>
            <p:grpSpPr>
              <a:xfrm>
                <a:off x="5458296" y="3153610"/>
                <a:ext cx="1445092" cy="45719"/>
                <a:chOff x="5458296" y="3153610"/>
                <a:chExt cx="1445092" cy="45719"/>
              </a:xfrm>
            </p:grpSpPr>
            <p:cxnSp>
              <p:nvCxnSpPr>
                <p:cNvPr id="120" name="Straight Connector 119">
                  <a:extLst>
                    <a:ext uri="{FF2B5EF4-FFF2-40B4-BE49-F238E27FC236}">
                      <a16:creationId xmlns:a16="http://schemas.microsoft.com/office/drawing/2014/main" id="{95FD5FAF-A1DA-7C07-8CD6-A3DF879AD39A}"/>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21" name="Oval 120">
                  <a:extLst>
                    <a:ext uri="{FF2B5EF4-FFF2-40B4-BE49-F238E27FC236}">
                      <a16:creationId xmlns:a16="http://schemas.microsoft.com/office/drawing/2014/main" id="{C276E6A9-FCF1-0FC1-23D5-47CC71D7A438}"/>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22" name="Oval 121">
                  <a:extLst>
                    <a:ext uri="{FF2B5EF4-FFF2-40B4-BE49-F238E27FC236}">
                      <a16:creationId xmlns:a16="http://schemas.microsoft.com/office/drawing/2014/main" id="{4744AD53-5C1F-DA06-5BB1-CD2FBBB24648}"/>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17" name="Straight Connector 116">
                <a:extLst>
                  <a:ext uri="{FF2B5EF4-FFF2-40B4-BE49-F238E27FC236}">
                    <a16:creationId xmlns:a16="http://schemas.microsoft.com/office/drawing/2014/main" id="{B5F5C7A5-8ABE-1946-6E5E-CACBDE384C6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18" name="TextBox 117">
                <a:extLst>
                  <a:ext uri="{FF2B5EF4-FFF2-40B4-BE49-F238E27FC236}">
                    <a16:creationId xmlns:a16="http://schemas.microsoft.com/office/drawing/2014/main" id="{92C75FD6-2710-2A76-3FAC-4E1A5DB67EEB}"/>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19" name="TextBox 118">
                <a:extLst>
                  <a:ext uri="{FF2B5EF4-FFF2-40B4-BE49-F238E27FC236}">
                    <a16:creationId xmlns:a16="http://schemas.microsoft.com/office/drawing/2014/main" id="{9E2CB561-3A6F-BDA7-164D-D698F078C69A}"/>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15" name="Oval 114">
              <a:extLst>
                <a:ext uri="{FF2B5EF4-FFF2-40B4-BE49-F238E27FC236}">
                  <a16:creationId xmlns:a16="http://schemas.microsoft.com/office/drawing/2014/main" id="{AE8F6BEA-4D1E-6151-BA32-664B575395AF}"/>
                </a:ext>
              </a:extLst>
            </p:cNvPr>
            <p:cNvSpPr/>
            <p:nvPr/>
          </p:nvSpPr>
          <p:spPr>
            <a:xfrm>
              <a:off x="131728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26" name="Group 125" descr="Organisatorisk implementering er en lille til mellem midlertidig omkostningsdriver">
            <a:extLst>
              <a:ext uri="{FF2B5EF4-FFF2-40B4-BE49-F238E27FC236}">
                <a16:creationId xmlns:a16="http://schemas.microsoft.com/office/drawing/2014/main" id="{488654C4-DE00-7847-53EA-1B5DA196F3A4}"/>
              </a:ext>
              <a:ext uri="{C183D7F6-B498-43B3-948B-1728B52AA6E4}">
                <adec:decorative xmlns:adec="http://schemas.microsoft.com/office/drawing/2017/decorative" val="0"/>
              </a:ext>
            </a:extLst>
          </p:cNvPr>
          <p:cNvGrpSpPr/>
          <p:nvPr/>
        </p:nvGrpSpPr>
        <p:grpSpPr>
          <a:xfrm>
            <a:off x="7290762" y="3344608"/>
            <a:ext cx="1577741" cy="265864"/>
            <a:chOff x="860772" y="4884291"/>
            <a:chExt cx="1487909" cy="250726"/>
          </a:xfrm>
        </p:grpSpPr>
        <p:grpSp>
          <p:nvGrpSpPr>
            <p:cNvPr id="127" name="Group 126">
              <a:extLst>
                <a:ext uri="{FF2B5EF4-FFF2-40B4-BE49-F238E27FC236}">
                  <a16:creationId xmlns:a16="http://schemas.microsoft.com/office/drawing/2014/main" id="{494C97D8-DAB3-C345-2DDD-A80F25A6D0CE}"/>
                </a:ext>
              </a:extLst>
            </p:cNvPr>
            <p:cNvGrpSpPr/>
            <p:nvPr/>
          </p:nvGrpSpPr>
          <p:grpSpPr>
            <a:xfrm>
              <a:off x="860772" y="4884291"/>
              <a:ext cx="1487909" cy="212473"/>
              <a:chOff x="5354949" y="3009711"/>
              <a:chExt cx="1645739" cy="202758"/>
            </a:xfrm>
          </p:grpSpPr>
          <p:grpSp>
            <p:nvGrpSpPr>
              <p:cNvPr id="129" name="Group 128">
                <a:extLst>
                  <a:ext uri="{FF2B5EF4-FFF2-40B4-BE49-F238E27FC236}">
                    <a16:creationId xmlns:a16="http://schemas.microsoft.com/office/drawing/2014/main" id="{7F4E14B6-66A7-8279-3618-8476F658046F}"/>
                  </a:ext>
                </a:extLst>
              </p:cNvPr>
              <p:cNvGrpSpPr/>
              <p:nvPr/>
            </p:nvGrpSpPr>
            <p:grpSpPr>
              <a:xfrm>
                <a:off x="5458296" y="3153610"/>
                <a:ext cx="1445092" cy="45719"/>
                <a:chOff x="5458296" y="3153610"/>
                <a:chExt cx="1445092" cy="45719"/>
              </a:xfrm>
            </p:grpSpPr>
            <p:cxnSp>
              <p:nvCxnSpPr>
                <p:cNvPr id="133" name="Straight Connector 132">
                  <a:extLst>
                    <a:ext uri="{FF2B5EF4-FFF2-40B4-BE49-F238E27FC236}">
                      <a16:creationId xmlns:a16="http://schemas.microsoft.com/office/drawing/2014/main" id="{83C101C2-6F0F-8C5C-1483-7D3E52C18B91}"/>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34" name="Oval 133">
                  <a:extLst>
                    <a:ext uri="{FF2B5EF4-FFF2-40B4-BE49-F238E27FC236}">
                      <a16:creationId xmlns:a16="http://schemas.microsoft.com/office/drawing/2014/main" id="{C6BBA73A-0F2C-FE5D-A3AE-307BDF5ACAF4}"/>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35" name="Oval 134">
                  <a:extLst>
                    <a:ext uri="{FF2B5EF4-FFF2-40B4-BE49-F238E27FC236}">
                      <a16:creationId xmlns:a16="http://schemas.microsoft.com/office/drawing/2014/main" id="{9385E0FE-FE48-B13E-D64C-6BA247AD8A90}"/>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30" name="Straight Connector 129">
                <a:extLst>
                  <a:ext uri="{FF2B5EF4-FFF2-40B4-BE49-F238E27FC236}">
                    <a16:creationId xmlns:a16="http://schemas.microsoft.com/office/drawing/2014/main" id="{DB1D48C5-BBDD-086B-CA2A-4B472A32FEE7}"/>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31" name="TextBox 130">
                <a:extLst>
                  <a:ext uri="{FF2B5EF4-FFF2-40B4-BE49-F238E27FC236}">
                    <a16:creationId xmlns:a16="http://schemas.microsoft.com/office/drawing/2014/main" id="{9B454436-0CD7-8A5D-D813-30D4DC84E2FC}"/>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32" name="TextBox 131">
                <a:extLst>
                  <a:ext uri="{FF2B5EF4-FFF2-40B4-BE49-F238E27FC236}">
                    <a16:creationId xmlns:a16="http://schemas.microsoft.com/office/drawing/2014/main" id="{2875FDEA-0A9E-14CA-1F13-B6856A864361}"/>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28" name="Oval 127">
              <a:extLst>
                <a:ext uri="{FF2B5EF4-FFF2-40B4-BE49-F238E27FC236}">
                  <a16:creationId xmlns:a16="http://schemas.microsoft.com/office/drawing/2014/main" id="{BB4A5EF0-067C-CD25-E1CF-D1DFAD28E62E}"/>
                </a:ext>
              </a:extLst>
            </p:cNvPr>
            <p:cNvSpPr/>
            <p:nvPr/>
          </p:nvSpPr>
          <p:spPr>
            <a:xfrm>
              <a:off x="121751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66" name="Group 165" descr="Teknisk implementering er en mellem til stor midlertidig omkostningsdriver">
            <a:extLst>
              <a:ext uri="{FF2B5EF4-FFF2-40B4-BE49-F238E27FC236}">
                <a16:creationId xmlns:a16="http://schemas.microsoft.com/office/drawing/2014/main" id="{CB2E65F4-5A29-D6F1-3635-5D37C6A32F31}"/>
              </a:ext>
              <a:ext uri="{C183D7F6-B498-43B3-948B-1728B52AA6E4}">
                <adec:decorative xmlns:adec="http://schemas.microsoft.com/office/drawing/2017/decorative" val="0"/>
              </a:ext>
            </a:extLst>
          </p:cNvPr>
          <p:cNvGrpSpPr/>
          <p:nvPr/>
        </p:nvGrpSpPr>
        <p:grpSpPr>
          <a:xfrm>
            <a:off x="7290762" y="3922767"/>
            <a:ext cx="1577740" cy="265864"/>
            <a:chOff x="860772" y="4884291"/>
            <a:chExt cx="1487909" cy="250726"/>
          </a:xfrm>
        </p:grpSpPr>
        <p:grpSp>
          <p:nvGrpSpPr>
            <p:cNvPr id="167" name="Group 166">
              <a:extLst>
                <a:ext uri="{FF2B5EF4-FFF2-40B4-BE49-F238E27FC236}">
                  <a16:creationId xmlns:a16="http://schemas.microsoft.com/office/drawing/2014/main" id="{CB364B28-9EE3-99E6-63CC-EFED71EEA81E}"/>
                </a:ext>
              </a:extLst>
            </p:cNvPr>
            <p:cNvGrpSpPr/>
            <p:nvPr/>
          </p:nvGrpSpPr>
          <p:grpSpPr>
            <a:xfrm>
              <a:off x="860772" y="4884291"/>
              <a:ext cx="1487909" cy="212473"/>
              <a:chOff x="5354949" y="3009711"/>
              <a:chExt cx="1645739" cy="202758"/>
            </a:xfrm>
          </p:grpSpPr>
          <p:grpSp>
            <p:nvGrpSpPr>
              <p:cNvPr id="169" name="Group 168">
                <a:extLst>
                  <a:ext uri="{FF2B5EF4-FFF2-40B4-BE49-F238E27FC236}">
                    <a16:creationId xmlns:a16="http://schemas.microsoft.com/office/drawing/2014/main" id="{A6D56ACB-92E8-B560-7859-E88117D42EEB}"/>
                  </a:ext>
                </a:extLst>
              </p:cNvPr>
              <p:cNvGrpSpPr/>
              <p:nvPr/>
            </p:nvGrpSpPr>
            <p:grpSpPr>
              <a:xfrm>
                <a:off x="5458296" y="3153610"/>
                <a:ext cx="1445092" cy="45719"/>
                <a:chOff x="5458296" y="3153610"/>
                <a:chExt cx="1445092" cy="45719"/>
              </a:xfrm>
            </p:grpSpPr>
            <p:cxnSp>
              <p:nvCxnSpPr>
                <p:cNvPr id="173" name="Straight Connector 172">
                  <a:extLst>
                    <a:ext uri="{FF2B5EF4-FFF2-40B4-BE49-F238E27FC236}">
                      <a16:creationId xmlns:a16="http://schemas.microsoft.com/office/drawing/2014/main" id="{43037A04-3773-1D63-F759-181D824E2341}"/>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74" name="Oval 173">
                  <a:extLst>
                    <a:ext uri="{FF2B5EF4-FFF2-40B4-BE49-F238E27FC236}">
                      <a16:creationId xmlns:a16="http://schemas.microsoft.com/office/drawing/2014/main" id="{A55A482C-A545-B0DE-5C5A-76074CB06612}"/>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75" name="Oval 174">
                  <a:extLst>
                    <a:ext uri="{FF2B5EF4-FFF2-40B4-BE49-F238E27FC236}">
                      <a16:creationId xmlns:a16="http://schemas.microsoft.com/office/drawing/2014/main" id="{6A58C003-D48A-39B4-A013-9680F8C6D2D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70" name="Straight Connector 169">
                <a:extLst>
                  <a:ext uri="{FF2B5EF4-FFF2-40B4-BE49-F238E27FC236}">
                    <a16:creationId xmlns:a16="http://schemas.microsoft.com/office/drawing/2014/main" id="{B15254DE-79A6-0BA4-F46B-4D9B59124BC0}"/>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1" name="TextBox 170">
                <a:extLst>
                  <a:ext uri="{FF2B5EF4-FFF2-40B4-BE49-F238E27FC236}">
                    <a16:creationId xmlns:a16="http://schemas.microsoft.com/office/drawing/2014/main" id="{0C1BB0CC-D2A9-D36F-1AD0-F57034F13AC6}"/>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72" name="TextBox 171">
                <a:extLst>
                  <a:ext uri="{FF2B5EF4-FFF2-40B4-BE49-F238E27FC236}">
                    <a16:creationId xmlns:a16="http://schemas.microsoft.com/office/drawing/2014/main" id="{19BBD63D-8A03-BFFA-BF32-D19620EC4FDA}"/>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68" name="Oval 167">
              <a:extLst>
                <a:ext uri="{FF2B5EF4-FFF2-40B4-BE49-F238E27FC236}">
                  <a16:creationId xmlns:a16="http://schemas.microsoft.com/office/drawing/2014/main" id="{199ACCD9-EFE6-CC16-E1F6-971E8E8B28A1}"/>
                </a:ext>
              </a:extLst>
            </p:cNvPr>
            <p:cNvSpPr/>
            <p:nvPr/>
          </p:nvSpPr>
          <p:spPr>
            <a:xfrm>
              <a:off x="1690750"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36" name="Group 135" descr="Teknologi er en mellem driftsomkostning">
            <a:extLst>
              <a:ext uri="{FF2B5EF4-FFF2-40B4-BE49-F238E27FC236}">
                <a16:creationId xmlns:a16="http://schemas.microsoft.com/office/drawing/2014/main" id="{FBF39143-5FCF-6D0E-1CA3-10798D9122CF}"/>
              </a:ext>
              <a:ext uri="{C183D7F6-B498-43B3-948B-1728B52AA6E4}">
                <adec:decorative xmlns:adec="http://schemas.microsoft.com/office/drawing/2017/decorative" val="0"/>
              </a:ext>
            </a:extLst>
          </p:cNvPr>
          <p:cNvGrpSpPr/>
          <p:nvPr/>
        </p:nvGrpSpPr>
        <p:grpSpPr>
          <a:xfrm>
            <a:off x="7290762" y="4818452"/>
            <a:ext cx="1577741" cy="265864"/>
            <a:chOff x="860772" y="4884291"/>
            <a:chExt cx="1487909" cy="250726"/>
          </a:xfrm>
        </p:grpSpPr>
        <p:grpSp>
          <p:nvGrpSpPr>
            <p:cNvPr id="137" name="Group 136">
              <a:extLst>
                <a:ext uri="{FF2B5EF4-FFF2-40B4-BE49-F238E27FC236}">
                  <a16:creationId xmlns:a16="http://schemas.microsoft.com/office/drawing/2014/main" id="{B8FF021E-D442-9F33-6BF4-B269B30AD487}"/>
                </a:ext>
              </a:extLst>
            </p:cNvPr>
            <p:cNvGrpSpPr/>
            <p:nvPr/>
          </p:nvGrpSpPr>
          <p:grpSpPr>
            <a:xfrm>
              <a:off x="860772" y="4884291"/>
              <a:ext cx="1487909" cy="212473"/>
              <a:chOff x="5354949" y="3009711"/>
              <a:chExt cx="1645739" cy="202758"/>
            </a:xfrm>
          </p:grpSpPr>
          <p:grpSp>
            <p:nvGrpSpPr>
              <p:cNvPr id="139" name="Group 138">
                <a:extLst>
                  <a:ext uri="{FF2B5EF4-FFF2-40B4-BE49-F238E27FC236}">
                    <a16:creationId xmlns:a16="http://schemas.microsoft.com/office/drawing/2014/main" id="{98C3BC7F-2C0E-DE3E-943B-63F492BF35FC}"/>
                  </a:ext>
                </a:extLst>
              </p:cNvPr>
              <p:cNvGrpSpPr/>
              <p:nvPr/>
            </p:nvGrpSpPr>
            <p:grpSpPr>
              <a:xfrm>
                <a:off x="5458296" y="3153610"/>
                <a:ext cx="1445092" cy="45719"/>
                <a:chOff x="5458296" y="3153610"/>
                <a:chExt cx="1445092" cy="45719"/>
              </a:xfrm>
            </p:grpSpPr>
            <p:cxnSp>
              <p:nvCxnSpPr>
                <p:cNvPr id="143" name="Straight Connector 142">
                  <a:extLst>
                    <a:ext uri="{FF2B5EF4-FFF2-40B4-BE49-F238E27FC236}">
                      <a16:creationId xmlns:a16="http://schemas.microsoft.com/office/drawing/2014/main" id="{09EA6E2C-DDD6-67F0-3912-DD32C4159316}"/>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44" name="Oval 143">
                  <a:extLst>
                    <a:ext uri="{FF2B5EF4-FFF2-40B4-BE49-F238E27FC236}">
                      <a16:creationId xmlns:a16="http://schemas.microsoft.com/office/drawing/2014/main" id="{EF98B5D1-92BA-85D7-4D4D-6313BFF6566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45" name="Oval 144">
                  <a:extLst>
                    <a:ext uri="{FF2B5EF4-FFF2-40B4-BE49-F238E27FC236}">
                      <a16:creationId xmlns:a16="http://schemas.microsoft.com/office/drawing/2014/main" id="{13E2BAAA-F848-4939-D417-8D50A463A906}"/>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40" name="Straight Connector 139">
                <a:extLst>
                  <a:ext uri="{FF2B5EF4-FFF2-40B4-BE49-F238E27FC236}">
                    <a16:creationId xmlns:a16="http://schemas.microsoft.com/office/drawing/2014/main" id="{A8D14B85-9B08-05C9-B96E-572122819FA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41" name="TextBox 140">
                <a:extLst>
                  <a:ext uri="{FF2B5EF4-FFF2-40B4-BE49-F238E27FC236}">
                    <a16:creationId xmlns:a16="http://schemas.microsoft.com/office/drawing/2014/main" id="{61975823-91F6-8245-C58C-F39F5E9A135F}"/>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42" name="TextBox 141">
                <a:extLst>
                  <a:ext uri="{FF2B5EF4-FFF2-40B4-BE49-F238E27FC236}">
                    <a16:creationId xmlns:a16="http://schemas.microsoft.com/office/drawing/2014/main" id="{67D4AD9B-9529-F072-5DC1-E5D267916315}"/>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38" name="Oval 137">
              <a:extLst>
                <a:ext uri="{FF2B5EF4-FFF2-40B4-BE49-F238E27FC236}">
                  <a16:creationId xmlns:a16="http://schemas.microsoft.com/office/drawing/2014/main" id="{A5FBC619-000B-2AC6-2D12-C3774A72AEFB}"/>
                </a:ext>
              </a:extLst>
            </p:cNvPr>
            <p:cNvSpPr/>
            <p:nvPr/>
          </p:nvSpPr>
          <p:spPr>
            <a:xfrm>
              <a:off x="1536196"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46" name="Group 145" descr="Nye kompetencer er en lille til mellem driftsomkostning">
            <a:extLst>
              <a:ext uri="{FF2B5EF4-FFF2-40B4-BE49-F238E27FC236}">
                <a16:creationId xmlns:a16="http://schemas.microsoft.com/office/drawing/2014/main" id="{DF72750E-6D2B-DDE6-0EF5-CC38FC09EBC9}"/>
              </a:ext>
              <a:ext uri="{C183D7F6-B498-43B3-948B-1728B52AA6E4}">
                <adec:decorative xmlns:adec="http://schemas.microsoft.com/office/drawing/2017/decorative" val="0"/>
              </a:ext>
            </a:extLst>
          </p:cNvPr>
          <p:cNvGrpSpPr/>
          <p:nvPr/>
        </p:nvGrpSpPr>
        <p:grpSpPr>
          <a:xfrm>
            <a:off x="7290762" y="5350882"/>
            <a:ext cx="1577741" cy="265864"/>
            <a:chOff x="860772" y="4884291"/>
            <a:chExt cx="1487909" cy="250726"/>
          </a:xfrm>
        </p:grpSpPr>
        <p:grpSp>
          <p:nvGrpSpPr>
            <p:cNvPr id="147" name="Group 146">
              <a:extLst>
                <a:ext uri="{FF2B5EF4-FFF2-40B4-BE49-F238E27FC236}">
                  <a16:creationId xmlns:a16="http://schemas.microsoft.com/office/drawing/2014/main" id="{E8943871-FEBD-D56A-2E94-898BC88045BE}"/>
                </a:ext>
              </a:extLst>
            </p:cNvPr>
            <p:cNvGrpSpPr/>
            <p:nvPr/>
          </p:nvGrpSpPr>
          <p:grpSpPr>
            <a:xfrm>
              <a:off x="860772" y="4884291"/>
              <a:ext cx="1487909" cy="212473"/>
              <a:chOff x="5354949" y="3009711"/>
              <a:chExt cx="1645739" cy="202758"/>
            </a:xfrm>
          </p:grpSpPr>
          <p:grpSp>
            <p:nvGrpSpPr>
              <p:cNvPr id="149" name="Group 148">
                <a:extLst>
                  <a:ext uri="{FF2B5EF4-FFF2-40B4-BE49-F238E27FC236}">
                    <a16:creationId xmlns:a16="http://schemas.microsoft.com/office/drawing/2014/main" id="{CDF6D7A1-D0AC-8260-7787-F2470B943DF4}"/>
                  </a:ext>
                </a:extLst>
              </p:cNvPr>
              <p:cNvGrpSpPr/>
              <p:nvPr/>
            </p:nvGrpSpPr>
            <p:grpSpPr>
              <a:xfrm>
                <a:off x="5458296" y="3153610"/>
                <a:ext cx="1445092" cy="45719"/>
                <a:chOff x="5458296" y="3153610"/>
                <a:chExt cx="1445092" cy="45719"/>
              </a:xfrm>
            </p:grpSpPr>
            <p:cxnSp>
              <p:nvCxnSpPr>
                <p:cNvPr id="153" name="Straight Connector 152">
                  <a:extLst>
                    <a:ext uri="{FF2B5EF4-FFF2-40B4-BE49-F238E27FC236}">
                      <a16:creationId xmlns:a16="http://schemas.microsoft.com/office/drawing/2014/main" id="{AFA58D43-76A6-E7D1-56A6-155456E5BD3C}"/>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54" name="Oval 153">
                  <a:extLst>
                    <a:ext uri="{FF2B5EF4-FFF2-40B4-BE49-F238E27FC236}">
                      <a16:creationId xmlns:a16="http://schemas.microsoft.com/office/drawing/2014/main" id="{F03B2285-DCD7-BD4B-A638-5BEA6E214843}"/>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55" name="Oval 154">
                  <a:extLst>
                    <a:ext uri="{FF2B5EF4-FFF2-40B4-BE49-F238E27FC236}">
                      <a16:creationId xmlns:a16="http://schemas.microsoft.com/office/drawing/2014/main" id="{CB961ED2-1A96-5F66-860A-E8D702C3A155}"/>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50" name="Straight Connector 149">
                <a:extLst>
                  <a:ext uri="{FF2B5EF4-FFF2-40B4-BE49-F238E27FC236}">
                    <a16:creationId xmlns:a16="http://schemas.microsoft.com/office/drawing/2014/main" id="{94B7727D-486A-4800-9E19-18A2A0711DF3}"/>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51" name="TextBox 150">
                <a:extLst>
                  <a:ext uri="{FF2B5EF4-FFF2-40B4-BE49-F238E27FC236}">
                    <a16:creationId xmlns:a16="http://schemas.microsoft.com/office/drawing/2014/main" id="{1F164C49-BF06-759A-1199-EEDB67D5EAA7}"/>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52" name="TextBox 151">
                <a:extLst>
                  <a:ext uri="{FF2B5EF4-FFF2-40B4-BE49-F238E27FC236}">
                    <a16:creationId xmlns:a16="http://schemas.microsoft.com/office/drawing/2014/main" id="{44489745-B61C-47AC-58A5-A8694A9B4C81}"/>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48" name="Oval 147">
              <a:extLst>
                <a:ext uri="{FF2B5EF4-FFF2-40B4-BE49-F238E27FC236}">
                  <a16:creationId xmlns:a16="http://schemas.microsoft.com/office/drawing/2014/main" id="{591C4E7E-BEC0-B5DE-C6AA-A71E139C1E06}"/>
                </a:ext>
              </a:extLst>
            </p:cNvPr>
            <p:cNvSpPr/>
            <p:nvPr/>
          </p:nvSpPr>
          <p:spPr>
            <a:xfrm>
              <a:off x="1220878"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156" name="Group 155" descr="Drift og support er en mellem driftsomkostning">
            <a:extLst>
              <a:ext uri="{FF2B5EF4-FFF2-40B4-BE49-F238E27FC236}">
                <a16:creationId xmlns:a16="http://schemas.microsoft.com/office/drawing/2014/main" id="{25561904-FFA3-529E-30EC-2BCCC6EEBAA9}"/>
              </a:ext>
              <a:ext uri="{C183D7F6-B498-43B3-948B-1728B52AA6E4}">
                <adec:decorative xmlns:adec="http://schemas.microsoft.com/office/drawing/2017/decorative" val="0"/>
              </a:ext>
            </a:extLst>
          </p:cNvPr>
          <p:cNvGrpSpPr/>
          <p:nvPr/>
        </p:nvGrpSpPr>
        <p:grpSpPr>
          <a:xfrm>
            <a:off x="7290762" y="5883313"/>
            <a:ext cx="1577741" cy="265864"/>
            <a:chOff x="860772" y="4884291"/>
            <a:chExt cx="1487909" cy="250726"/>
          </a:xfrm>
        </p:grpSpPr>
        <p:grpSp>
          <p:nvGrpSpPr>
            <p:cNvPr id="157" name="Group 156">
              <a:extLst>
                <a:ext uri="{FF2B5EF4-FFF2-40B4-BE49-F238E27FC236}">
                  <a16:creationId xmlns:a16="http://schemas.microsoft.com/office/drawing/2014/main" id="{14D19AC0-0EB1-9136-1C39-40383A26711D}"/>
                </a:ext>
              </a:extLst>
            </p:cNvPr>
            <p:cNvGrpSpPr/>
            <p:nvPr/>
          </p:nvGrpSpPr>
          <p:grpSpPr>
            <a:xfrm>
              <a:off x="860772" y="4884291"/>
              <a:ext cx="1487909" cy="212473"/>
              <a:chOff x="5354949" y="3009711"/>
              <a:chExt cx="1645739" cy="202758"/>
            </a:xfrm>
          </p:grpSpPr>
          <p:grpSp>
            <p:nvGrpSpPr>
              <p:cNvPr id="159" name="Group 158">
                <a:extLst>
                  <a:ext uri="{FF2B5EF4-FFF2-40B4-BE49-F238E27FC236}">
                    <a16:creationId xmlns:a16="http://schemas.microsoft.com/office/drawing/2014/main" id="{9E4B8882-0E75-DA20-DA86-DC7CB7B54A68}"/>
                  </a:ext>
                </a:extLst>
              </p:cNvPr>
              <p:cNvGrpSpPr/>
              <p:nvPr/>
            </p:nvGrpSpPr>
            <p:grpSpPr>
              <a:xfrm>
                <a:off x="5458296" y="3153610"/>
                <a:ext cx="1445092" cy="45719"/>
                <a:chOff x="5458296" y="3153610"/>
                <a:chExt cx="1445092" cy="45719"/>
              </a:xfrm>
            </p:grpSpPr>
            <p:cxnSp>
              <p:nvCxnSpPr>
                <p:cNvPr id="163" name="Straight Connector 162">
                  <a:extLst>
                    <a:ext uri="{FF2B5EF4-FFF2-40B4-BE49-F238E27FC236}">
                      <a16:creationId xmlns:a16="http://schemas.microsoft.com/office/drawing/2014/main" id="{732F97F5-0393-4404-158B-D413E7A281C3}"/>
                    </a:ext>
                  </a:extLst>
                </p:cNvPr>
                <p:cNvCxnSpPr>
                  <a:cxnSpLocks/>
                </p:cNvCxnSpPr>
                <p:nvPr/>
              </p:nvCxnSpPr>
              <p:spPr>
                <a:xfrm>
                  <a:off x="5498895" y="3176470"/>
                  <a:ext cx="1375588"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64" name="Oval 163">
                  <a:extLst>
                    <a:ext uri="{FF2B5EF4-FFF2-40B4-BE49-F238E27FC236}">
                      <a16:creationId xmlns:a16="http://schemas.microsoft.com/office/drawing/2014/main" id="{BBE29CC2-1AB9-2B60-71FD-945284589460}"/>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65" name="Oval 164">
                  <a:extLst>
                    <a:ext uri="{FF2B5EF4-FFF2-40B4-BE49-F238E27FC236}">
                      <a16:creationId xmlns:a16="http://schemas.microsoft.com/office/drawing/2014/main" id="{2CB8A651-30F8-3EC4-937A-8622B37CE4C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60" name="Straight Connector 159">
                <a:extLst>
                  <a:ext uri="{FF2B5EF4-FFF2-40B4-BE49-F238E27FC236}">
                    <a16:creationId xmlns:a16="http://schemas.microsoft.com/office/drawing/2014/main" id="{00AB9296-062E-106E-08F3-5EB7C6B882F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1" name="TextBox 160">
                <a:extLst>
                  <a:ext uri="{FF2B5EF4-FFF2-40B4-BE49-F238E27FC236}">
                    <a16:creationId xmlns:a16="http://schemas.microsoft.com/office/drawing/2014/main" id="{BC320A4A-EACC-8079-BB27-BAFF453CF335}"/>
                  </a:ext>
                </a:extLst>
              </p:cNvPr>
              <p:cNvSpPr txBox="1"/>
              <p:nvPr/>
            </p:nvSpPr>
            <p:spPr>
              <a:xfrm>
                <a:off x="5354949" y="3009711"/>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ille</a:t>
                </a:r>
              </a:p>
            </p:txBody>
          </p:sp>
          <p:sp>
            <p:nvSpPr>
              <p:cNvPr id="162" name="TextBox 161">
                <a:extLst>
                  <a:ext uri="{FF2B5EF4-FFF2-40B4-BE49-F238E27FC236}">
                    <a16:creationId xmlns:a16="http://schemas.microsoft.com/office/drawing/2014/main" id="{9FC47278-E660-4893-9FC5-08205DB064EC}"/>
                  </a:ext>
                </a:extLst>
              </p:cNvPr>
              <p:cNvSpPr txBox="1"/>
              <p:nvPr/>
            </p:nvSpPr>
            <p:spPr>
              <a:xfrm>
                <a:off x="6748277" y="3009726"/>
                <a:ext cx="252411" cy="88112"/>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tor</a:t>
                </a:r>
              </a:p>
            </p:txBody>
          </p:sp>
        </p:grpSp>
        <p:sp>
          <p:nvSpPr>
            <p:cNvPr id="158" name="Oval 157">
              <a:extLst>
                <a:ext uri="{FF2B5EF4-FFF2-40B4-BE49-F238E27FC236}">
                  <a16:creationId xmlns:a16="http://schemas.microsoft.com/office/drawing/2014/main" id="{09787674-E736-A00D-6FC3-1348675EFECE}"/>
                </a:ext>
              </a:extLst>
            </p:cNvPr>
            <p:cNvSpPr/>
            <p:nvPr/>
          </p:nvSpPr>
          <p:spPr>
            <a:xfrm>
              <a:off x="1536195" y="4991017"/>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25" name="TextBox 24">
            <a:extLst>
              <a:ext uri="{FF2B5EF4-FFF2-40B4-BE49-F238E27FC236}">
                <a16:creationId xmlns:a16="http://schemas.microsoft.com/office/drawing/2014/main" id="{91005DD5-51DD-04A0-EF9D-3D933CD5E168}"/>
              </a:ext>
            </a:extLst>
          </p:cNvPr>
          <p:cNvSpPr txBox="1"/>
          <p:nvPr/>
        </p:nvSpPr>
        <p:spPr>
          <a:xfrm>
            <a:off x="9424728" y="1773159"/>
            <a:ext cx="2013864" cy="261610"/>
          </a:xfrm>
          <a:prstGeom prst="rect">
            <a:avLst/>
          </a:prstGeom>
          <a:noFill/>
          <a:ln w="9525" cap="flat" cmpd="sng" algn="ctr">
            <a:noFill/>
            <a:prstDash val="solid"/>
            <a:miter lim="800000"/>
            <a:headEnd type="none" w="med" len="med"/>
            <a:tailEnd type="none" w="med" len="med"/>
          </a:ln>
          <a:effectLst/>
          <a:extLst>
            <a:ext uri="{909E8E84-426E-40DD-AFC4-6F175D3DCCD1}">
              <a14:hiddenFill xmlns:a14="http://schemas.microsoft.com/office/drawing/2010/main">
                <a:solidFill>
                  <a:schemeClr val="accent2"/>
                </a:solidFill>
              </a14:hiddenFill>
            </a:ex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defRPr sz="1000" b="1">
                <a:solidFill>
                  <a:srgbClr val="36465A"/>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sz="1100" noProof="0"/>
              <a:t>Nøgletal</a:t>
            </a:r>
          </a:p>
        </p:txBody>
      </p:sp>
      <p:sp>
        <p:nvSpPr>
          <p:cNvPr id="26" name="TextBox 25">
            <a:extLst>
              <a:ext uri="{FF2B5EF4-FFF2-40B4-BE49-F238E27FC236}">
                <a16:creationId xmlns:a16="http://schemas.microsoft.com/office/drawing/2014/main" id="{3150AA2C-2650-EB48-F27C-2EEC8E3F7C45}"/>
              </a:ext>
            </a:extLst>
          </p:cNvPr>
          <p:cNvSpPr txBox="1"/>
          <p:nvPr/>
        </p:nvSpPr>
        <p:spPr>
          <a:xfrm>
            <a:off x="10330125" y="2033118"/>
            <a:ext cx="1334894" cy="830997"/>
          </a:xfrm>
          <a:prstGeom prst="rect">
            <a:avLst/>
          </a:prstGeom>
          <a:noFill/>
        </p:spPr>
        <p:txBody>
          <a:bodyPr wrap="square">
            <a:spAutoFit/>
          </a:bodyPr>
          <a:lstStyle/>
          <a:p>
            <a:r>
              <a:rPr lang="da-DK" sz="1600" noProof="0">
                <a:solidFill>
                  <a:srgbClr val="EE2F66"/>
                </a:solidFill>
              </a:rPr>
              <a:t>632</a:t>
            </a:r>
            <a:r>
              <a:rPr lang="da-DK" sz="1000" noProof="0">
                <a:solidFill>
                  <a:srgbClr val="2C8027"/>
                </a:solidFill>
                <a:highlight>
                  <a:srgbClr val="FFFF00"/>
                </a:highlight>
              </a:rPr>
              <a:t> </a:t>
            </a:r>
          </a:p>
          <a:p>
            <a:r>
              <a:rPr lang="da-DK" sz="800" noProof="0"/>
              <a:t>Centrale it-medarbejdere som vil blive påvirket af transformationen.</a:t>
            </a:r>
          </a:p>
          <a:p>
            <a:endParaRPr lang="da-DK" sz="800" noProof="0"/>
          </a:p>
        </p:txBody>
      </p:sp>
      <p:sp>
        <p:nvSpPr>
          <p:cNvPr id="32" name="TextBox 31">
            <a:extLst>
              <a:ext uri="{FF2B5EF4-FFF2-40B4-BE49-F238E27FC236}">
                <a16:creationId xmlns:a16="http://schemas.microsoft.com/office/drawing/2014/main" id="{2BAA4D54-E61B-D956-F5DA-91A02069207B}"/>
              </a:ext>
            </a:extLst>
          </p:cNvPr>
          <p:cNvSpPr txBox="1"/>
          <p:nvPr/>
        </p:nvSpPr>
        <p:spPr>
          <a:xfrm>
            <a:off x="10330125" y="2778772"/>
            <a:ext cx="1334894" cy="553998"/>
          </a:xfrm>
          <a:prstGeom prst="rect">
            <a:avLst/>
          </a:prstGeom>
          <a:noFill/>
        </p:spPr>
        <p:txBody>
          <a:bodyPr wrap="square">
            <a:spAutoFit/>
          </a:bodyPr>
          <a:lstStyle/>
          <a:p>
            <a:r>
              <a:rPr lang="da-DK" sz="1400" noProof="0">
                <a:solidFill>
                  <a:srgbClr val="EE2F66"/>
                </a:solidFill>
              </a:rPr>
              <a:t>+60</a:t>
            </a:r>
            <a:endParaRPr lang="da-DK" sz="1400" noProof="0">
              <a:solidFill>
                <a:srgbClr val="2C8027"/>
              </a:solidFill>
            </a:endParaRPr>
          </a:p>
          <a:p>
            <a:r>
              <a:rPr lang="da-DK" sz="800" noProof="0"/>
              <a:t>Forskellige organisatoriske enheder. </a:t>
            </a:r>
          </a:p>
        </p:txBody>
      </p:sp>
      <p:sp>
        <p:nvSpPr>
          <p:cNvPr id="33" name="TextBox 32">
            <a:extLst>
              <a:ext uri="{FF2B5EF4-FFF2-40B4-BE49-F238E27FC236}">
                <a16:creationId xmlns:a16="http://schemas.microsoft.com/office/drawing/2014/main" id="{04782722-98D0-0E4C-452A-84C636C3BF06}"/>
              </a:ext>
            </a:extLst>
          </p:cNvPr>
          <p:cNvSpPr txBox="1"/>
          <p:nvPr/>
        </p:nvSpPr>
        <p:spPr>
          <a:xfrm>
            <a:off x="10330125" y="3374527"/>
            <a:ext cx="1334894" cy="800219"/>
          </a:xfrm>
          <a:prstGeom prst="rect">
            <a:avLst/>
          </a:prstGeom>
          <a:noFill/>
        </p:spPr>
        <p:txBody>
          <a:bodyPr wrap="square">
            <a:spAutoFit/>
          </a:bodyPr>
          <a:lstStyle/>
          <a:p>
            <a:r>
              <a:rPr lang="da-DK" sz="1400" noProof="0">
                <a:solidFill>
                  <a:srgbClr val="EE2F66"/>
                </a:solidFill>
              </a:rPr>
              <a:t>20%</a:t>
            </a:r>
            <a:endParaRPr lang="da-DK" sz="1400" noProof="0">
              <a:solidFill>
                <a:srgbClr val="2C8027"/>
              </a:solidFill>
            </a:endParaRPr>
          </a:p>
          <a:p>
            <a:r>
              <a:rPr lang="da-DK" sz="800" noProof="0"/>
              <a:t>Aktuel cloud-adoption, hvilket vil øges betydeligt i de kommende år.</a:t>
            </a:r>
          </a:p>
          <a:p>
            <a:endParaRPr lang="da-DK" sz="800" noProof="0"/>
          </a:p>
        </p:txBody>
      </p:sp>
      <p:pic>
        <p:nvPicPr>
          <p:cNvPr id="109" name="Graphic 9">
            <a:extLst>
              <a:ext uri="{FF2B5EF4-FFF2-40B4-BE49-F238E27FC236}">
                <a16:creationId xmlns:a16="http://schemas.microsoft.com/office/drawing/2014/main" id="{71EE15E7-8328-E4FB-CC47-B75B806D315C}"/>
              </a:ext>
              <a:ext uri="{C183D7F6-B498-43B3-948B-1728B52AA6E4}">
                <adec:decorative xmlns:adec="http://schemas.microsoft.com/office/drawing/2017/decorative" val="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473144" y="4350702"/>
            <a:ext cx="431800" cy="349250"/>
          </a:xfrm>
          <a:prstGeom prst="rect">
            <a:avLst/>
          </a:prstGeom>
        </p:spPr>
      </p:pic>
      <p:grpSp>
        <p:nvGrpSpPr>
          <p:cNvPr id="21" name="Group 20">
            <a:extLst>
              <a:ext uri="{FF2B5EF4-FFF2-40B4-BE49-F238E27FC236}">
                <a16:creationId xmlns:a16="http://schemas.microsoft.com/office/drawing/2014/main" id="{9AB8D17F-267B-3A81-2029-F160106794BA}"/>
              </a:ext>
              <a:ext uri="{C183D7F6-B498-43B3-948B-1728B52AA6E4}">
                <adec:decorative xmlns:adec="http://schemas.microsoft.com/office/drawing/2017/decorative" val="1"/>
              </a:ext>
            </a:extLst>
          </p:cNvPr>
          <p:cNvGrpSpPr/>
          <p:nvPr/>
        </p:nvGrpSpPr>
        <p:grpSpPr>
          <a:xfrm>
            <a:off x="-2354" y="-3292"/>
            <a:ext cx="176971" cy="6862880"/>
            <a:chOff x="-10502" y="0"/>
            <a:chExt cx="176971" cy="6859588"/>
          </a:xfrm>
          <a:solidFill>
            <a:srgbClr val="024D78"/>
          </a:solidFill>
        </p:grpSpPr>
        <p:sp>
          <p:nvSpPr>
            <p:cNvPr id="34" name="Rectangle 33">
              <a:extLst>
                <a:ext uri="{FF2B5EF4-FFF2-40B4-BE49-F238E27FC236}">
                  <a16:creationId xmlns:a16="http://schemas.microsoft.com/office/drawing/2014/main" id="{FB896E5F-8B75-EE2D-DB63-EAECD2103E1A}"/>
                </a:ext>
              </a:extLst>
            </p:cNvPr>
            <p:cNvSpPr/>
            <p:nvPr/>
          </p:nvSpPr>
          <p:spPr>
            <a:xfrm>
              <a:off x="-10502" y="0"/>
              <a:ext cx="176971" cy="685958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77" name="Rectangle 76">
              <a:extLst>
                <a:ext uri="{FF2B5EF4-FFF2-40B4-BE49-F238E27FC236}">
                  <a16:creationId xmlns:a16="http://schemas.microsoft.com/office/drawing/2014/main" id="{A4FCECE9-D49A-C8A4-79E9-DAAAB52C38FA}"/>
                </a:ext>
              </a:extLst>
            </p:cNvPr>
            <p:cNvSpPr/>
            <p:nvPr/>
          </p:nvSpPr>
          <p:spPr>
            <a:xfrm rot="16200000">
              <a:off x="-1105147" y="5115370"/>
              <a:ext cx="2350787" cy="140493"/>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err="1"/>
                <a:t>Casekatalog</a:t>
              </a:r>
              <a:endParaRPr lang="da-DK" sz="900" b="1" noProof="0"/>
            </a:p>
          </p:txBody>
        </p:sp>
      </p:grpSp>
      <p:sp>
        <p:nvSpPr>
          <p:cNvPr id="107" name="TextBox 106">
            <a:extLst>
              <a:ext uri="{FF2B5EF4-FFF2-40B4-BE49-F238E27FC236}">
                <a16:creationId xmlns:a16="http://schemas.microsoft.com/office/drawing/2014/main" id="{CB98FB55-ED5A-1241-56B3-FD2FC49AEA8A}"/>
              </a:ext>
              <a:ext uri="{C183D7F6-B498-43B3-948B-1728B52AA6E4}">
                <adec:decorative xmlns:adec="http://schemas.microsoft.com/office/drawing/2017/decorative" val="1"/>
              </a:ext>
            </a:extLst>
          </p:cNvPr>
          <p:cNvSpPr txBox="1"/>
          <p:nvPr/>
        </p:nvSpPr>
        <p:spPr>
          <a:xfrm>
            <a:off x="7216858" y="2314641"/>
            <a:ext cx="2155741" cy="2682300"/>
          </a:xfrm>
          <a:prstGeom prst="rect">
            <a:avLst/>
          </a:prstGeom>
          <a:noFill/>
        </p:spPr>
        <p:txBody>
          <a:bodyPr wrap="square" rtlCol="0" anchor="t">
            <a:noAutofit/>
          </a:bodyPr>
          <a:lstStyle/>
          <a:p>
            <a:pPr>
              <a:lnSpc>
                <a:spcPct val="150000"/>
              </a:lnSpc>
            </a:pPr>
            <a:r>
              <a:rPr lang="da-DK" sz="900" b="1" noProof="0" dirty="0">
                <a:solidFill>
                  <a:srgbClr val="36465A"/>
                </a:solidFill>
              </a:rPr>
              <a:t>Midlertidige omkostninger</a:t>
            </a:r>
          </a:p>
          <a:p>
            <a:pPr>
              <a:lnSpc>
                <a:spcPct val="200000"/>
              </a:lnSpc>
            </a:pPr>
            <a:r>
              <a:rPr lang="da-DK" sz="900" noProof="0" dirty="0"/>
              <a:t> Projektledelse </a:t>
            </a:r>
          </a:p>
          <a:p>
            <a:pPr>
              <a:lnSpc>
                <a:spcPct val="200000"/>
              </a:lnSpc>
            </a:pPr>
            <a:endParaRPr lang="da-DK" sz="900" noProof="0" dirty="0"/>
          </a:p>
          <a:p>
            <a:pPr>
              <a:lnSpc>
                <a:spcPct val="200000"/>
              </a:lnSpc>
            </a:pPr>
            <a:r>
              <a:rPr lang="da-DK" sz="900" noProof="0" dirty="0"/>
              <a:t> Organisatorisk implementering</a:t>
            </a:r>
          </a:p>
          <a:p>
            <a:pPr>
              <a:lnSpc>
                <a:spcPct val="200000"/>
              </a:lnSpc>
            </a:pPr>
            <a:r>
              <a:rPr lang="da-DK" sz="900" noProof="0" dirty="0"/>
              <a:t> </a:t>
            </a:r>
          </a:p>
          <a:p>
            <a:pPr>
              <a:lnSpc>
                <a:spcPct val="200000"/>
              </a:lnSpc>
            </a:pPr>
            <a:r>
              <a:rPr lang="da-DK" sz="900" noProof="0" dirty="0"/>
              <a:t> Teknisk implementering</a:t>
            </a:r>
          </a:p>
          <a:p>
            <a:pPr>
              <a:lnSpc>
                <a:spcPct val="150000"/>
              </a:lnSpc>
            </a:pPr>
            <a:endParaRPr lang="da-DK" sz="900" noProof="0" dirty="0"/>
          </a:p>
          <a:p>
            <a:pPr>
              <a:lnSpc>
                <a:spcPct val="150000"/>
              </a:lnSpc>
            </a:pPr>
            <a:endParaRPr lang="da-DK" sz="900" b="1" noProof="0" dirty="0">
              <a:solidFill>
                <a:srgbClr val="36465A"/>
              </a:solidFill>
            </a:endParaRPr>
          </a:p>
          <a:p>
            <a:pPr>
              <a:lnSpc>
                <a:spcPct val="150000"/>
              </a:lnSpc>
            </a:pPr>
            <a:r>
              <a:rPr lang="da-DK" sz="900" b="1" noProof="0" dirty="0">
                <a:solidFill>
                  <a:srgbClr val="36465A"/>
                </a:solidFill>
              </a:rPr>
              <a:t>Driftsomkostninger</a:t>
            </a:r>
          </a:p>
          <a:p>
            <a:pPr>
              <a:lnSpc>
                <a:spcPct val="200000"/>
              </a:lnSpc>
            </a:pPr>
            <a:r>
              <a:rPr lang="da-DK" sz="900" noProof="0" dirty="0">
                <a:solidFill>
                  <a:schemeClr val="accent4">
                    <a:lumMod val="50000"/>
                  </a:schemeClr>
                </a:solidFill>
              </a:rPr>
              <a:t> Teknologi</a:t>
            </a:r>
          </a:p>
          <a:p>
            <a:pPr>
              <a:lnSpc>
                <a:spcPct val="200000"/>
              </a:lnSpc>
            </a:pPr>
            <a:endParaRPr lang="da-DK" sz="900" noProof="0" dirty="0">
              <a:solidFill>
                <a:schemeClr val="accent4">
                  <a:lumMod val="50000"/>
                </a:schemeClr>
              </a:solidFill>
            </a:endParaRPr>
          </a:p>
          <a:p>
            <a:pPr>
              <a:lnSpc>
                <a:spcPct val="200000"/>
              </a:lnSpc>
            </a:pPr>
            <a:r>
              <a:rPr lang="da-DK" sz="900" noProof="0" dirty="0">
                <a:solidFill>
                  <a:schemeClr val="accent4">
                    <a:lumMod val="50000"/>
                  </a:schemeClr>
                </a:solidFill>
              </a:rPr>
              <a:t> Nye kompetencer </a:t>
            </a:r>
          </a:p>
          <a:p>
            <a:pPr>
              <a:lnSpc>
                <a:spcPct val="200000"/>
              </a:lnSpc>
            </a:pPr>
            <a:endParaRPr lang="da-DK" sz="900" noProof="0" dirty="0">
              <a:solidFill>
                <a:schemeClr val="accent4">
                  <a:lumMod val="50000"/>
                </a:schemeClr>
              </a:solidFill>
            </a:endParaRPr>
          </a:p>
          <a:p>
            <a:pPr>
              <a:lnSpc>
                <a:spcPct val="200000"/>
              </a:lnSpc>
            </a:pPr>
            <a:r>
              <a:rPr lang="da-DK" sz="900" noProof="0" dirty="0">
                <a:solidFill>
                  <a:schemeClr val="accent4">
                    <a:lumMod val="50000"/>
                  </a:schemeClr>
                </a:solidFill>
              </a:rPr>
              <a:t> Drift og support</a:t>
            </a:r>
          </a:p>
        </p:txBody>
      </p:sp>
      <p:grpSp>
        <p:nvGrpSpPr>
          <p:cNvPr id="110" name="Group 109">
            <a:extLst>
              <a:ext uri="{FF2B5EF4-FFF2-40B4-BE49-F238E27FC236}">
                <a16:creationId xmlns:a16="http://schemas.microsoft.com/office/drawing/2014/main" id="{BD8AE2CF-792F-9CC9-D3E2-D27CA3767FBA}"/>
              </a:ext>
              <a:ext uri="{C183D7F6-B498-43B3-948B-1728B52AA6E4}">
                <adec:decorative xmlns:adec="http://schemas.microsoft.com/office/drawing/2017/decorative" val="1"/>
              </a:ext>
            </a:extLst>
          </p:cNvPr>
          <p:cNvGrpSpPr/>
          <p:nvPr/>
        </p:nvGrpSpPr>
        <p:grpSpPr>
          <a:xfrm>
            <a:off x="6886260" y="2293879"/>
            <a:ext cx="345449" cy="332764"/>
            <a:chOff x="7461780" y="2062121"/>
            <a:chExt cx="345449" cy="332764"/>
          </a:xfrm>
        </p:grpSpPr>
        <p:sp>
          <p:nvSpPr>
            <p:cNvPr id="111" name="Oval 110">
              <a:extLst>
                <a:ext uri="{FF2B5EF4-FFF2-40B4-BE49-F238E27FC236}">
                  <a16:creationId xmlns:a16="http://schemas.microsoft.com/office/drawing/2014/main" id="{A86B15ED-26AF-8194-718D-2D6D55A0EF89}"/>
                </a:ext>
              </a:extLst>
            </p:cNvPr>
            <p:cNvSpPr/>
            <p:nvPr/>
          </p:nvSpPr>
          <p:spPr>
            <a:xfrm>
              <a:off x="7461780" y="206212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12" name="Freeform 11">
              <a:extLst>
                <a:ext uri="{FF2B5EF4-FFF2-40B4-BE49-F238E27FC236}">
                  <a16:creationId xmlns:a16="http://schemas.microsoft.com/office/drawing/2014/main" id="{5E18ABF4-C637-C714-760B-1ADF7D16B1EB}"/>
                </a:ext>
              </a:extLst>
            </p:cNvPr>
            <p:cNvSpPr>
              <a:spLocks noEditPoints="1"/>
            </p:cNvSpPr>
            <p:nvPr/>
          </p:nvSpPr>
          <p:spPr bwMode="auto">
            <a:xfrm>
              <a:off x="7526896" y="2145632"/>
              <a:ext cx="215214" cy="165740"/>
            </a:xfrm>
            <a:custGeom>
              <a:avLst/>
              <a:gdLst>
                <a:gd name="T0" fmla="*/ 204 w 208"/>
                <a:gd name="T1" fmla="*/ 48 h 160"/>
                <a:gd name="T2" fmla="*/ 184 w 208"/>
                <a:gd name="T3" fmla="*/ 28 h 160"/>
                <a:gd name="T4" fmla="*/ 180 w 208"/>
                <a:gd name="T5" fmla="*/ 24 h 160"/>
                <a:gd name="T6" fmla="*/ 160 w 208"/>
                <a:gd name="T7" fmla="*/ 4 h 160"/>
                <a:gd name="T8" fmla="*/ 156 w 208"/>
                <a:gd name="T9" fmla="*/ 0 h 160"/>
                <a:gd name="T10" fmla="*/ 1 w 208"/>
                <a:gd name="T11" fmla="*/ 1 h 160"/>
                <a:gd name="T12" fmla="*/ 0 w 208"/>
                <a:gd name="T13" fmla="*/ 108 h 160"/>
                <a:gd name="T14" fmla="*/ 4 w 208"/>
                <a:gd name="T15" fmla="*/ 112 h 160"/>
                <a:gd name="T16" fmla="*/ 24 w 208"/>
                <a:gd name="T17" fmla="*/ 132 h 160"/>
                <a:gd name="T18" fmla="*/ 28 w 208"/>
                <a:gd name="T19" fmla="*/ 136 h 160"/>
                <a:gd name="T20" fmla="*/ 48 w 208"/>
                <a:gd name="T21" fmla="*/ 156 h 160"/>
                <a:gd name="T22" fmla="*/ 52 w 208"/>
                <a:gd name="T23" fmla="*/ 160 h 160"/>
                <a:gd name="T24" fmla="*/ 207 w 208"/>
                <a:gd name="T25" fmla="*/ 159 h 160"/>
                <a:gd name="T26" fmla="*/ 208 w 208"/>
                <a:gd name="T27" fmla="*/ 52 h 160"/>
                <a:gd name="T28" fmla="*/ 152 w 208"/>
                <a:gd name="T29" fmla="*/ 8 h 160"/>
                <a:gd name="T30" fmla="*/ 136 w 208"/>
                <a:gd name="T31" fmla="*/ 8 h 160"/>
                <a:gd name="T32" fmla="*/ 8 w 208"/>
                <a:gd name="T33" fmla="*/ 8 h 160"/>
                <a:gd name="T34" fmla="*/ 8 w 208"/>
                <a:gd name="T35" fmla="*/ 24 h 160"/>
                <a:gd name="T36" fmla="*/ 8 w 208"/>
                <a:gd name="T37" fmla="*/ 104 h 160"/>
                <a:gd name="T38" fmla="*/ 24 w 208"/>
                <a:gd name="T39" fmla="*/ 104 h 160"/>
                <a:gd name="T40" fmla="*/ 8 w 208"/>
                <a:gd name="T41" fmla="*/ 80 h 160"/>
                <a:gd name="T42" fmla="*/ 32 w 208"/>
                <a:gd name="T43" fmla="*/ 8 h 160"/>
                <a:gd name="T44" fmla="*/ 152 w 208"/>
                <a:gd name="T45" fmla="*/ 32 h 160"/>
                <a:gd name="T46" fmla="*/ 128 w 208"/>
                <a:gd name="T47" fmla="*/ 104 h 160"/>
                <a:gd name="T48" fmla="*/ 8 w 208"/>
                <a:gd name="T49" fmla="*/ 80 h 160"/>
                <a:gd name="T50" fmla="*/ 152 w 208"/>
                <a:gd name="T51" fmla="*/ 104 h 160"/>
                <a:gd name="T52" fmla="*/ 152 w 208"/>
                <a:gd name="T53" fmla="*/ 88 h 160"/>
                <a:gd name="T54" fmla="*/ 32 w 208"/>
                <a:gd name="T55" fmla="*/ 112 h 160"/>
                <a:gd name="T56" fmla="*/ 159 w 208"/>
                <a:gd name="T57" fmla="*/ 111 h 160"/>
                <a:gd name="T58" fmla="*/ 160 w 208"/>
                <a:gd name="T59" fmla="*/ 32 h 160"/>
                <a:gd name="T60" fmla="*/ 176 w 208"/>
                <a:gd name="T61" fmla="*/ 128 h 160"/>
                <a:gd name="T62" fmla="*/ 200 w 208"/>
                <a:gd name="T63" fmla="*/ 152 h 160"/>
                <a:gd name="T64" fmla="*/ 56 w 208"/>
                <a:gd name="T65" fmla="*/ 136 h 160"/>
                <a:gd name="T66" fmla="*/ 183 w 208"/>
                <a:gd name="T67" fmla="*/ 135 h 160"/>
                <a:gd name="T68" fmla="*/ 184 w 208"/>
                <a:gd name="T69" fmla="*/ 56 h 160"/>
                <a:gd name="T70" fmla="*/ 200 w 208"/>
                <a:gd name="T71" fmla="*/ 152 h 160"/>
                <a:gd name="T72" fmla="*/ 40 w 208"/>
                <a:gd name="T73" fmla="*/ 56 h 160"/>
                <a:gd name="T74" fmla="*/ 120 w 208"/>
                <a:gd name="T75" fmla="*/ 56 h 160"/>
                <a:gd name="T76" fmla="*/ 80 w 208"/>
                <a:gd name="T77" fmla="*/ 88 h 160"/>
                <a:gd name="T78" fmla="*/ 80 w 208"/>
                <a:gd name="T79" fmla="*/ 24 h 160"/>
                <a:gd name="T80" fmla="*/ 80 w 208"/>
                <a:gd name="T81" fmla="*/ 88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208" h="160">
                  <a:moveTo>
                    <a:pt x="207" y="49"/>
                  </a:moveTo>
                  <a:cubicBezTo>
                    <a:pt x="206" y="48"/>
                    <a:pt x="205" y="48"/>
                    <a:pt x="204" y="48"/>
                  </a:cubicBezTo>
                  <a:cubicBezTo>
                    <a:pt x="184" y="48"/>
                    <a:pt x="184" y="48"/>
                    <a:pt x="184" y="48"/>
                  </a:cubicBezTo>
                  <a:cubicBezTo>
                    <a:pt x="184" y="28"/>
                    <a:pt x="184" y="28"/>
                    <a:pt x="184" y="28"/>
                  </a:cubicBezTo>
                  <a:cubicBezTo>
                    <a:pt x="184" y="27"/>
                    <a:pt x="184" y="26"/>
                    <a:pt x="183" y="25"/>
                  </a:cubicBezTo>
                  <a:cubicBezTo>
                    <a:pt x="182" y="24"/>
                    <a:pt x="181" y="24"/>
                    <a:pt x="180" y="24"/>
                  </a:cubicBezTo>
                  <a:cubicBezTo>
                    <a:pt x="160" y="24"/>
                    <a:pt x="160" y="24"/>
                    <a:pt x="160" y="24"/>
                  </a:cubicBezTo>
                  <a:cubicBezTo>
                    <a:pt x="160" y="4"/>
                    <a:pt x="160" y="4"/>
                    <a:pt x="160" y="4"/>
                  </a:cubicBezTo>
                  <a:cubicBezTo>
                    <a:pt x="160" y="3"/>
                    <a:pt x="160" y="2"/>
                    <a:pt x="159" y="1"/>
                  </a:cubicBezTo>
                  <a:cubicBezTo>
                    <a:pt x="158" y="0"/>
                    <a:pt x="157" y="0"/>
                    <a:pt x="156" y="0"/>
                  </a:cubicBezTo>
                  <a:cubicBezTo>
                    <a:pt x="4" y="0"/>
                    <a:pt x="4" y="0"/>
                    <a:pt x="4" y="0"/>
                  </a:cubicBezTo>
                  <a:cubicBezTo>
                    <a:pt x="3" y="0"/>
                    <a:pt x="2" y="0"/>
                    <a:pt x="1" y="1"/>
                  </a:cubicBezTo>
                  <a:cubicBezTo>
                    <a:pt x="0" y="2"/>
                    <a:pt x="0" y="3"/>
                    <a:pt x="0" y="4"/>
                  </a:cubicBezTo>
                  <a:cubicBezTo>
                    <a:pt x="0" y="108"/>
                    <a:pt x="0" y="108"/>
                    <a:pt x="0" y="108"/>
                  </a:cubicBezTo>
                  <a:cubicBezTo>
                    <a:pt x="0" y="109"/>
                    <a:pt x="0" y="110"/>
                    <a:pt x="1" y="111"/>
                  </a:cubicBezTo>
                  <a:cubicBezTo>
                    <a:pt x="2" y="112"/>
                    <a:pt x="3" y="112"/>
                    <a:pt x="4" y="112"/>
                  </a:cubicBezTo>
                  <a:cubicBezTo>
                    <a:pt x="24" y="112"/>
                    <a:pt x="24" y="112"/>
                    <a:pt x="24" y="112"/>
                  </a:cubicBezTo>
                  <a:cubicBezTo>
                    <a:pt x="24" y="132"/>
                    <a:pt x="24" y="132"/>
                    <a:pt x="24" y="132"/>
                  </a:cubicBezTo>
                  <a:cubicBezTo>
                    <a:pt x="24" y="133"/>
                    <a:pt x="24" y="134"/>
                    <a:pt x="25" y="135"/>
                  </a:cubicBezTo>
                  <a:cubicBezTo>
                    <a:pt x="26" y="136"/>
                    <a:pt x="27" y="136"/>
                    <a:pt x="28" y="136"/>
                  </a:cubicBezTo>
                  <a:cubicBezTo>
                    <a:pt x="48" y="136"/>
                    <a:pt x="48" y="136"/>
                    <a:pt x="48" y="136"/>
                  </a:cubicBezTo>
                  <a:cubicBezTo>
                    <a:pt x="48" y="156"/>
                    <a:pt x="48" y="156"/>
                    <a:pt x="48" y="156"/>
                  </a:cubicBezTo>
                  <a:cubicBezTo>
                    <a:pt x="48" y="157"/>
                    <a:pt x="48" y="158"/>
                    <a:pt x="49" y="159"/>
                  </a:cubicBezTo>
                  <a:cubicBezTo>
                    <a:pt x="50" y="160"/>
                    <a:pt x="51" y="160"/>
                    <a:pt x="52" y="160"/>
                  </a:cubicBezTo>
                  <a:cubicBezTo>
                    <a:pt x="204" y="160"/>
                    <a:pt x="204" y="160"/>
                    <a:pt x="204" y="160"/>
                  </a:cubicBezTo>
                  <a:cubicBezTo>
                    <a:pt x="205" y="160"/>
                    <a:pt x="206" y="160"/>
                    <a:pt x="207" y="159"/>
                  </a:cubicBezTo>
                  <a:cubicBezTo>
                    <a:pt x="208" y="158"/>
                    <a:pt x="208" y="157"/>
                    <a:pt x="208" y="156"/>
                  </a:cubicBezTo>
                  <a:cubicBezTo>
                    <a:pt x="208" y="52"/>
                    <a:pt x="208" y="52"/>
                    <a:pt x="208" y="52"/>
                  </a:cubicBezTo>
                  <a:cubicBezTo>
                    <a:pt x="208" y="51"/>
                    <a:pt x="208" y="50"/>
                    <a:pt x="207" y="49"/>
                  </a:cubicBezTo>
                  <a:close/>
                  <a:moveTo>
                    <a:pt x="152" y="8"/>
                  </a:moveTo>
                  <a:cubicBezTo>
                    <a:pt x="152" y="24"/>
                    <a:pt x="152" y="24"/>
                    <a:pt x="152" y="24"/>
                  </a:cubicBezTo>
                  <a:cubicBezTo>
                    <a:pt x="144" y="22"/>
                    <a:pt x="138" y="16"/>
                    <a:pt x="136" y="8"/>
                  </a:cubicBezTo>
                  <a:lnTo>
                    <a:pt x="152" y="8"/>
                  </a:lnTo>
                  <a:close/>
                  <a:moveTo>
                    <a:pt x="8" y="8"/>
                  </a:moveTo>
                  <a:cubicBezTo>
                    <a:pt x="24" y="8"/>
                    <a:pt x="24" y="8"/>
                    <a:pt x="24" y="8"/>
                  </a:cubicBezTo>
                  <a:cubicBezTo>
                    <a:pt x="22" y="16"/>
                    <a:pt x="16" y="22"/>
                    <a:pt x="8" y="24"/>
                  </a:cubicBezTo>
                  <a:lnTo>
                    <a:pt x="8" y="8"/>
                  </a:lnTo>
                  <a:close/>
                  <a:moveTo>
                    <a:pt x="8" y="104"/>
                  </a:moveTo>
                  <a:cubicBezTo>
                    <a:pt x="8" y="88"/>
                    <a:pt x="8" y="88"/>
                    <a:pt x="8" y="88"/>
                  </a:cubicBezTo>
                  <a:cubicBezTo>
                    <a:pt x="16" y="90"/>
                    <a:pt x="22" y="96"/>
                    <a:pt x="24" y="104"/>
                  </a:cubicBezTo>
                  <a:lnTo>
                    <a:pt x="8" y="104"/>
                  </a:lnTo>
                  <a:close/>
                  <a:moveTo>
                    <a:pt x="8" y="80"/>
                  </a:moveTo>
                  <a:cubicBezTo>
                    <a:pt x="8" y="32"/>
                    <a:pt x="8" y="32"/>
                    <a:pt x="8" y="32"/>
                  </a:cubicBezTo>
                  <a:cubicBezTo>
                    <a:pt x="20" y="30"/>
                    <a:pt x="30" y="20"/>
                    <a:pt x="32" y="8"/>
                  </a:cubicBezTo>
                  <a:cubicBezTo>
                    <a:pt x="128" y="8"/>
                    <a:pt x="128" y="8"/>
                    <a:pt x="128" y="8"/>
                  </a:cubicBezTo>
                  <a:cubicBezTo>
                    <a:pt x="130" y="20"/>
                    <a:pt x="140" y="30"/>
                    <a:pt x="152" y="32"/>
                  </a:cubicBezTo>
                  <a:cubicBezTo>
                    <a:pt x="152" y="80"/>
                    <a:pt x="152" y="80"/>
                    <a:pt x="152" y="80"/>
                  </a:cubicBezTo>
                  <a:cubicBezTo>
                    <a:pt x="140" y="82"/>
                    <a:pt x="130" y="92"/>
                    <a:pt x="128" y="104"/>
                  </a:cubicBezTo>
                  <a:cubicBezTo>
                    <a:pt x="32" y="104"/>
                    <a:pt x="32" y="104"/>
                    <a:pt x="32" y="104"/>
                  </a:cubicBezTo>
                  <a:cubicBezTo>
                    <a:pt x="30" y="92"/>
                    <a:pt x="20" y="82"/>
                    <a:pt x="8" y="80"/>
                  </a:cubicBezTo>
                  <a:close/>
                  <a:moveTo>
                    <a:pt x="152" y="88"/>
                  </a:moveTo>
                  <a:cubicBezTo>
                    <a:pt x="152" y="104"/>
                    <a:pt x="152" y="104"/>
                    <a:pt x="152" y="104"/>
                  </a:cubicBezTo>
                  <a:cubicBezTo>
                    <a:pt x="136" y="104"/>
                    <a:pt x="136" y="104"/>
                    <a:pt x="136" y="104"/>
                  </a:cubicBezTo>
                  <a:cubicBezTo>
                    <a:pt x="138" y="96"/>
                    <a:pt x="144" y="90"/>
                    <a:pt x="152" y="88"/>
                  </a:cubicBezTo>
                  <a:close/>
                  <a:moveTo>
                    <a:pt x="32" y="128"/>
                  </a:moveTo>
                  <a:cubicBezTo>
                    <a:pt x="32" y="112"/>
                    <a:pt x="32" y="112"/>
                    <a:pt x="32" y="112"/>
                  </a:cubicBezTo>
                  <a:cubicBezTo>
                    <a:pt x="156" y="112"/>
                    <a:pt x="156" y="112"/>
                    <a:pt x="156" y="112"/>
                  </a:cubicBezTo>
                  <a:cubicBezTo>
                    <a:pt x="157" y="112"/>
                    <a:pt x="158" y="112"/>
                    <a:pt x="159" y="111"/>
                  </a:cubicBezTo>
                  <a:cubicBezTo>
                    <a:pt x="160" y="110"/>
                    <a:pt x="160" y="109"/>
                    <a:pt x="160" y="108"/>
                  </a:cubicBezTo>
                  <a:cubicBezTo>
                    <a:pt x="160" y="32"/>
                    <a:pt x="160" y="32"/>
                    <a:pt x="160" y="32"/>
                  </a:cubicBezTo>
                  <a:cubicBezTo>
                    <a:pt x="176" y="32"/>
                    <a:pt x="176" y="32"/>
                    <a:pt x="176" y="32"/>
                  </a:cubicBezTo>
                  <a:cubicBezTo>
                    <a:pt x="176" y="128"/>
                    <a:pt x="176" y="128"/>
                    <a:pt x="176" y="128"/>
                  </a:cubicBezTo>
                  <a:lnTo>
                    <a:pt x="32" y="128"/>
                  </a:lnTo>
                  <a:close/>
                  <a:moveTo>
                    <a:pt x="200" y="152"/>
                  </a:moveTo>
                  <a:cubicBezTo>
                    <a:pt x="56" y="152"/>
                    <a:pt x="56" y="152"/>
                    <a:pt x="56" y="152"/>
                  </a:cubicBezTo>
                  <a:cubicBezTo>
                    <a:pt x="56" y="136"/>
                    <a:pt x="56" y="136"/>
                    <a:pt x="56" y="136"/>
                  </a:cubicBezTo>
                  <a:cubicBezTo>
                    <a:pt x="180" y="136"/>
                    <a:pt x="180" y="136"/>
                    <a:pt x="180" y="136"/>
                  </a:cubicBezTo>
                  <a:cubicBezTo>
                    <a:pt x="181" y="136"/>
                    <a:pt x="182" y="136"/>
                    <a:pt x="183" y="135"/>
                  </a:cubicBezTo>
                  <a:cubicBezTo>
                    <a:pt x="184" y="134"/>
                    <a:pt x="184" y="133"/>
                    <a:pt x="184" y="132"/>
                  </a:cubicBezTo>
                  <a:cubicBezTo>
                    <a:pt x="184" y="56"/>
                    <a:pt x="184" y="56"/>
                    <a:pt x="184" y="56"/>
                  </a:cubicBezTo>
                  <a:cubicBezTo>
                    <a:pt x="200" y="56"/>
                    <a:pt x="200" y="56"/>
                    <a:pt x="200" y="56"/>
                  </a:cubicBezTo>
                  <a:lnTo>
                    <a:pt x="200" y="152"/>
                  </a:lnTo>
                  <a:close/>
                  <a:moveTo>
                    <a:pt x="80" y="16"/>
                  </a:moveTo>
                  <a:cubicBezTo>
                    <a:pt x="58" y="16"/>
                    <a:pt x="40" y="34"/>
                    <a:pt x="40" y="56"/>
                  </a:cubicBezTo>
                  <a:cubicBezTo>
                    <a:pt x="40" y="78"/>
                    <a:pt x="58" y="96"/>
                    <a:pt x="80" y="96"/>
                  </a:cubicBezTo>
                  <a:cubicBezTo>
                    <a:pt x="102" y="96"/>
                    <a:pt x="120" y="78"/>
                    <a:pt x="120" y="56"/>
                  </a:cubicBezTo>
                  <a:cubicBezTo>
                    <a:pt x="120" y="34"/>
                    <a:pt x="102" y="16"/>
                    <a:pt x="80" y="16"/>
                  </a:cubicBezTo>
                  <a:close/>
                  <a:moveTo>
                    <a:pt x="80" y="88"/>
                  </a:moveTo>
                  <a:cubicBezTo>
                    <a:pt x="62" y="88"/>
                    <a:pt x="48" y="74"/>
                    <a:pt x="48" y="56"/>
                  </a:cubicBezTo>
                  <a:cubicBezTo>
                    <a:pt x="48" y="38"/>
                    <a:pt x="62" y="24"/>
                    <a:pt x="80" y="24"/>
                  </a:cubicBezTo>
                  <a:cubicBezTo>
                    <a:pt x="98" y="24"/>
                    <a:pt x="112" y="38"/>
                    <a:pt x="112" y="56"/>
                  </a:cubicBezTo>
                  <a:cubicBezTo>
                    <a:pt x="112" y="74"/>
                    <a:pt x="98" y="88"/>
                    <a:pt x="80" y="88"/>
                  </a:cubicBezTo>
                  <a:close/>
                </a:path>
              </a:pathLst>
            </a:custGeom>
            <a:solidFill>
              <a:schemeClr val="tx1"/>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123" name="Group 122">
            <a:extLst>
              <a:ext uri="{FF2B5EF4-FFF2-40B4-BE49-F238E27FC236}">
                <a16:creationId xmlns:a16="http://schemas.microsoft.com/office/drawing/2014/main" id="{BE189265-DE7A-EF89-F5BE-56D3FA27A33D}"/>
              </a:ext>
              <a:ext uri="{C183D7F6-B498-43B3-948B-1728B52AA6E4}">
                <adec:decorative xmlns:adec="http://schemas.microsoft.com/office/drawing/2017/decorative" val="1"/>
              </a:ext>
            </a:extLst>
          </p:cNvPr>
          <p:cNvGrpSpPr/>
          <p:nvPr/>
        </p:nvGrpSpPr>
        <p:grpSpPr>
          <a:xfrm>
            <a:off x="6886260" y="4303673"/>
            <a:ext cx="345449" cy="332764"/>
            <a:chOff x="6886260" y="3722941"/>
            <a:chExt cx="345449" cy="332764"/>
          </a:xfrm>
        </p:grpSpPr>
        <p:sp>
          <p:nvSpPr>
            <p:cNvPr id="124" name="Oval 123">
              <a:extLst>
                <a:ext uri="{FF2B5EF4-FFF2-40B4-BE49-F238E27FC236}">
                  <a16:creationId xmlns:a16="http://schemas.microsoft.com/office/drawing/2014/main" id="{B83D5025-6F9A-8224-82DA-4B34F77318E3}"/>
                </a:ext>
              </a:extLst>
            </p:cNvPr>
            <p:cNvSpPr/>
            <p:nvPr/>
          </p:nvSpPr>
          <p:spPr>
            <a:xfrm>
              <a:off x="6886260" y="3722941"/>
              <a:ext cx="345449" cy="332764"/>
            </a:xfrm>
            <a:prstGeom prst="ellips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25" name="Freeform 19">
              <a:extLst>
                <a:ext uri="{FF2B5EF4-FFF2-40B4-BE49-F238E27FC236}">
                  <a16:creationId xmlns:a16="http://schemas.microsoft.com/office/drawing/2014/main" id="{FE84CE5C-AF15-8774-69E0-4BC237472939}"/>
                </a:ext>
              </a:extLst>
            </p:cNvPr>
            <p:cNvSpPr>
              <a:spLocks noEditPoints="1"/>
            </p:cNvSpPr>
            <p:nvPr/>
          </p:nvSpPr>
          <p:spPr bwMode="auto">
            <a:xfrm>
              <a:off x="6943166" y="3797597"/>
              <a:ext cx="231633" cy="200589"/>
            </a:xfrm>
            <a:custGeom>
              <a:avLst/>
              <a:gdLst>
                <a:gd name="T0" fmla="*/ 143 w 240"/>
                <a:gd name="T1" fmla="*/ 84 h 208"/>
                <a:gd name="T2" fmla="*/ 110 w 240"/>
                <a:gd name="T3" fmla="*/ 76 h 208"/>
                <a:gd name="T4" fmla="*/ 80 w 240"/>
                <a:gd name="T5" fmla="*/ 48 h 208"/>
                <a:gd name="T6" fmla="*/ 50 w 240"/>
                <a:gd name="T7" fmla="*/ 76 h 208"/>
                <a:gd name="T8" fmla="*/ 17 w 240"/>
                <a:gd name="T9" fmla="*/ 84 h 208"/>
                <a:gd name="T10" fmla="*/ 1 w 240"/>
                <a:gd name="T11" fmla="*/ 118 h 208"/>
                <a:gd name="T12" fmla="*/ 22 w 240"/>
                <a:gd name="T13" fmla="*/ 144 h 208"/>
                <a:gd name="T14" fmla="*/ 31 w 240"/>
                <a:gd name="T15" fmla="*/ 191 h 208"/>
                <a:gd name="T16" fmla="*/ 67 w 240"/>
                <a:gd name="T17" fmla="*/ 204 h 208"/>
                <a:gd name="T18" fmla="*/ 93 w 240"/>
                <a:gd name="T19" fmla="*/ 204 h 208"/>
                <a:gd name="T20" fmla="*/ 129 w 240"/>
                <a:gd name="T21" fmla="*/ 191 h 208"/>
                <a:gd name="T22" fmla="*/ 138 w 240"/>
                <a:gd name="T23" fmla="*/ 144 h 208"/>
                <a:gd name="T24" fmla="*/ 159 w 240"/>
                <a:gd name="T25" fmla="*/ 118 h 208"/>
                <a:gd name="T26" fmla="*/ 131 w 240"/>
                <a:gd name="T27" fmla="*/ 139 h 208"/>
                <a:gd name="T28" fmla="*/ 127 w 240"/>
                <a:gd name="T29" fmla="*/ 183 h 208"/>
                <a:gd name="T30" fmla="*/ 88 w 240"/>
                <a:gd name="T31" fmla="*/ 182 h 208"/>
                <a:gd name="T32" fmla="*/ 72 w 240"/>
                <a:gd name="T33" fmla="*/ 182 h 208"/>
                <a:gd name="T34" fmla="*/ 33 w 240"/>
                <a:gd name="T35" fmla="*/ 183 h 208"/>
                <a:gd name="T36" fmla="*/ 29 w 240"/>
                <a:gd name="T37" fmla="*/ 139 h 208"/>
                <a:gd name="T38" fmla="*/ 8 w 240"/>
                <a:gd name="T39" fmla="*/ 122 h 208"/>
                <a:gd name="T40" fmla="*/ 36 w 240"/>
                <a:gd name="T41" fmla="*/ 95 h 208"/>
                <a:gd name="T42" fmla="*/ 52 w 240"/>
                <a:gd name="T43" fmla="*/ 84 h 208"/>
                <a:gd name="T44" fmla="*/ 80 w 240"/>
                <a:gd name="T45" fmla="*/ 56 h 208"/>
                <a:gd name="T46" fmla="*/ 108 w 240"/>
                <a:gd name="T47" fmla="*/ 84 h 208"/>
                <a:gd name="T48" fmla="*/ 124 w 240"/>
                <a:gd name="T49" fmla="*/ 95 h 208"/>
                <a:gd name="T50" fmla="*/ 152 w 240"/>
                <a:gd name="T51" fmla="*/ 122 h 208"/>
                <a:gd name="T52" fmla="*/ 172 w 240"/>
                <a:gd name="T53" fmla="*/ 48 h 208"/>
                <a:gd name="T54" fmla="*/ 192 w 240"/>
                <a:gd name="T55" fmla="*/ 60 h 208"/>
                <a:gd name="T56" fmla="*/ 192 w 240"/>
                <a:gd name="T57" fmla="*/ 60 h 208"/>
                <a:gd name="T58" fmla="*/ 224 w 240"/>
                <a:gd name="T59" fmla="*/ 31 h 208"/>
                <a:gd name="T60" fmla="*/ 217 w 240"/>
                <a:gd name="T61" fmla="*/ 10 h 208"/>
                <a:gd name="T62" fmla="*/ 198 w 240"/>
                <a:gd name="T63" fmla="*/ 0 h 208"/>
                <a:gd name="T64" fmla="*/ 181 w 240"/>
                <a:gd name="T65" fmla="*/ 13 h 208"/>
                <a:gd name="T66" fmla="*/ 154 w 240"/>
                <a:gd name="T67" fmla="*/ 18 h 208"/>
                <a:gd name="T68" fmla="*/ 148 w 240"/>
                <a:gd name="T69" fmla="*/ 39 h 208"/>
                <a:gd name="T70" fmla="*/ 148 w 240"/>
                <a:gd name="T71" fmla="*/ 57 h 208"/>
                <a:gd name="T72" fmla="*/ 154 w 240"/>
                <a:gd name="T73" fmla="*/ 78 h 208"/>
                <a:gd name="T74" fmla="*/ 181 w 240"/>
                <a:gd name="T75" fmla="*/ 83 h 208"/>
                <a:gd name="T76" fmla="*/ 198 w 240"/>
                <a:gd name="T77" fmla="*/ 96 h 208"/>
                <a:gd name="T78" fmla="*/ 217 w 240"/>
                <a:gd name="T79" fmla="*/ 86 h 208"/>
                <a:gd name="T80" fmla="*/ 224 w 240"/>
                <a:gd name="T81" fmla="*/ 65 h 208"/>
                <a:gd name="T82" fmla="*/ 240 w 240"/>
                <a:gd name="T83" fmla="*/ 48 h 208"/>
                <a:gd name="T84" fmla="*/ 220 w 240"/>
                <a:gd name="T85" fmla="*/ 54 h 208"/>
                <a:gd name="T86" fmla="*/ 219 w 240"/>
                <a:gd name="T87" fmla="*/ 78 h 208"/>
                <a:gd name="T88" fmla="*/ 195 w 240"/>
                <a:gd name="T89" fmla="*/ 79 h 208"/>
                <a:gd name="T90" fmla="*/ 189 w 240"/>
                <a:gd name="T91" fmla="*/ 79 h 208"/>
                <a:gd name="T92" fmla="*/ 165 w 240"/>
                <a:gd name="T93" fmla="*/ 78 h 208"/>
                <a:gd name="T94" fmla="*/ 164 w 240"/>
                <a:gd name="T95" fmla="*/ 54 h 208"/>
                <a:gd name="T96" fmla="*/ 152 w 240"/>
                <a:gd name="T97" fmla="*/ 46 h 208"/>
                <a:gd name="T98" fmla="*/ 168 w 240"/>
                <a:gd name="T99" fmla="*/ 28 h 208"/>
                <a:gd name="T100" fmla="*/ 177 w 240"/>
                <a:gd name="T101" fmla="*/ 24 h 208"/>
                <a:gd name="T102" fmla="*/ 192 w 240"/>
                <a:gd name="T103" fmla="*/ 8 h 208"/>
                <a:gd name="T104" fmla="*/ 207 w 240"/>
                <a:gd name="T105" fmla="*/ 24 h 208"/>
                <a:gd name="T106" fmla="*/ 216 w 240"/>
                <a:gd name="T107" fmla="*/ 28 h 208"/>
                <a:gd name="T108" fmla="*/ 232 w 240"/>
                <a:gd name="T109" fmla="*/ 46 h 208"/>
                <a:gd name="T110" fmla="*/ 96 w 240"/>
                <a:gd name="T111" fmla="*/ 108 h 208"/>
                <a:gd name="T112" fmla="*/ 84 w 240"/>
                <a:gd name="T113" fmla="*/ 92 h 208"/>
                <a:gd name="T114" fmla="*/ 60 w 240"/>
                <a:gd name="T115" fmla="*/ 116 h 208"/>
                <a:gd name="T116" fmla="*/ 84 w 240"/>
                <a:gd name="T117" fmla="*/ 148 h 208"/>
                <a:gd name="T118" fmla="*/ 76 w 240"/>
                <a:gd name="T119" fmla="*/ 156 h 208"/>
                <a:gd name="T120" fmla="*/ 84 w 240"/>
                <a:gd name="T121" fmla="*/ 156 h 208"/>
                <a:gd name="T122" fmla="*/ 68 w 240"/>
                <a:gd name="T123" fmla="*/ 11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40" h="208">
                  <a:moveTo>
                    <a:pt x="156" y="115"/>
                  </a:moveTo>
                  <a:cubicBezTo>
                    <a:pt x="138" y="112"/>
                    <a:pt x="138" y="112"/>
                    <a:pt x="138" y="112"/>
                  </a:cubicBezTo>
                  <a:cubicBezTo>
                    <a:pt x="137" y="107"/>
                    <a:pt x="135" y="102"/>
                    <a:pt x="132" y="98"/>
                  </a:cubicBezTo>
                  <a:cubicBezTo>
                    <a:pt x="143" y="84"/>
                    <a:pt x="143" y="84"/>
                    <a:pt x="143" y="84"/>
                  </a:cubicBezTo>
                  <a:cubicBezTo>
                    <a:pt x="144" y="82"/>
                    <a:pt x="144" y="80"/>
                    <a:pt x="143" y="79"/>
                  </a:cubicBezTo>
                  <a:cubicBezTo>
                    <a:pt x="139" y="74"/>
                    <a:pt x="134" y="69"/>
                    <a:pt x="129" y="65"/>
                  </a:cubicBezTo>
                  <a:cubicBezTo>
                    <a:pt x="128" y="64"/>
                    <a:pt x="126" y="64"/>
                    <a:pt x="124" y="65"/>
                  </a:cubicBezTo>
                  <a:cubicBezTo>
                    <a:pt x="110" y="76"/>
                    <a:pt x="110" y="76"/>
                    <a:pt x="110" y="76"/>
                  </a:cubicBezTo>
                  <a:cubicBezTo>
                    <a:pt x="106" y="73"/>
                    <a:pt x="101" y="71"/>
                    <a:pt x="96" y="70"/>
                  </a:cubicBezTo>
                  <a:cubicBezTo>
                    <a:pt x="93" y="52"/>
                    <a:pt x="93" y="52"/>
                    <a:pt x="93" y="52"/>
                  </a:cubicBezTo>
                  <a:cubicBezTo>
                    <a:pt x="93" y="50"/>
                    <a:pt x="91" y="49"/>
                    <a:pt x="90" y="49"/>
                  </a:cubicBezTo>
                  <a:cubicBezTo>
                    <a:pt x="87" y="48"/>
                    <a:pt x="83" y="48"/>
                    <a:pt x="80" y="48"/>
                  </a:cubicBezTo>
                  <a:cubicBezTo>
                    <a:pt x="77" y="48"/>
                    <a:pt x="73" y="48"/>
                    <a:pt x="70" y="49"/>
                  </a:cubicBezTo>
                  <a:cubicBezTo>
                    <a:pt x="69" y="49"/>
                    <a:pt x="67" y="50"/>
                    <a:pt x="67" y="52"/>
                  </a:cubicBezTo>
                  <a:cubicBezTo>
                    <a:pt x="64" y="70"/>
                    <a:pt x="64" y="70"/>
                    <a:pt x="64" y="70"/>
                  </a:cubicBezTo>
                  <a:cubicBezTo>
                    <a:pt x="59" y="71"/>
                    <a:pt x="54" y="73"/>
                    <a:pt x="50" y="76"/>
                  </a:cubicBezTo>
                  <a:cubicBezTo>
                    <a:pt x="36" y="65"/>
                    <a:pt x="36" y="65"/>
                    <a:pt x="36" y="65"/>
                  </a:cubicBezTo>
                  <a:cubicBezTo>
                    <a:pt x="34" y="64"/>
                    <a:pt x="32" y="64"/>
                    <a:pt x="31" y="65"/>
                  </a:cubicBezTo>
                  <a:cubicBezTo>
                    <a:pt x="26" y="69"/>
                    <a:pt x="21" y="74"/>
                    <a:pt x="17" y="79"/>
                  </a:cubicBezTo>
                  <a:cubicBezTo>
                    <a:pt x="16" y="80"/>
                    <a:pt x="16" y="82"/>
                    <a:pt x="17" y="84"/>
                  </a:cubicBezTo>
                  <a:cubicBezTo>
                    <a:pt x="28" y="98"/>
                    <a:pt x="28" y="98"/>
                    <a:pt x="28" y="98"/>
                  </a:cubicBezTo>
                  <a:cubicBezTo>
                    <a:pt x="25" y="102"/>
                    <a:pt x="23" y="107"/>
                    <a:pt x="22" y="112"/>
                  </a:cubicBezTo>
                  <a:cubicBezTo>
                    <a:pt x="4" y="115"/>
                    <a:pt x="4" y="115"/>
                    <a:pt x="4" y="115"/>
                  </a:cubicBezTo>
                  <a:cubicBezTo>
                    <a:pt x="2" y="115"/>
                    <a:pt x="1" y="117"/>
                    <a:pt x="1" y="118"/>
                  </a:cubicBezTo>
                  <a:cubicBezTo>
                    <a:pt x="0" y="121"/>
                    <a:pt x="0" y="125"/>
                    <a:pt x="0" y="128"/>
                  </a:cubicBezTo>
                  <a:cubicBezTo>
                    <a:pt x="0" y="131"/>
                    <a:pt x="0" y="134"/>
                    <a:pt x="1" y="138"/>
                  </a:cubicBezTo>
                  <a:cubicBezTo>
                    <a:pt x="1" y="139"/>
                    <a:pt x="2" y="141"/>
                    <a:pt x="4" y="141"/>
                  </a:cubicBezTo>
                  <a:cubicBezTo>
                    <a:pt x="22" y="144"/>
                    <a:pt x="22" y="144"/>
                    <a:pt x="22" y="144"/>
                  </a:cubicBezTo>
                  <a:cubicBezTo>
                    <a:pt x="23" y="149"/>
                    <a:pt x="25" y="154"/>
                    <a:pt x="28" y="158"/>
                  </a:cubicBezTo>
                  <a:cubicBezTo>
                    <a:pt x="17" y="172"/>
                    <a:pt x="17" y="172"/>
                    <a:pt x="17" y="172"/>
                  </a:cubicBezTo>
                  <a:cubicBezTo>
                    <a:pt x="16" y="174"/>
                    <a:pt x="16" y="176"/>
                    <a:pt x="17" y="177"/>
                  </a:cubicBezTo>
                  <a:cubicBezTo>
                    <a:pt x="21" y="182"/>
                    <a:pt x="26" y="187"/>
                    <a:pt x="31" y="191"/>
                  </a:cubicBezTo>
                  <a:cubicBezTo>
                    <a:pt x="32" y="192"/>
                    <a:pt x="34" y="192"/>
                    <a:pt x="36" y="191"/>
                  </a:cubicBezTo>
                  <a:cubicBezTo>
                    <a:pt x="50" y="180"/>
                    <a:pt x="50" y="180"/>
                    <a:pt x="50" y="180"/>
                  </a:cubicBezTo>
                  <a:cubicBezTo>
                    <a:pt x="54" y="183"/>
                    <a:pt x="59" y="185"/>
                    <a:pt x="64" y="186"/>
                  </a:cubicBezTo>
                  <a:cubicBezTo>
                    <a:pt x="67" y="204"/>
                    <a:pt x="67" y="204"/>
                    <a:pt x="67" y="204"/>
                  </a:cubicBezTo>
                  <a:cubicBezTo>
                    <a:pt x="67" y="206"/>
                    <a:pt x="69" y="207"/>
                    <a:pt x="70" y="207"/>
                  </a:cubicBezTo>
                  <a:cubicBezTo>
                    <a:pt x="73" y="208"/>
                    <a:pt x="77" y="208"/>
                    <a:pt x="80" y="208"/>
                  </a:cubicBezTo>
                  <a:cubicBezTo>
                    <a:pt x="83" y="208"/>
                    <a:pt x="87" y="208"/>
                    <a:pt x="90" y="207"/>
                  </a:cubicBezTo>
                  <a:cubicBezTo>
                    <a:pt x="91" y="207"/>
                    <a:pt x="93" y="206"/>
                    <a:pt x="93" y="204"/>
                  </a:cubicBezTo>
                  <a:cubicBezTo>
                    <a:pt x="96" y="186"/>
                    <a:pt x="96" y="186"/>
                    <a:pt x="96" y="186"/>
                  </a:cubicBezTo>
                  <a:cubicBezTo>
                    <a:pt x="101" y="185"/>
                    <a:pt x="106" y="183"/>
                    <a:pt x="110" y="180"/>
                  </a:cubicBezTo>
                  <a:cubicBezTo>
                    <a:pt x="124" y="191"/>
                    <a:pt x="124" y="191"/>
                    <a:pt x="124" y="191"/>
                  </a:cubicBezTo>
                  <a:cubicBezTo>
                    <a:pt x="126" y="192"/>
                    <a:pt x="128" y="192"/>
                    <a:pt x="129" y="191"/>
                  </a:cubicBezTo>
                  <a:cubicBezTo>
                    <a:pt x="134" y="187"/>
                    <a:pt x="139" y="182"/>
                    <a:pt x="143" y="177"/>
                  </a:cubicBezTo>
                  <a:cubicBezTo>
                    <a:pt x="144" y="176"/>
                    <a:pt x="144" y="174"/>
                    <a:pt x="143" y="172"/>
                  </a:cubicBezTo>
                  <a:cubicBezTo>
                    <a:pt x="132" y="158"/>
                    <a:pt x="132" y="158"/>
                    <a:pt x="132" y="158"/>
                  </a:cubicBezTo>
                  <a:cubicBezTo>
                    <a:pt x="135" y="154"/>
                    <a:pt x="137" y="149"/>
                    <a:pt x="138" y="144"/>
                  </a:cubicBezTo>
                  <a:cubicBezTo>
                    <a:pt x="156" y="141"/>
                    <a:pt x="156" y="141"/>
                    <a:pt x="156" y="141"/>
                  </a:cubicBezTo>
                  <a:cubicBezTo>
                    <a:pt x="158" y="141"/>
                    <a:pt x="159" y="139"/>
                    <a:pt x="159" y="138"/>
                  </a:cubicBezTo>
                  <a:cubicBezTo>
                    <a:pt x="160" y="134"/>
                    <a:pt x="160" y="131"/>
                    <a:pt x="160" y="128"/>
                  </a:cubicBezTo>
                  <a:cubicBezTo>
                    <a:pt x="160" y="125"/>
                    <a:pt x="160" y="121"/>
                    <a:pt x="159" y="118"/>
                  </a:cubicBezTo>
                  <a:cubicBezTo>
                    <a:pt x="159" y="117"/>
                    <a:pt x="158" y="115"/>
                    <a:pt x="156" y="115"/>
                  </a:cubicBezTo>
                  <a:close/>
                  <a:moveTo>
                    <a:pt x="152" y="134"/>
                  </a:moveTo>
                  <a:cubicBezTo>
                    <a:pt x="134" y="136"/>
                    <a:pt x="134" y="136"/>
                    <a:pt x="134" y="136"/>
                  </a:cubicBezTo>
                  <a:cubicBezTo>
                    <a:pt x="133" y="136"/>
                    <a:pt x="131" y="138"/>
                    <a:pt x="131" y="139"/>
                  </a:cubicBezTo>
                  <a:cubicBezTo>
                    <a:pt x="130" y="145"/>
                    <a:pt x="127" y="151"/>
                    <a:pt x="124" y="156"/>
                  </a:cubicBezTo>
                  <a:cubicBezTo>
                    <a:pt x="123" y="157"/>
                    <a:pt x="123" y="159"/>
                    <a:pt x="124" y="161"/>
                  </a:cubicBezTo>
                  <a:cubicBezTo>
                    <a:pt x="135" y="175"/>
                    <a:pt x="135" y="175"/>
                    <a:pt x="135" y="175"/>
                  </a:cubicBezTo>
                  <a:cubicBezTo>
                    <a:pt x="132" y="178"/>
                    <a:pt x="130" y="180"/>
                    <a:pt x="127" y="183"/>
                  </a:cubicBezTo>
                  <a:cubicBezTo>
                    <a:pt x="113" y="172"/>
                    <a:pt x="113" y="172"/>
                    <a:pt x="113" y="172"/>
                  </a:cubicBezTo>
                  <a:cubicBezTo>
                    <a:pt x="111" y="171"/>
                    <a:pt x="109" y="171"/>
                    <a:pt x="108" y="172"/>
                  </a:cubicBezTo>
                  <a:cubicBezTo>
                    <a:pt x="103" y="175"/>
                    <a:pt x="97" y="178"/>
                    <a:pt x="91" y="179"/>
                  </a:cubicBezTo>
                  <a:cubicBezTo>
                    <a:pt x="90" y="179"/>
                    <a:pt x="88" y="181"/>
                    <a:pt x="88" y="182"/>
                  </a:cubicBezTo>
                  <a:cubicBezTo>
                    <a:pt x="86" y="200"/>
                    <a:pt x="86" y="200"/>
                    <a:pt x="86" y="200"/>
                  </a:cubicBezTo>
                  <a:cubicBezTo>
                    <a:pt x="84" y="200"/>
                    <a:pt x="82" y="200"/>
                    <a:pt x="80" y="200"/>
                  </a:cubicBezTo>
                  <a:cubicBezTo>
                    <a:pt x="78" y="200"/>
                    <a:pt x="76" y="200"/>
                    <a:pt x="74" y="200"/>
                  </a:cubicBezTo>
                  <a:cubicBezTo>
                    <a:pt x="72" y="182"/>
                    <a:pt x="72" y="182"/>
                    <a:pt x="72" y="182"/>
                  </a:cubicBezTo>
                  <a:cubicBezTo>
                    <a:pt x="72" y="181"/>
                    <a:pt x="70" y="179"/>
                    <a:pt x="69" y="179"/>
                  </a:cubicBezTo>
                  <a:cubicBezTo>
                    <a:pt x="63" y="178"/>
                    <a:pt x="57" y="175"/>
                    <a:pt x="52" y="172"/>
                  </a:cubicBezTo>
                  <a:cubicBezTo>
                    <a:pt x="51" y="171"/>
                    <a:pt x="49" y="171"/>
                    <a:pt x="47" y="172"/>
                  </a:cubicBezTo>
                  <a:cubicBezTo>
                    <a:pt x="33" y="183"/>
                    <a:pt x="33" y="183"/>
                    <a:pt x="33" y="183"/>
                  </a:cubicBezTo>
                  <a:cubicBezTo>
                    <a:pt x="30" y="180"/>
                    <a:pt x="28" y="178"/>
                    <a:pt x="25" y="175"/>
                  </a:cubicBezTo>
                  <a:cubicBezTo>
                    <a:pt x="36" y="161"/>
                    <a:pt x="36" y="161"/>
                    <a:pt x="36" y="161"/>
                  </a:cubicBezTo>
                  <a:cubicBezTo>
                    <a:pt x="37" y="159"/>
                    <a:pt x="37" y="157"/>
                    <a:pt x="36" y="156"/>
                  </a:cubicBezTo>
                  <a:cubicBezTo>
                    <a:pt x="33" y="151"/>
                    <a:pt x="30" y="145"/>
                    <a:pt x="29" y="139"/>
                  </a:cubicBezTo>
                  <a:cubicBezTo>
                    <a:pt x="29" y="138"/>
                    <a:pt x="27" y="136"/>
                    <a:pt x="26" y="136"/>
                  </a:cubicBezTo>
                  <a:cubicBezTo>
                    <a:pt x="8" y="134"/>
                    <a:pt x="8" y="134"/>
                    <a:pt x="8" y="134"/>
                  </a:cubicBezTo>
                  <a:cubicBezTo>
                    <a:pt x="8" y="132"/>
                    <a:pt x="8" y="130"/>
                    <a:pt x="8" y="128"/>
                  </a:cubicBezTo>
                  <a:cubicBezTo>
                    <a:pt x="8" y="126"/>
                    <a:pt x="8" y="124"/>
                    <a:pt x="8" y="122"/>
                  </a:cubicBezTo>
                  <a:cubicBezTo>
                    <a:pt x="26" y="120"/>
                    <a:pt x="26" y="120"/>
                    <a:pt x="26" y="120"/>
                  </a:cubicBezTo>
                  <a:cubicBezTo>
                    <a:pt x="27" y="120"/>
                    <a:pt x="29" y="118"/>
                    <a:pt x="29" y="117"/>
                  </a:cubicBezTo>
                  <a:cubicBezTo>
                    <a:pt x="30" y="111"/>
                    <a:pt x="33" y="105"/>
                    <a:pt x="36" y="100"/>
                  </a:cubicBezTo>
                  <a:cubicBezTo>
                    <a:pt x="37" y="99"/>
                    <a:pt x="37" y="97"/>
                    <a:pt x="36" y="95"/>
                  </a:cubicBezTo>
                  <a:cubicBezTo>
                    <a:pt x="25" y="81"/>
                    <a:pt x="25" y="81"/>
                    <a:pt x="25" y="81"/>
                  </a:cubicBezTo>
                  <a:cubicBezTo>
                    <a:pt x="28" y="78"/>
                    <a:pt x="30" y="76"/>
                    <a:pt x="33" y="73"/>
                  </a:cubicBezTo>
                  <a:cubicBezTo>
                    <a:pt x="47" y="84"/>
                    <a:pt x="47" y="84"/>
                    <a:pt x="47" y="84"/>
                  </a:cubicBezTo>
                  <a:cubicBezTo>
                    <a:pt x="49" y="85"/>
                    <a:pt x="51" y="85"/>
                    <a:pt x="52" y="84"/>
                  </a:cubicBezTo>
                  <a:cubicBezTo>
                    <a:pt x="57" y="81"/>
                    <a:pt x="63" y="78"/>
                    <a:pt x="69" y="77"/>
                  </a:cubicBezTo>
                  <a:cubicBezTo>
                    <a:pt x="70" y="77"/>
                    <a:pt x="72" y="75"/>
                    <a:pt x="72" y="74"/>
                  </a:cubicBezTo>
                  <a:cubicBezTo>
                    <a:pt x="74" y="56"/>
                    <a:pt x="74" y="56"/>
                    <a:pt x="74" y="56"/>
                  </a:cubicBezTo>
                  <a:cubicBezTo>
                    <a:pt x="76" y="56"/>
                    <a:pt x="78" y="56"/>
                    <a:pt x="80" y="56"/>
                  </a:cubicBezTo>
                  <a:cubicBezTo>
                    <a:pt x="82" y="56"/>
                    <a:pt x="84" y="56"/>
                    <a:pt x="86" y="56"/>
                  </a:cubicBezTo>
                  <a:cubicBezTo>
                    <a:pt x="88" y="74"/>
                    <a:pt x="88" y="74"/>
                    <a:pt x="88" y="74"/>
                  </a:cubicBezTo>
                  <a:cubicBezTo>
                    <a:pt x="88" y="75"/>
                    <a:pt x="90" y="77"/>
                    <a:pt x="91" y="77"/>
                  </a:cubicBezTo>
                  <a:cubicBezTo>
                    <a:pt x="97" y="78"/>
                    <a:pt x="103" y="81"/>
                    <a:pt x="108" y="84"/>
                  </a:cubicBezTo>
                  <a:cubicBezTo>
                    <a:pt x="109" y="85"/>
                    <a:pt x="111" y="85"/>
                    <a:pt x="113" y="84"/>
                  </a:cubicBezTo>
                  <a:cubicBezTo>
                    <a:pt x="127" y="73"/>
                    <a:pt x="127" y="73"/>
                    <a:pt x="127" y="73"/>
                  </a:cubicBezTo>
                  <a:cubicBezTo>
                    <a:pt x="130" y="76"/>
                    <a:pt x="132" y="78"/>
                    <a:pt x="135" y="81"/>
                  </a:cubicBezTo>
                  <a:cubicBezTo>
                    <a:pt x="124" y="95"/>
                    <a:pt x="124" y="95"/>
                    <a:pt x="124" y="95"/>
                  </a:cubicBezTo>
                  <a:cubicBezTo>
                    <a:pt x="123" y="97"/>
                    <a:pt x="123" y="99"/>
                    <a:pt x="124" y="100"/>
                  </a:cubicBezTo>
                  <a:cubicBezTo>
                    <a:pt x="127" y="105"/>
                    <a:pt x="130" y="111"/>
                    <a:pt x="131" y="117"/>
                  </a:cubicBezTo>
                  <a:cubicBezTo>
                    <a:pt x="131" y="118"/>
                    <a:pt x="133" y="120"/>
                    <a:pt x="134" y="120"/>
                  </a:cubicBezTo>
                  <a:cubicBezTo>
                    <a:pt x="152" y="122"/>
                    <a:pt x="152" y="122"/>
                    <a:pt x="152" y="122"/>
                  </a:cubicBezTo>
                  <a:cubicBezTo>
                    <a:pt x="152" y="124"/>
                    <a:pt x="152" y="126"/>
                    <a:pt x="152" y="128"/>
                  </a:cubicBezTo>
                  <a:cubicBezTo>
                    <a:pt x="152" y="130"/>
                    <a:pt x="152" y="132"/>
                    <a:pt x="152" y="134"/>
                  </a:cubicBezTo>
                  <a:close/>
                  <a:moveTo>
                    <a:pt x="192" y="28"/>
                  </a:moveTo>
                  <a:cubicBezTo>
                    <a:pt x="181" y="28"/>
                    <a:pt x="172" y="37"/>
                    <a:pt x="172" y="48"/>
                  </a:cubicBezTo>
                  <a:cubicBezTo>
                    <a:pt x="172" y="59"/>
                    <a:pt x="181" y="68"/>
                    <a:pt x="192" y="68"/>
                  </a:cubicBezTo>
                  <a:cubicBezTo>
                    <a:pt x="203" y="68"/>
                    <a:pt x="212" y="59"/>
                    <a:pt x="212" y="48"/>
                  </a:cubicBezTo>
                  <a:cubicBezTo>
                    <a:pt x="212" y="37"/>
                    <a:pt x="203" y="28"/>
                    <a:pt x="192" y="28"/>
                  </a:cubicBezTo>
                  <a:close/>
                  <a:moveTo>
                    <a:pt x="192" y="60"/>
                  </a:moveTo>
                  <a:cubicBezTo>
                    <a:pt x="185" y="60"/>
                    <a:pt x="180" y="55"/>
                    <a:pt x="180" y="48"/>
                  </a:cubicBezTo>
                  <a:cubicBezTo>
                    <a:pt x="180" y="41"/>
                    <a:pt x="185" y="36"/>
                    <a:pt x="192" y="36"/>
                  </a:cubicBezTo>
                  <a:cubicBezTo>
                    <a:pt x="199" y="36"/>
                    <a:pt x="204" y="41"/>
                    <a:pt x="204" y="48"/>
                  </a:cubicBezTo>
                  <a:cubicBezTo>
                    <a:pt x="204" y="55"/>
                    <a:pt x="199" y="60"/>
                    <a:pt x="192" y="60"/>
                  </a:cubicBezTo>
                  <a:close/>
                  <a:moveTo>
                    <a:pt x="240" y="42"/>
                  </a:moveTo>
                  <a:cubicBezTo>
                    <a:pt x="239" y="40"/>
                    <a:pt x="238" y="39"/>
                    <a:pt x="236" y="39"/>
                  </a:cubicBezTo>
                  <a:cubicBezTo>
                    <a:pt x="227" y="37"/>
                    <a:pt x="227" y="37"/>
                    <a:pt x="227" y="37"/>
                  </a:cubicBezTo>
                  <a:cubicBezTo>
                    <a:pt x="226" y="35"/>
                    <a:pt x="225" y="33"/>
                    <a:pt x="224" y="31"/>
                  </a:cubicBezTo>
                  <a:cubicBezTo>
                    <a:pt x="230" y="23"/>
                    <a:pt x="230" y="23"/>
                    <a:pt x="230" y="23"/>
                  </a:cubicBezTo>
                  <a:cubicBezTo>
                    <a:pt x="231" y="22"/>
                    <a:pt x="231" y="20"/>
                    <a:pt x="230" y="18"/>
                  </a:cubicBezTo>
                  <a:cubicBezTo>
                    <a:pt x="227" y="15"/>
                    <a:pt x="225" y="13"/>
                    <a:pt x="222" y="10"/>
                  </a:cubicBezTo>
                  <a:cubicBezTo>
                    <a:pt x="220" y="9"/>
                    <a:pt x="218" y="9"/>
                    <a:pt x="217" y="10"/>
                  </a:cubicBezTo>
                  <a:cubicBezTo>
                    <a:pt x="209" y="16"/>
                    <a:pt x="209" y="16"/>
                    <a:pt x="209" y="16"/>
                  </a:cubicBezTo>
                  <a:cubicBezTo>
                    <a:pt x="207" y="15"/>
                    <a:pt x="205" y="14"/>
                    <a:pt x="203" y="13"/>
                  </a:cubicBezTo>
                  <a:cubicBezTo>
                    <a:pt x="201" y="4"/>
                    <a:pt x="201" y="4"/>
                    <a:pt x="201" y="4"/>
                  </a:cubicBezTo>
                  <a:cubicBezTo>
                    <a:pt x="201" y="2"/>
                    <a:pt x="200" y="1"/>
                    <a:pt x="198" y="0"/>
                  </a:cubicBezTo>
                  <a:cubicBezTo>
                    <a:pt x="196" y="0"/>
                    <a:pt x="194" y="0"/>
                    <a:pt x="192" y="0"/>
                  </a:cubicBezTo>
                  <a:cubicBezTo>
                    <a:pt x="190" y="0"/>
                    <a:pt x="188" y="0"/>
                    <a:pt x="186" y="0"/>
                  </a:cubicBezTo>
                  <a:cubicBezTo>
                    <a:pt x="184" y="1"/>
                    <a:pt x="183" y="2"/>
                    <a:pt x="183" y="4"/>
                  </a:cubicBezTo>
                  <a:cubicBezTo>
                    <a:pt x="181" y="13"/>
                    <a:pt x="181" y="13"/>
                    <a:pt x="181" y="13"/>
                  </a:cubicBezTo>
                  <a:cubicBezTo>
                    <a:pt x="179" y="14"/>
                    <a:pt x="177" y="15"/>
                    <a:pt x="175" y="16"/>
                  </a:cubicBezTo>
                  <a:cubicBezTo>
                    <a:pt x="167" y="10"/>
                    <a:pt x="167" y="10"/>
                    <a:pt x="167" y="10"/>
                  </a:cubicBezTo>
                  <a:cubicBezTo>
                    <a:pt x="166" y="9"/>
                    <a:pt x="164" y="9"/>
                    <a:pt x="162" y="10"/>
                  </a:cubicBezTo>
                  <a:cubicBezTo>
                    <a:pt x="159" y="13"/>
                    <a:pt x="157" y="15"/>
                    <a:pt x="154" y="18"/>
                  </a:cubicBezTo>
                  <a:cubicBezTo>
                    <a:pt x="153" y="20"/>
                    <a:pt x="153" y="22"/>
                    <a:pt x="154" y="23"/>
                  </a:cubicBezTo>
                  <a:cubicBezTo>
                    <a:pt x="160" y="31"/>
                    <a:pt x="160" y="31"/>
                    <a:pt x="160" y="31"/>
                  </a:cubicBezTo>
                  <a:cubicBezTo>
                    <a:pt x="159" y="33"/>
                    <a:pt x="158" y="35"/>
                    <a:pt x="157" y="37"/>
                  </a:cubicBezTo>
                  <a:cubicBezTo>
                    <a:pt x="148" y="39"/>
                    <a:pt x="148" y="39"/>
                    <a:pt x="148" y="39"/>
                  </a:cubicBezTo>
                  <a:cubicBezTo>
                    <a:pt x="146" y="39"/>
                    <a:pt x="145" y="40"/>
                    <a:pt x="144" y="42"/>
                  </a:cubicBezTo>
                  <a:cubicBezTo>
                    <a:pt x="144" y="44"/>
                    <a:pt x="144" y="46"/>
                    <a:pt x="144" y="48"/>
                  </a:cubicBezTo>
                  <a:cubicBezTo>
                    <a:pt x="144" y="50"/>
                    <a:pt x="144" y="52"/>
                    <a:pt x="144" y="54"/>
                  </a:cubicBezTo>
                  <a:cubicBezTo>
                    <a:pt x="145" y="56"/>
                    <a:pt x="146" y="57"/>
                    <a:pt x="148" y="57"/>
                  </a:cubicBezTo>
                  <a:cubicBezTo>
                    <a:pt x="157" y="59"/>
                    <a:pt x="157" y="59"/>
                    <a:pt x="157" y="59"/>
                  </a:cubicBezTo>
                  <a:cubicBezTo>
                    <a:pt x="158" y="61"/>
                    <a:pt x="159" y="63"/>
                    <a:pt x="160" y="65"/>
                  </a:cubicBezTo>
                  <a:cubicBezTo>
                    <a:pt x="154" y="73"/>
                    <a:pt x="154" y="73"/>
                    <a:pt x="154" y="73"/>
                  </a:cubicBezTo>
                  <a:cubicBezTo>
                    <a:pt x="153" y="74"/>
                    <a:pt x="153" y="76"/>
                    <a:pt x="154" y="78"/>
                  </a:cubicBezTo>
                  <a:cubicBezTo>
                    <a:pt x="157" y="81"/>
                    <a:pt x="159" y="83"/>
                    <a:pt x="162" y="86"/>
                  </a:cubicBezTo>
                  <a:cubicBezTo>
                    <a:pt x="164" y="87"/>
                    <a:pt x="166" y="87"/>
                    <a:pt x="167" y="86"/>
                  </a:cubicBezTo>
                  <a:cubicBezTo>
                    <a:pt x="175" y="80"/>
                    <a:pt x="175" y="80"/>
                    <a:pt x="175" y="80"/>
                  </a:cubicBezTo>
                  <a:cubicBezTo>
                    <a:pt x="177" y="81"/>
                    <a:pt x="179" y="82"/>
                    <a:pt x="181" y="83"/>
                  </a:cubicBezTo>
                  <a:cubicBezTo>
                    <a:pt x="183" y="92"/>
                    <a:pt x="183" y="92"/>
                    <a:pt x="183" y="92"/>
                  </a:cubicBezTo>
                  <a:cubicBezTo>
                    <a:pt x="183" y="94"/>
                    <a:pt x="184" y="95"/>
                    <a:pt x="186" y="96"/>
                  </a:cubicBezTo>
                  <a:cubicBezTo>
                    <a:pt x="188" y="96"/>
                    <a:pt x="190" y="96"/>
                    <a:pt x="192" y="96"/>
                  </a:cubicBezTo>
                  <a:cubicBezTo>
                    <a:pt x="194" y="96"/>
                    <a:pt x="196" y="96"/>
                    <a:pt x="198" y="96"/>
                  </a:cubicBezTo>
                  <a:cubicBezTo>
                    <a:pt x="200" y="95"/>
                    <a:pt x="201" y="94"/>
                    <a:pt x="201" y="92"/>
                  </a:cubicBezTo>
                  <a:cubicBezTo>
                    <a:pt x="203" y="83"/>
                    <a:pt x="203" y="83"/>
                    <a:pt x="203" y="83"/>
                  </a:cubicBezTo>
                  <a:cubicBezTo>
                    <a:pt x="205" y="82"/>
                    <a:pt x="207" y="81"/>
                    <a:pt x="209" y="80"/>
                  </a:cubicBezTo>
                  <a:cubicBezTo>
                    <a:pt x="217" y="86"/>
                    <a:pt x="217" y="86"/>
                    <a:pt x="217" y="86"/>
                  </a:cubicBezTo>
                  <a:cubicBezTo>
                    <a:pt x="218" y="87"/>
                    <a:pt x="220" y="87"/>
                    <a:pt x="222" y="86"/>
                  </a:cubicBezTo>
                  <a:cubicBezTo>
                    <a:pt x="225" y="83"/>
                    <a:pt x="227" y="81"/>
                    <a:pt x="230" y="78"/>
                  </a:cubicBezTo>
                  <a:cubicBezTo>
                    <a:pt x="231" y="76"/>
                    <a:pt x="231" y="74"/>
                    <a:pt x="230" y="73"/>
                  </a:cubicBezTo>
                  <a:cubicBezTo>
                    <a:pt x="224" y="65"/>
                    <a:pt x="224" y="65"/>
                    <a:pt x="224" y="65"/>
                  </a:cubicBezTo>
                  <a:cubicBezTo>
                    <a:pt x="225" y="63"/>
                    <a:pt x="226" y="61"/>
                    <a:pt x="227" y="59"/>
                  </a:cubicBezTo>
                  <a:cubicBezTo>
                    <a:pt x="236" y="57"/>
                    <a:pt x="236" y="57"/>
                    <a:pt x="236" y="57"/>
                  </a:cubicBezTo>
                  <a:cubicBezTo>
                    <a:pt x="238" y="57"/>
                    <a:pt x="239" y="56"/>
                    <a:pt x="240" y="54"/>
                  </a:cubicBezTo>
                  <a:cubicBezTo>
                    <a:pt x="240" y="52"/>
                    <a:pt x="240" y="50"/>
                    <a:pt x="240" y="48"/>
                  </a:cubicBezTo>
                  <a:cubicBezTo>
                    <a:pt x="240" y="46"/>
                    <a:pt x="240" y="44"/>
                    <a:pt x="240" y="42"/>
                  </a:cubicBezTo>
                  <a:close/>
                  <a:moveTo>
                    <a:pt x="232" y="50"/>
                  </a:moveTo>
                  <a:cubicBezTo>
                    <a:pt x="223" y="51"/>
                    <a:pt x="223" y="51"/>
                    <a:pt x="223" y="51"/>
                  </a:cubicBezTo>
                  <a:cubicBezTo>
                    <a:pt x="222" y="51"/>
                    <a:pt x="220" y="53"/>
                    <a:pt x="220" y="54"/>
                  </a:cubicBezTo>
                  <a:cubicBezTo>
                    <a:pt x="219" y="57"/>
                    <a:pt x="218" y="61"/>
                    <a:pt x="216" y="63"/>
                  </a:cubicBezTo>
                  <a:cubicBezTo>
                    <a:pt x="215" y="65"/>
                    <a:pt x="215" y="67"/>
                    <a:pt x="216" y="68"/>
                  </a:cubicBezTo>
                  <a:cubicBezTo>
                    <a:pt x="222" y="75"/>
                    <a:pt x="222" y="75"/>
                    <a:pt x="222" y="75"/>
                  </a:cubicBezTo>
                  <a:cubicBezTo>
                    <a:pt x="221" y="76"/>
                    <a:pt x="220" y="77"/>
                    <a:pt x="219" y="78"/>
                  </a:cubicBezTo>
                  <a:cubicBezTo>
                    <a:pt x="212" y="72"/>
                    <a:pt x="212" y="72"/>
                    <a:pt x="212" y="72"/>
                  </a:cubicBezTo>
                  <a:cubicBezTo>
                    <a:pt x="211" y="71"/>
                    <a:pt x="209" y="71"/>
                    <a:pt x="207" y="72"/>
                  </a:cubicBezTo>
                  <a:cubicBezTo>
                    <a:pt x="205" y="74"/>
                    <a:pt x="201" y="75"/>
                    <a:pt x="198" y="76"/>
                  </a:cubicBezTo>
                  <a:cubicBezTo>
                    <a:pt x="197" y="76"/>
                    <a:pt x="195" y="78"/>
                    <a:pt x="195" y="79"/>
                  </a:cubicBezTo>
                  <a:cubicBezTo>
                    <a:pt x="194" y="88"/>
                    <a:pt x="194" y="88"/>
                    <a:pt x="194" y="88"/>
                  </a:cubicBezTo>
                  <a:cubicBezTo>
                    <a:pt x="193" y="88"/>
                    <a:pt x="193" y="88"/>
                    <a:pt x="192" y="88"/>
                  </a:cubicBezTo>
                  <a:cubicBezTo>
                    <a:pt x="191" y="88"/>
                    <a:pt x="191" y="88"/>
                    <a:pt x="190" y="88"/>
                  </a:cubicBezTo>
                  <a:cubicBezTo>
                    <a:pt x="189" y="79"/>
                    <a:pt x="189" y="79"/>
                    <a:pt x="189" y="79"/>
                  </a:cubicBezTo>
                  <a:cubicBezTo>
                    <a:pt x="189" y="78"/>
                    <a:pt x="187" y="76"/>
                    <a:pt x="186" y="76"/>
                  </a:cubicBezTo>
                  <a:cubicBezTo>
                    <a:pt x="183" y="75"/>
                    <a:pt x="179" y="74"/>
                    <a:pt x="177" y="72"/>
                  </a:cubicBezTo>
                  <a:cubicBezTo>
                    <a:pt x="175" y="71"/>
                    <a:pt x="173" y="71"/>
                    <a:pt x="172" y="72"/>
                  </a:cubicBezTo>
                  <a:cubicBezTo>
                    <a:pt x="165" y="78"/>
                    <a:pt x="165" y="78"/>
                    <a:pt x="165" y="78"/>
                  </a:cubicBezTo>
                  <a:cubicBezTo>
                    <a:pt x="164" y="77"/>
                    <a:pt x="163" y="76"/>
                    <a:pt x="162" y="75"/>
                  </a:cubicBezTo>
                  <a:cubicBezTo>
                    <a:pt x="168" y="68"/>
                    <a:pt x="168" y="68"/>
                    <a:pt x="168" y="68"/>
                  </a:cubicBezTo>
                  <a:cubicBezTo>
                    <a:pt x="169" y="67"/>
                    <a:pt x="169" y="65"/>
                    <a:pt x="168" y="63"/>
                  </a:cubicBezTo>
                  <a:cubicBezTo>
                    <a:pt x="166" y="61"/>
                    <a:pt x="165" y="57"/>
                    <a:pt x="164" y="54"/>
                  </a:cubicBezTo>
                  <a:cubicBezTo>
                    <a:pt x="164" y="53"/>
                    <a:pt x="162" y="51"/>
                    <a:pt x="161" y="51"/>
                  </a:cubicBezTo>
                  <a:cubicBezTo>
                    <a:pt x="152" y="50"/>
                    <a:pt x="152" y="50"/>
                    <a:pt x="152" y="50"/>
                  </a:cubicBezTo>
                  <a:cubicBezTo>
                    <a:pt x="152" y="49"/>
                    <a:pt x="152" y="49"/>
                    <a:pt x="152" y="48"/>
                  </a:cubicBezTo>
                  <a:cubicBezTo>
                    <a:pt x="152" y="47"/>
                    <a:pt x="152" y="47"/>
                    <a:pt x="152" y="46"/>
                  </a:cubicBezTo>
                  <a:cubicBezTo>
                    <a:pt x="161" y="45"/>
                    <a:pt x="161" y="45"/>
                    <a:pt x="161" y="45"/>
                  </a:cubicBezTo>
                  <a:cubicBezTo>
                    <a:pt x="162" y="45"/>
                    <a:pt x="164" y="43"/>
                    <a:pt x="164" y="42"/>
                  </a:cubicBezTo>
                  <a:cubicBezTo>
                    <a:pt x="165" y="39"/>
                    <a:pt x="166" y="35"/>
                    <a:pt x="168" y="33"/>
                  </a:cubicBezTo>
                  <a:cubicBezTo>
                    <a:pt x="169" y="31"/>
                    <a:pt x="169" y="29"/>
                    <a:pt x="168" y="28"/>
                  </a:cubicBezTo>
                  <a:cubicBezTo>
                    <a:pt x="162" y="21"/>
                    <a:pt x="162" y="21"/>
                    <a:pt x="162" y="21"/>
                  </a:cubicBezTo>
                  <a:cubicBezTo>
                    <a:pt x="163" y="20"/>
                    <a:pt x="164" y="19"/>
                    <a:pt x="165" y="18"/>
                  </a:cubicBezTo>
                  <a:cubicBezTo>
                    <a:pt x="172" y="24"/>
                    <a:pt x="172" y="24"/>
                    <a:pt x="172" y="24"/>
                  </a:cubicBezTo>
                  <a:cubicBezTo>
                    <a:pt x="173" y="25"/>
                    <a:pt x="175" y="25"/>
                    <a:pt x="177" y="24"/>
                  </a:cubicBezTo>
                  <a:cubicBezTo>
                    <a:pt x="179" y="22"/>
                    <a:pt x="183" y="21"/>
                    <a:pt x="186" y="20"/>
                  </a:cubicBezTo>
                  <a:cubicBezTo>
                    <a:pt x="187" y="20"/>
                    <a:pt x="189" y="18"/>
                    <a:pt x="189" y="17"/>
                  </a:cubicBezTo>
                  <a:cubicBezTo>
                    <a:pt x="190" y="8"/>
                    <a:pt x="190" y="8"/>
                    <a:pt x="190" y="8"/>
                  </a:cubicBezTo>
                  <a:cubicBezTo>
                    <a:pt x="191" y="8"/>
                    <a:pt x="191" y="8"/>
                    <a:pt x="192" y="8"/>
                  </a:cubicBezTo>
                  <a:cubicBezTo>
                    <a:pt x="193" y="8"/>
                    <a:pt x="193" y="8"/>
                    <a:pt x="194" y="8"/>
                  </a:cubicBezTo>
                  <a:cubicBezTo>
                    <a:pt x="195" y="17"/>
                    <a:pt x="195" y="17"/>
                    <a:pt x="195" y="17"/>
                  </a:cubicBezTo>
                  <a:cubicBezTo>
                    <a:pt x="195" y="18"/>
                    <a:pt x="197" y="20"/>
                    <a:pt x="198" y="20"/>
                  </a:cubicBezTo>
                  <a:cubicBezTo>
                    <a:pt x="201" y="21"/>
                    <a:pt x="205" y="22"/>
                    <a:pt x="207" y="24"/>
                  </a:cubicBezTo>
                  <a:cubicBezTo>
                    <a:pt x="209" y="25"/>
                    <a:pt x="211" y="25"/>
                    <a:pt x="212" y="24"/>
                  </a:cubicBezTo>
                  <a:cubicBezTo>
                    <a:pt x="219" y="18"/>
                    <a:pt x="219" y="18"/>
                    <a:pt x="219" y="18"/>
                  </a:cubicBezTo>
                  <a:cubicBezTo>
                    <a:pt x="220" y="19"/>
                    <a:pt x="221" y="20"/>
                    <a:pt x="222" y="21"/>
                  </a:cubicBezTo>
                  <a:cubicBezTo>
                    <a:pt x="216" y="28"/>
                    <a:pt x="216" y="28"/>
                    <a:pt x="216" y="28"/>
                  </a:cubicBezTo>
                  <a:cubicBezTo>
                    <a:pt x="215" y="29"/>
                    <a:pt x="215" y="31"/>
                    <a:pt x="216" y="33"/>
                  </a:cubicBezTo>
                  <a:cubicBezTo>
                    <a:pt x="218" y="35"/>
                    <a:pt x="219" y="39"/>
                    <a:pt x="220" y="42"/>
                  </a:cubicBezTo>
                  <a:cubicBezTo>
                    <a:pt x="220" y="43"/>
                    <a:pt x="222" y="45"/>
                    <a:pt x="223" y="45"/>
                  </a:cubicBezTo>
                  <a:cubicBezTo>
                    <a:pt x="232" y="46"/>
                    <a:pt x="232" y="46"/>
                    <a:pt x="232" y="46"/>
                  </a:cubicBezTo>
                  <a:cubicBezTo>
                    <a:pt x="232" y="47"/>
                    <a:pt x="232" y="47"/>
                    <a:pt x="232" y="48"/>
                  </a:cubicBezTo>
                  <a:cubicBezTo>
                    <a:pt x="232" y="49"/>
                    <a:pt x="232" y="49"/>
                    <a:pt x="232" y="50"/>
                  </a:cubicBezTo>
                  <a:close/>
                  <a:moveTo>
                    <a:pt x="76" y="108"/>
                  </a:moveTo>
                  <a:cubicBezTo>
                    <a:pt x="96" y="108"/>
                    <a:pt x="96" y="108"/>
                    <a:pt x="96" y="108"/>
                  </a:cubicBezTo>
                  <a:cubicBezTo>
                    <a:pt x="98" y="108"/>
                    <a:pt x="100" y="106"/>
                    <a:pt x="100" y="104"/>
                  </a:cubicBezTo>
                  <a:cubicBezTo>
                    <a:pt x="100" y="102"/>
                    <a:pt x="98" y="100"/>
                    <a:pt x="96" y="100"/>
                  </a:cubicBezTo>
                  <a:cubicBezTo>
                    <a:pt x="84" y="100"/>
                    <a:pt x="84" y="100"/>
                    <a:pt x="84" y="100"/>
                  </a:cubicBezTo>
                  <a:cubicBezTo>
                    <a:pt x="84" y="92"/>
                    <a:pt x="84" y="92"/>
                    <a:pt x="84" y="92"/>
                  </a:cubicBezTo>
                  <a:cubicBezTo>
                    <a:pt x="84" y="90"/>
                    <a:pt x="82" y="88"/>
                    <a:pt x="80" y="88"/>
                  </a:cubicBezTo>
                  <a:cubicBezTo>
                    <a:pt x="78" y="88"/>
                    <a:pt x="76" y="90"/>
                    <a:pt x="76" y="92"/>
                  </a:cubicBezTo>
                  <a:cubicBezTo>
                    <a:pt x="76" y="100"/>
                    <a:pt x="76" y="100"/>
                    <a:pt x="76" y="100"/>
                  </a:cubicBezTo>
                  <a:cubicBezTo>
                    <a:pt x="67" y="100"/>
                    <a:pt x="60" y="107"/>
                    <a:pt x="60" y="116"/>
                  </a:cubicBezTo>
                  <a:cubicBezTo>
                    <a:pt x="60" y="125"/>
                    <a:pt x="67" y="132"/>
                    <a:pt x="76" y="132"/>
                  </a:cubicBezTo>
                  <a:cubicBezTo>
                    <a:pt x="84" y="132"/>
                    <a:pt x="84" y="132"/>
                    <a:pt x="84" y="132"/>
                  </a:cubicBezTo>
                  <a:cubicBezTo>
                    <a:pt x="88" y="132"/>
                    <a:pt x="92" y="136"/>
                    <a:pt x="92" y="140"/>
                  </a:cubicBezTo>
                  <a:cubicBezTo>
                    <a:pt x="92" y="144"/>
                    <a:pt x="88" y="148"/>
                    <a:pt x="84" y="148"/>
                  </a:cubicBezTo>
                  <a:cubicBezTo>
                    <a:pt x="64" y="148"/>
                    <a:pt x="64" y="148"/>
                    <a:pt x="64" y="148"/>
                  </a:cubicBezTo>
                  <a:cubicBezTo>
                    <a:pt x="62" y="148"/>
                    <a:pt x="60" y="150"/>
                    <a:pt x="60" y="152"/>
                  </a:cubicBezTo>
                  <a:cubicBezTo>
                    <a:pt x="60" y="154"/>
                    <a:pt x="62" y="156"/>
                    <a:pt x="64" y="156"/>
                  </a:cubicBezTo>
                  <a:cubicBezTo>
                    <a:pt x="76" y="156"/>
                    <a:pt x="76" y="156"/>
                    <a:pt x="76" y="156"/>
                  </a:cubicBezTo>
                  <a:cubicBezTo>
                    <a:pt x="76" y="164"/>
                    <a:pt x="76" y="164"/>
                    <a:pt x="76" y="164"/>
                  </a:cubicBezTo>
                  <a:cubicBezTo>
                    <a:pt x="76" y="166"/>
                    <a:pt x="78" y="168"/>
                    <a:pt x="80" y="168"/>
                  </a:cubicBezTo>
                  <a:cubicBezTo>
                    <a:pt x="82" y="168"/>
                    <a:pt x="84" y="166"/>
                    <a:pt x="84" y="164"/>
                  </a:cubicBezTo>
                  <a:cubicBezTo>
                    <a:pt x="84" y="156"/>
                    <a:pt x="84" y="156"/>
                    <a:pt x="84" y="156"/>
                  </a:cubicBezTo>
                  <a:cubicBezTo>
                    <a:pt x="93" y="156"/>
                    <a:pt x="100" y="149"/>
                    <a:pt x="100" y="140"/>
                  </a:cubicBezTo>
                  <a:cubicBezTo>
                    <a:pt x="100" y="131"/>
                    <a:pt x="93" y="124"/>
                    <a:pt x="84" y="124"/>
                  </a:cubicBezTo>
                  <a:cubicBezTo>
                    <a:pt x="76" y="124"/>
                    <a:pt x="76" y="124"/>
                    <a:pt x="76" y="124"/>
                  </a:cubicBezTo>
                  <a:cubicBezTo>
                    <a:pt x="72" y="124"/>
                    <a:pt x="68" y="120"/>
                    <a:pt x="68" y="116"/>
                  </a:cubicBezTo>
                  <a:cubicBezTo>
                    <a:pt x="68" y="112"/>
                    <a:pt x="72" y="108"/>
                    <a:pt x="76" y="108"/>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178" name="Freeform 17">
            <a:extLst>
              <a:ext uri="{FF2B5EF4-FFF2-40B4-BE49-F238E27FC236}">
                <a16:creationId xmlns:a16="http://schemas.microsoft.com/office/drawing/2014/main" id="{5CE7FFF6-0CA3-A2DE-8310-90F1A4A1C0DD}"/>
              </a:ext>
              <a:ext uri="{C183D7F6-B498-43B3-948B-1728B52AA6E4}">
                <adec:decorative xmlns:adec="http://schemas.microsoft.com/office/drawing/2017/decorative" val="1"/>
              </a:ext>
            </a:extLst>
          </p:cNvPr>
          <p:cNvSpPr>
            <a:spLocks noEditPoints="1"/>
          </p:cNvSpPr>
          <p:nvPr/>
        </p:nvSpPr>
        <p:spPr bwMode="auto">
          <a:xfrm>
            <a:off x="9622141" y="2822502"/>
            <a:ext cx="363922" cy="384113"/>
          </a:xfrm>
          <a:custGeom>
            <a:avLst/>
            <a:gdLst>
              <a:gd name="T0" fmla="*/ 65 w 192"/>
              <a:gd name="T1" fmla="*/ 48 h 208"/>
              <a:gd name="T2" fmla="*/ 44 w 192"/>
              <a:gd name="T3" fmla="*/ 66 h 208"/>
              <a:gd name="T4" fmla="*/ 23 w 192"/>
              <a:gd name="T5" fmla="*/ 48 h 208"/>
              <a:gd name="T6" fmla="*/ 0 w 192"/>
              <a:gd name="T7" fmla="*/ 69 h 208"/>
              <a:gd name="T8" fmla="*/ 16 w 192"/>
              <a:gd name="T9" fmla="*/ 136 h 208"/>
              <a:gd name="T10" fmla="*/ 17 w 192"/>
              <a:gd name="T11" fmla="*/ 207 h 208"/>
              <a:gd name="T12" fmla="*/ 68 w 192"/>
              <a:gd name="T13" fmla="*/ 208 h 208"/>
              <a:gd name="T14" fmla="*/ 72 w 192"/>
              <a:gd name="T15" fmla="*/ 204 h 208"/>
              <a:gd name="T16" fmla="*/ 88 w 192"/>
              <a:gd name="T17" fmla="*/ 116 h 208"/>
              <a:gd name="T18" fmla="*/ 76 w 192"/>
              <a:gd name="T19" fmla="*/ 52 h 208"/>
              <a:gd name="T20" fmla="*/ 72 w 192"/>
              <a:gd name="T21" fmla="*/ 127 h 208"/>
              <a:gd name="T22" fmla="*/ 68 w 192"/>
              <a:gd name="T23" fmla="*/ 80 h 208"/>
              <a:gd name="T24" fmla="*/ 64 w 192"/>
              <a:gd name="T25" fmla="*/ 200 h 208"/>
              <a:gd name="T26" fmla="*/ 48 w 192"/>
              <a:gd name="T27" fmla="*/ 132 h 208"/>
              <a:gd name="T28" fmla="*/ 40 w 192"/>
              <a:gd name="T29" fmla="*/ 132 h 208"/>
              <a:gd name="T30" fmla="*/ 24 w 192"/>
              <a:gd name="T31" fmla="*/ 200 h 208"/>
              <a:gd name="T32" fmla="*/ 20 w 192"/>
              <a:gd name="T33" fmla="*/ 80 h 208"/>
              <a:gd name="T34" fmla="*/ 16 w 192"/>
              <a:gd name="T35" fmla="*/ 127 h 208"/>
              <a:gd name="T36" fmla="*/ 8 w 192"/>
              <a:gd name="T37" fmla="*/ 69 h 208"/>
              <a:gd name="T38" fmla="*/ 23 w 192"/>
              <a:gd name="T39" fmla="*/ 57 h 208"/>
              <a:gd name="T40" fmla="*/ 44 w 192"/>
              <a:gd name="T41" fmla="*/ 76 h 208"/>
              <a:gd name="T42" fmla="*/ 65 w 192"/>
              <a:gd name="T43" fmla="*/ 57 h 208"/>
              <a:gd name="T44" fmla="*/ 80 w 192"/>
              <a:gd name="T45" fmla="*/ 69 h 208"/>
              <a:gd name="T46" fmla="*/ 44 w 192"/>
              <a:gd name="T47" fmla="*/ 48 h 208"/>
              <a:gd name="T48" fmla="*/ 44 w 192"/>
              <a:gd name="T49" fmla="*/ 0 h 208"/>
              <a:gd name="T50" fmla="*/ 44 w 192"/>
              <a:gd name="T51" fmla="*/ 48 h 208"/>
              <a:gd name="T52" fmla="*/ 60 w 192"/>
              <a:gd name="T53" fmla="*/ 24 h 208"/>
              <a:gd name="T54" fmla="*/ 28 w 192"/>
              <a:gd name="T55" fmla="*/ 24 h 208"/>
              <a:gd name="T56" fmla="*/ 168 w 192"/>
              <a:gd name="T57" fmla="*/ 128 h 208"/>
              <a:gd name="T58" fmla="*/ 168 w 192"/>
              <a:gd name="T59" fmla="*/ 80 h 208"/>
              <a:gd name="T60" fmla="*/ 120 w 192"/>
              <a:gd name="T61" fmla="*/ 100 h 208"/>
              <a:gd name="T62" fmla="*/ 128 w 192"/>
              <a:gd name="T63" fmla="*/ 44 h 208"/>
              <a:gd name="T64" fmla="*/ 168 w 192"/>
              <a:gd name="T65" fmla="*/ 64 h 208"/>
              <a:gd name="T66" fmla="*/ 168 w 192"/>
              <a:gd name="T67" fmla="*/ 16 h 208"/>
              <a:gd name="T68" fmla="*/ 128 w 192"/>
              <a:gd name="T69" fmla="*/ 36 h 208"/>
              <a:gd name="T70" fmla="*/ 112 w 192"/>
              <a:gd name="T71" fmla="*/ 100 h 208"/>
              <a:gd name="T72" fmla="*/ 96 w 192"/>
              <a:gd name="T73" fmla="*/ 104 h 208"/>
              <a:gd name="T74" fmla="*/ 112 w 192"/>
              <a:gd name="T75" fmla="*/ 108 h 208"/>
              <a:gd name="T76" fmla="*/ 128 w 192"/>
              <a:gd name="T77" fmla="*/ 172 h 208"/>
              <a:gd name="T78" fmla="*/ 168 w 192"/>
              <a:gd name="T79" fmla="*/ 192 h 208"/>
              <a:gd name="T80" fmla="*/ 168 w 192"/>
              <a:gd name="T81" fmla="*/ 144 h 208"/>
              <a:gd name="T82" fmla="*/ 128 w 192"/>
              <a:gd name="T83" fmla="*/ 164 h 208"/>
              <a:gd name="T84" fmla="*/ 120 w 192"/>
              <a:gd name="T85" fmla="*/ 108 h 208"/>
              <a:gd name="T86" fmla="*/ 168 w 192"/>
              <a:gd name="T87" fmla="*/ 128 h 208"/>
              <a:gd name="T88" fmla="*/ 168 w 192"/>
              <a:gd name="T89" fmla="*/ 88 h 208"/>
              <a:gd name="T90" fmla="*/ 168 w 192"/>
              <a:gd name="T91" fmla="*/ 120 h 208"/>
              <a:gd name="T92" fmla="*/ 152 w 192"/>
              <a:gd name="T93" fmla="*/ 104 h 208"/>
              <a:gd name="T94" fmla="*/ 168 w 192"/>
              <a:gd name="T95" fmla="*/ 24 h 208"/>
              <a:gd name="T96" fmla="*/ 168 w 192"/>
              <a:gd name="T97" fmla="*/ 56 h 208"/>
              <a:gd name="T98" fmla="*/ 168 w 192"/>
              <a:gd name="T99" fmla="*/ 24 h 208"/>
              <a:gd name="T100" fmla="*/ 184 w 192"/>
              <a:gd name="T101" fmla="*/ 168 h 208"/>
              <a:gd name="T102" fmla="*/ 152 w 192"/>
              <a:gd name="T103" fmla="*/ 16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92" h="208">
                <a:moveTo>
                  <a:pt x="76" y="52"/>
                </a:moveTo>
                <a:cubicBezTo>
                  <a:pt x="65" y="48"/>
                  <a:pt x="65" y="48"/>
                  <a:pt x="65" y="48"/>
                </a:cubicBezTo>
                <a:cubicBezTo>
                  <a:pt x="64" y="48"/>
                  <a:pt x="62" y="48"/>
                  <a:pt x="61" y="49"/>
                </a:cubicBezTo>
                <a:cubicBezTo>
                  <a:pt x="44" y="66"/>
                  <a:pt x="44" y="66"/>
                  <a:pt x="44" y="66"/>
                </a:cubicBezTo>
                <a:cubicBezTo>
                  <a:pt x="27" y="49"/>
                  <a:pt x="27" y="49"/>
                  <a:pt x="27" y="49"/>
                </a:cubicBezTo>
                <a:cubicBezTo>
                  <a:pt x="26" y="48"/>
                  <a:pt x="24" y="48"/>
                  <a:pt x="23" y="48"/>
                </a:cubicBezTo>
                <a:cubicBezTo>
                  <a:pt x="12" y="52"/>
                  <a:pt x="12" y="52"/>
                  <a:pt x="12" y="52"/>
                </a:cubicBezTo>
                <a:cubicBezTo>
                  <a:pt x="5" y="54"/>
                  <a:pt x="0" y="61"/>
                  <a:pt x="0" y="69"/>
                </a:cubicBezTo>
                <a:cubicBezTo>
                  <a:pt x="0" y="116"/>
                  <a:pt x="0" y="116"/>
                  <a:pt x="0" y="116"/>
                </a:cubicBezTo>
                <a:cubicBezTo>
                  <a:pt x="0" y="126"/>
                  <a:pt x="7" y="134"/>
                  <a:pt x="16" y="136"/>
                </a:cubicBezTo>
                <a:cubicBezTo>
                  <a:pt x="16" y="204"/>
                  <a:pt x="16" y="204"/>
                  <a:pt x="16" y="204"/>
                </a:cubicBezTo>
                <a:cubicBezTo>
                  <a:pt x="16" y="205"/>
                  <a:pt x="16" y="206"/>
                  <a:pt x="17" y="207"/>
                </a:cubicBezTo>
                <a:cubicBezTo>
                  <a:pt x="18" y="208"/>
                  <a:pt x="19" y="208"/>
                  <a:pt x="20" y="208"/>
                </a:cubicBezTo>
                <a:cubicBezTo>
                  <a:pt x="68" y="208"/>
                  <a:pt x="68" y="208"/>
                  <a:pt x="68" y="208"/>
                </a:cubicBezTo>
                <a:cubicBezTo>
                  <a:pt x="69" y="208"/>
                  <a:pt x="70" y="208"/>
                  <a:pt x="71" y="207"/>
                </a:cubicBezTo>
                <a:cubicBezTo>
                  <a:pt x="72" y="206"/>
                  <a:pt x="72" y="205"/>
                  <a:pt x="72" y="204"/>
                </a:cubicBezTo>
                <a:cubicBezTo>
                  <a:pt x="72" y="136"/>
                  <a:pt x="72" y="136"/>
                  <a:pt x="72" y="136"/>
                </a:cubicBezTo>
                <a:cubicBezTo>
                  <a:pt x="81" y="134"/>
                  <a:pt x="88" y="126"/>
                  <a:pt x="88" y="116"/>
                </a:cubicBezTo>
                <a:cubicBezTo>
                  <a:pt x="88" y="69"/>
                  <a:pt x="88" y="69"/>
                  <a:pt x="88" y="69"/>
                </a:cubicBezTo>
                <a:cubicBezTo>
                  <a:pt x="88" y="61"/>
                  <a:pt x="83" y="54"/>
                  <a:pt x="76" y="52"/>
                </a:cubicBezTo>
                <a:close/>
                <a:moveTo>
                  <a:pt x="80" y="116"/>
                </a:moveTo>
                <a:cubicBezTo>
                  <a:pt x="80" y="121"/>
                  <a:pt x="77" y="126"/>
                  <a:pt x="72" y="127"/>
                </a:cubicBezTo>
                <a:cubicBezTo>
                  <a:pt x="72" y="84"/>
                  <a:pt x="72" y="84"/>
                  <a:pt x="72" y="84"/>
                </a:cubicBezTo>
                <a:cubicBezTo>
                  <a:pt x="72" y="82"/>
                  <a:pt x="70" y="80"/>
                  <a:pt x="68" y="80"/>
                </a:cubicBezTo>
                <a:cubicBezTo>
                  <a:pt x="66" y="80"/>
                  <a:pt x="64" y="82"/>
                  <a:pt x="64" y="84"/>
                </a:cubicBezTo>
                <a:cubicBezTo>
                  <a:pt x="64" y="200"/>
                  <a:pt x="64" y="200"/>
                  <a:pt x="64" y="200"/>
                </a:cubicBezTo>
                <a:cubicBezTo>
                  <a:pt x="48" y="200"/>
                  <a:pt x="48" y="200"/>
                  <a:pt x="48" y="200"/>
                </a:cubicBezTo>
                <a:cubicBezTo>
                  <a:pt x="48" y="132"/>
                  <a:pt x="48" y="132"/>
                  <a:pt x="48" y="132"/>
                </a:cubicBezTo>
                <a:cubicBezTo>
                  <a:pt x="48" y="130"/>
                  <a:pt x="46" y="128"/>
                  <a:pt x="44" y="128"/>
                </a:cubicBezTo>
                <a:cubicBezTo>
                  <a:pt x="42" y="128"/>
                  <a:pt x="40" y="130"/>
                  <a:pt x="40" y="132"/>
                </a:cubicBezTo>
                <a:cubicBezTo>
                  <a:pt x="40" y="200"/>
                  <a:pt x="40" y="200"/>
                  <a:pt x="40" y="200"/>
                </a:cubicBezTo>
                <a:cubicBezTo>
                  <a:pt x="24" y="200"/>
                  <a:pt x="24" y="200"/>
                  <a:pt x="24" y="200"/>
                </a:cubicBezTo>
                <a:cubicBezTo>
                  <a:pt x="24" y="84"/>
                  <a:pt x="24" y="84"/>
                  <a:pt x="24" y="84"/>
                </a:cubicBezTo>
                <a:cubicBezTo>
                  <a:pt x="24" y="82"/>
                  <a:pt x="22" y="80"/>
                  <a:pt x="20" y="80"/>
                </a:cubicBezTo>
                <a:cubicBezTo>
                  <a:pt x="18" y="80"/>
                  <a:pt x="16" y="82"/>
                  <a:pt x="16" y="84"/>
                </a:cubicBezTo>
                <a:cubicBezTo>
                  <a:pt x="16" y="127"/>
                  <a:pt x="16" y="127"/>
                  <a:pt x="16" y="127"/>
                </a:cubicBezTo>
                <a:cubicBezTo>
                  <a:pt x="11" y="126"/>
                  <a:pt x="8" y="121"/>
                  <a:pt x="8" y="116"/>
                </a:cubicBezTo>
                <a:cubicBezTo>
                  <a:pt x="8" y="69"/>
                  <a:pt x="8" y="69"/>
                  <a:pt x="8" y="69"/>
                </a:cubicBezTo>
                <a:cubicBezTo>
                  <a:pt x="8" y="65"/>
                  <a:pt x="11" y="61"/>
                  <a:pt x="15" y="59"/>
                </a:cubicBezTo>
                <a:cubicBezTo>
                  <a:pt x="23" y="57"/>
                  <a:pt x="23" y="57"/>
                  <a:pt x="23" y="57"/>
                </a:cubicBezTo>
                <a:cubicBezTo>
                  <a:pt x="41" y="75"/>
                  <a:pt x="41" y="75"/>
                  <a:pt x="41" y="75"/>
                </a:cubicBezTo>
                <a:cubicBezTo>
                  <a:pt x="42" y="76"/>
                  <a:pt x="43" y="76"/>
                  <a:pt x="44" y="76"/>
                </a:cubicBezTo>
                <a:cubicBezTo>
                  <a:pt x="45" y="76"/>
                  <a:pt x="46" y="76"/>
                  <a:pt x="47" y="75"/>
                </a:cubicBezTo>
                <a:cubicBezTo>
                  <a:pt x="65" y="57"/>
                  <a:pt x="65" y="57"/>
                  <a:pt x="65" y="57"/>
                </a:cubicBezTo>
                <a:cubicBezTo>
                  <a:pt x="73" y="59"/>
                  <a:pt x="73" y="59"/>
                  <a:pt x="73" y="59"/>
                </a:cubicBezTo>
                <a:cubicBezTo>
                  <a:pt x="77" y="61"/>
                  <a:pt x="80" y="65"/>
                  <a:pt x="80" y="69"/>
                </a:cubicBezTo>
                <a:lnTo>
                  <a:pt x="80" y="116"/>
                </a:lnTo>
                <a:close/>
                <a:moveTo>
                  <a:pt x="44" y="48"/>
                </a:moveTo>
                <a:cubicBezTo>
                  <a:pt x="57" y="48"/>
                  <a:pt x="68" y="37"/>
                  <a:pt x="68" y="24"/>
                </a:cubicBezTo>
                <a:cubicBezTo>
                  <a:pt x="68" y="11"/>
                  <a:pt x="57" y="0"/>
                  <a:pt x="44" y="0"/>
                </a:cubicBezTo>
                <a:cubicBezTo>
                  <a:pt x="31" y="0"/>
                  <a:pt x="20" y="11"/>
                  <a:pt x="20" y="24"/>
                </a:cubicBezTo>
                <a:cubicBezTo>
                  <a:pt x="20" y="37"/>
                  <a:pt x="31" y="48"/>
                  <a:pt x="44" y="48"/>
                </a:cubicBezTo>
                <a:close/>
                <a:moveTo>
                  <a:pt x="44" y="8"/>
                </a:moveTo>
                <a:cubicBezTo>
                  <a:pt x="53" y="8"/>
                  <a:pt x="60" y="15"/>
                  <a:pt x="60" y="24"/>
                </a:cubicBezTo>
                <a:cubicBezTo>
                  <a:pt x="60" y="33"/>
                  <a:pt x="53" y="40"/>
                  <a:pt x="44" y="40"/>
                </a:cubicBezTo>
                <a:cubicBezTo>
                  <a:pt x="35" y="40"/>
                  <a:pt x="28" y="33"/>
                  <a:pt x="28" y="24"/>
                </a:cubicBezTo>
                <a:cubicBezTo>
                  <a:pt x="28" y="15"/>
                  <a:pt x="35" y="8"/>
                  <a:pt x="44" y="8"/>
                </a:cubicBezTo>
                <a:close/>
                <a:moveTo>
                  <a:pt x="168" y="128"/>
                </a:moveTo>
                <a:cubicBezTo>
                  <a:pt x="181" y="128"/>
                  <a:pt x="192" y="117"/>
                  <a:pt x="192" y="104"/>
                </a:cubicBezTo>
                <a:cubicBezTo>
                  <a:pt x="192" y="91"/>
                  <a:pt x="181" y="80"/>
                  <a:pt x="168" y="80"/>
                </a:cubicBezTo>
                <a:cubicBezTo>
                  <a:pt x="156" y="80"/>
                  <a:pt x="146" y="89"/>
                  <a:pt x="144" y="100"/>
                </a:cubicBezTo>
                <a:cubicBezTo>
                  <a:pt x="120" y="100"/>
                  <a:pt x="120" y="100"/>
                  <a:pt x="120" y="100"/>
                </a:cubicBezTo>
                <a:cubicBezTo>
                  <a:pt x="120" y="52"/>
                  <a:pt x="120" y="52"/>
                  <a:pt x="120" y="52"/>
                </a:cubicBezTo>
                <a:cubicBezTo>
                  <a:pt x="120" y="48"/>
                  <a:pt x="124" y="44"/>
                  <a:pt x="128" y="44"/>
                </a:cubicBezTo>
                <a:cubicBezTo>
                  <a:pt x="144" y="44"/>
                  <a:pt x="144" y="44"/>
                  <a:pt x="144" y="44"/>
                </a:cubicBezTo>
                <a:cubicBezTo>
                  <a:pt x="146" y="55"/>
                  <a:pt x="156" y="64"/>
                  <a:pt x="168" y="64"/>
                </a:cubicBezTo>
                <a:cubicBezTo>
                  <a:pt x="181" y="64"/>
                  <a:pt x="192" y="53"/>
                  <a:pt x="192" y="40"/>
                </a:cubicBezTo>
                <a:cubicBezTo>
                  <a:pt x="192" y="27"/>
                  <a:pt x="181" y="16"/>
                  <a:pt x="168" y="16"/>
                </a:cubicBezTo>
                <a:cubicBezTo>
                  <a:pt x="156" y="16"/>
                  <a:pt x="146" y="25"/>
                  <a:pt x="144" y="36"/>
                </a:cubicBezTo>
                <a:cubicBezTo>
                  <a:pt x="128" y="36"/>
                  <a:pt x="128" y="36"/>
                  <a:pt x="128" y="36"/>
                </a:cubicBezTo>
                <a:cubicBezTo>
                  <a:pt x="119" y="36"/>
                  <a:pt x="112" y="43"/>
                  <a:pt x="112" y="52"/>
                </a:cubicBezTo>
                <a:cubicBezTo>
                  <a:pt x="112" y="100"/>
                  <a:pt x="112" y="100"/>
                  <a:pt x="112" y="100"/>
                </a:cubicBezTo>
                <a:cubicBezTo>
                  <a:pt x="100" y="100"/>
                  <a:pt x="100" y="100"/>
                  <a:pt x="100" y="100"/>
                </a:cubicBezTo>
                <a:cubicBezTo>
                  <a:pt x="98" y="100"/>
                  <a:pt x="96" y="102"/>
                  <a:pt x="96" y="104"/>
                </a:cubicBezTo>
                <a:cubicBezTo>
                  <a:pt x="96" y="106"/>
                  <a:pt x="98" y="108"/>
                  <a:pt x="100" y="108"/>
                </a:cubicBezTo>
                <a:cubicBezTo>
                  <a:pt x="112" y="108"/>
                  <a:pt x="112" y="108"/>
                  <a:pt x="112" y="108"/>
                </a:cubicBezTo>
                <a:cubicBezTo>
                  <a:pt x="112" y="156"/>
                  <a:pt x="112" y="156"/>
                  <a:pt x="112" y="156"/>
                </a:cubicBezTo>
                <a:cubicBezTo>
                  <a:pt x="112" y="165"/>
                  <a:pt x="119" y="172"/>
                  <a:pt x="128" y="172"/>
                </a:cubicBezTo>
                <a:cubicBezTo>
                  <a:pt x="144" y="172"/>
                  <a:pt x="144" y="172"/>
                  <a:pt x="144" y="172"/>
                </a:cubicBezTo>
                <a:cubicBezTo>
                  <a:pt x="146" y="183"/>
                  <a:pt x="156" y="192"/>
                  <a:pt x="168" y="192"/>
                </a:cubicBezTo>
                <a:cubicBezTo>
                  <a:pt x="181" y="192"/>
                  <a:pt x="192" y="181"/>
                  <a:pt x="192" y="168"/>
                </a:cubicBezTo>
                <a:cubicBezTo>
                  <a:pt x="192" y="155"/>
                  <a:pt x="181" y="144"/>
                  <a:pt x="168" y="144"/>
                </a:cubicBezTo>
                <a:cubicBezTo>
                  <a:pt x="156" y="144"/>
                  <a:pt x="146" y="153"/>
                  <a:pt x="144" y="164"/>
                </a:cubicBezTo>
                <a:cubicBezTo>
                  <a:pt x="128" y="164"/>
                  <a:pt x="128" y="164"/>
                  <a:pt x="128" y="164"/>
                </a:cubicBezTo>
                <a:cubicBezTo>
                  <a:pt x="124" y="164"/>
                  <a:pt x="120" y="160"/>
                  <a:pt x="120" y="156"/>
                </a:cubicBezTo>
                <a:cubicBezTo>
                  <a:pt x="120" y="108"/>
                  <a:pt x="120" y="108"/>
                  <a:pt x="120" y="108"/>
                </a:cubicBezTo>
                <a:cubicBezTo>
                  <a:pt x="144" y="108"/>
                  <a:pt x="144" y="108"/>
                  <a:pt x="144" y="108"/>
                </a:cubicBezTo>
                <a:cubicBezTo>
                  <a:pt x="146" y="119"/>
                  <a:pt x="156" y="128"/>
                  <a:pt x="168" y="128"/>
                </a:cubicBezTo>
                <a:close/>
                <a:moveTo>
                  <a:pt x="152" y="104"/>
                </a:moveTo>
                <a:cubicBezTo>
                  <a:pt x="152" y="95"/>
                  <a:pt x="159" y="88"/>
                  <a:pt x="168" y="88"/>
                </a:cubicBezTo>
                <a:cubicBezTo>
                  <a:pt x="177" y="88"/>
                  <a:pt x="184" y="95"/>
                  <a:pt x="184" y="104"/>
                </a:cubicBezTo>
                <a:cubicBezTo>
                  <a:pt x="184" y="113"/>
                  <a:pt x="177" y="120"/>
                  <a:pt x="168" y="120"/>
                </a:cubicBezTo>
                <a:cubicBezTo>
                  <a:pt x="159" y="120"/>
                  <a:pt x="152" y="113"/>
                  <a:pt x="152" y="104"/>
                </a:cubicBezTo>
                <a:cubicBezTo>
                  <a:pt x="152" y="104"/>
                  <a:pt x="152" y="104"/>
                  <a:pt x="152" y="104"/>
                </a:cubicBezTo>
                <a:cubicBezTo>
                  <a:pt x="152" y="104"/>
                  <a:pt x="152" y="104"/>
                  <a:pt x="152" y="104"/>
                </a:cubicBezTo>
                <a:close/>
                <a:moveTo>
                  <a:pt x="168" y="24"/>
                </a:moveTo>
                <a:cubicBezTo>
                  <a:pt x="177" y="24"/>
                  <a:pt x="184" y="31"/>
                  <a:pt x="184" y="40"/>
                </a:cubicBezTo>
                <a:cubicBezTo>
                  <a:pt x="184" y="49"/>
                  <a:pt x="177" y="56"/>
                  <a:pt x="168" y="56"/>
                </a:cubicBezTo>
                <a:cubicBezTo>
                  <a:pt x="159" y="56"/>
                  <a:pt x="152" y="49"/>
                  <a:pt x="152" y="40"/>
                </a:cubicBezTo>
                <a:cubicBezTo>
                  <a:pt x="152" y="31"/>
                  <a:pt x="159" y="24"/>
                  <a:pt x="168" y="24"/>
                </a:cubicBezTo>
                <a:close/>
                <a:moveTo>
                  <a:pt x="168" y="152"/>
                </a:moveTo>
                <a:cubicBezTo>
                  <a:pt x="177" y="152"/>
                  <a:pt x="184" y="159"/>
                  <a:pt x="184" y="168"/>
                </a:cubicBezTo>
                <a:cubicBezTo>
                  <a:pt x="184" y="177"/>
                  <a:pt x="177" y="184"/>
                  <a:pt x="168" y="184"/>
                </a:cubicBezTo>
                <a:cubicBezTo>
                  <a:pt x="159" y="184"/>
                  <a:pt x="152" y="177"/>
                  <a:pt x="152" y="168"/>
                </a:cubicBezTo>
                <a:cubicBezTo>
                  <a:pt x="152" y="159"/>
                  <a:pt x="159" y="152"/>
                  <a:pt x="168" y="152"/>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79" name="Freeform 26">
            <a:extLst>
              <a:ext uri="{FF2B5EF4-FFF2-40B4-BE49-F238E27FC236}">
                <a16:creationId xmlns:a16="http://schemas.microsoft.com/office/drawing/2014/main" id="{944E7953-A219-C272-6103-CFE6E9D6BE30}"/>
              </a:ext>
              <a:ext uri="{C183D7F6-B498-43B3-948B-1728B52AA6E4}">
                <adec:decorative xmlns:adec="http://schemas.microsoft.com/office/drawing/2017/decorative" val="1"/>
              </a:ext>
            </a:extLst>
          </p:cNvPr>
          <p:cNvSpPr>
            <a:spLocks noEditPoints="1"/>
          </p:cNvSpPr>
          <p:nvPr/>
        </p:nvSpPr>
        <p:spPr bwMode="auto">
          <a:xfrm>
            <a:off x="9608156" y="3510589"/>
            <a:ext cx="391893" cy="340248"/>
          </a:xfrm>
          <a:custGeom>
            <a:avLst/>
            <a:gdLst>
              <a:gd name="T0" fmla="*/ 233 w 240"/>
              <a:gd name="T1" fmla="*/ 93 h 208"/>
              <a:gd name="T2" fmla="*/ 120 w 240"/>
              <a:gd name="T3" fmla="*/ 0 h 208"/>
              <a:gd name="T4" fmla="*/ 23 w 240"/>
              <a:gd name="T5" fmla="*/ 80 h 208"/>
              <a:gd name="T6" fmla="*/ 28 w 240"/>
              <a:gd name="T7" fmla="*/ 77 h 208"/>
              <a:gd name="T8" fmla="*/ 216 w 240"/>
              <a:gd name="T9" fmla="*/ 102 h 208"/>
              <a:gd name="T10" fmla="*/ 201 w 240"/>
              <a:gd name="T11" fmla="*/ 93 h 208"/>
              <a:gd name="T12" fmla="*/ 217 w 240"/>
              <a:gd name="T13" fmla="*/ 115 h 208"/>
              <a:gd name="T14" fmla="*/ 219 w 240"/>
              <a:gd name="T15" fmla="*/ 116 h 208"/>
              <a:gd name="T16" fmla="*/ 221 w 240"/>
              <a:gd name="T17" fmla="*/ 116 h 208"/>
              <a:gd name="T18" fmla="*/ 223 w 240"/>
              <a:gd name="T19" fmla="*/ 115 h 208"/>
              <a:gd name="T20" fmla="*/ 239 w 240"/>
              <a:gd name="T21" fmla="*/ 93 h 208"/>
              <a:gd name="T22" fmla="*/ 211 w 240"/>
              <a:gd name="T23" fmla="*/ 135 h 208"/>
              <a:gd name="T24" fmla="*/ 120 w 240"/>
              <a:gd name="T25" fmla="*/ 200 h 208"/>
              <a:gd name="T26" fmla="*/ 33 w 240"/>
              <a:gd name="T27" fmla="*/ 115 h 208"/>
              <a:gd name="T28" fmla="*/ 39 w 240"/>
              <a:gd name="T29" fmla="*/ 109 h 208"/>
              <a:gd name="T30" fmla="*/ 22 w 240"/>
              <a:gd name="T31" fmla="*/ 92 h 208"/>
              <a:gd name="T32" fmla="*/ 18 w 240"/>
              <a:gd name="T33" fmla="*/ 93 h 208"/>
              <a:gd name="T34" fmla="*/ 1 w 240"/>
              <a:gd name="T35" fmla="*/ 109 h 208"/>
              <a:gd name="T36" fmla="*/ 4 w 240"/>
              <a:gd name="T37" fmla="*/ 116 h 208"/>
              <a:gd name="T38" fmla="*/ 16 w 240"/>
              <a:gd name="T39" fmla="*/ 106 h 208"/>
              <a:gd name="T40" fmla="*/ 219 w 240"/>
              <a:gd name="T41" fmla="*/ 137 h 208"/>
              <a:gd name="T42" fmla="*/ 52 w 240"/>
              <a:gd name="T43" fmla="*/ 120 h 208"/>
              <a:gd name="T44" fmla="*/ 160 w 240"/>
              <a:gd name="T45" fmla="*/ 140 h 208"/>
              <a:gd name="T46" fmla="*/ 174 w 240"/>
              <a:gd name="T47" fmla="*/ 88 h 208"/>
              <a:gd name="T48" fmla="*/ 139 w 240"/>
              <a:gd name="T49" fmla="*/ 52 h 208"/>
              <a:gd name="T50" fmla="*/ 96 w 240"/>
              <a:gd name="T51" fmla="*/ 73 h 208"/>
              <a:gd name="T52" fmla="*/ 71 w 240"/>
              <a:gd name="T53" fmla="*/ 99 h 208"/>
              <a:gd name="T54" fmla="*/ 73 w 240"/>
              <a:gd name="T55" fmla="*/ 107 h 208"/>
              <a:gd name="T56" fmla="*/ 78 w 240"/>
              <a:gd name="T57" fmla="*/ 106 h 208"/>
              <a:gd name="T58" fmla="*/ 79 w 240"/>
              <a:gd name="T59" fmla="*/ 98 h 208"/>
              <a:gd name="T60" fmla="*/ 106 w 240"/>
              <a:gd name="T61" fmla="*/ 84 h 208"/>
              <a:gd name="T62" fmla="*/ 113 w 240"/>
              <a:gd name="T63" fmla="*/ 82 h 208"/>
              <a:gd name="T64" fmla="*/ 166 w 240"/>
              <a:gd name="T65" fmla="*/ 87 h 208"/>
              <a:gd name="T66" fmla="*/ 168 w 240"/>
              <a:gd name="T67" fmla="*/ 94 h 208"/>
              <a:gd name="T68" fmla="*/ 160 w 240"/>
              <a:gd name="T69" fmla="*/ 132 h 208"/>
              <a:gd name="T70" fmla="*/ 60 w 240"/>
              <a:gd name="T71" fmla="*/ 120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Lst>
            <a:rect l="0" t="0" r="r" b="b"/>
            <a:pathLst>
              <a:path w="240" h="208">
                <a:moveTo>
                  <a:pt x="239" y="93"/>
                </a:moveTo>
                <a:cubicBezTo>
                  <a:pt x="237" y="92"/>
                  <a:pt x="235" y="92"/>
                  <a:pt x="233" y="93"/>
                </a:cubicBezTo>
                <a:cubicBezTo>
                  <a:pt x="224" y="102"/>
                  <a:pt x="224" y="102"/>
                  <a:pt x="224" y="102"/>
                </a:cubicBezTo>
                <a:cubicBezTo>
                  <a:pt x="223" y="46"/>
                  <a:pt x="177" y="0"/>
                  <a:pt x="120" y="0"/>
                </a:cubicBezTo>
                <a:cubicBezTo>
                  <a:pt x="73" y="0"/>
                  <a:pt x="33" y="32"/>
                  <a:pt x="20" y="75"/>
                </a:cubicBezTo>
                <a:cubicBezTo>
                  <a:pt x="20" y="77"/>
                  <a:pt x="21" y="79"/>
                  <a:pt x="23" y="80"/>
                </a:cubicBezTo>
                <a:cubicBezTo>
                  <a:pt x="25" y="80"/>
                  <a:pt x="27" y="79"/>
                  <a:pt x="28" y="77"/>
                </a:cubicBezTo>
                <a:cubicBezTo>
                  <a:pt x="28" y="77"/>
                  <a:pt x="28" y="77"/>
                  <a:pt x="28" y="77"/>
                </a:cubicBezTo>
                <a:cubicBezTo>
                  <a:pt x="39" y="37"/>
                  <a:pt x="76" y="8"/>
                  <a:pt x="120" y="8"/>
                </a:cubicBezTo>
                <a:cubicBezTo>
                  <a:pt x="172" y="8"/>
                  <a:pt x="215" y="50"/>
                  <a:pt x="216" y="102"/>
                </a:cubicBezTo>
                <a:cubicBezTo>
                  <a:pt x="207" y="93"/>
                  <a:pt x="207" y="93"/>
                  <a:pt x="207" y="93"/>
                </a:cubicBezTo>
                <a:cubicBezTo>
                  <a:pt x="205" y="92"/>
                  <a:pt x="203" y="92"/>
                  <a:pt x="201" y="93"/>
                </a:cubicBezTo>
                <a:cubicBezTo>
                  <a:pt x="200" y="95"/>
                  <a:pt x="200" y="97"/>
                  <a:pt x="201" y="99"/>
                </a:cubicBezTo>
                <a:cubicBezTo>
                  <a:pt x="217" y="115"/>
                  <a:pt x="217" y="115"/>
                  <a:pt x="217" y="115"/>
                </a:cubicBezTo>
                <a:cubicBezTo>
                  <a:pt x="218" y="115"/>
                  <a:pt x="218" y="115"/>
                  <a:pt x="218" y="116"/>
                </a:cubicBezTo>
                <a:cubicBezTo>
                  <a:pt x="219" y="116"/>
                  <a:pt x="219" y="116"/>
                  <a:pt x="219" y="116"/>
                </a:cubicBezTo>
                <a:cubicBezTo>
                  <a:pt x="219" y="116"/>
                  <a:pt x="220" y="116"/>
                  <a:pt x="220" y="116"/>
                </a:cubicBezTo>
                <a:cubicBezTo>
                  <a:pt x="220" y="116"/>
                  <a:pt x="221" y="116"/>
                  <a:pt x="221" y="116"/>
                </a:cubicBezTo>
                <a:cubicBezTo>
                  <a:pt x="221" y="116"/>
                  <a:pt x="221" y="116"/>
                  <a:pt x="222" y="116"/>
                </a:cubicBezTo>
                <a:cubicBezTo>
                  <a:pt x="222" y="115"/>
                  <a:pt x="222" y="115"/>
                  <a:pt x="223" y="115"/>
                </a:cubicBezTo>
                <a:cubicBezTo>
                  <a:pt x="239" y="99"/>
                  <a:pt x="239" y="99"/>
                  <a:pt x="239" y="99"/>
                </a:cubicBezTo>
                <a:cubicBezTo>
                  <a:pt x="240" y="97"/>
                  <a:pt x="240" y="95"/>
                  <a:pt x="239" y="93"/>
                </a:cubicBezTo>
                <a:close/>
                <a:moveTo>
                  <a:pt x="216" y="132"/>
                </a:moveTo>
                <a:cubicBezTo>
                  <a:pt x="214" y="131"/>
                  <a:pt x="212" y="133"/>
                  <a:pt x="211" y="135"/>
                </a:cubicBezTo>
                <a:cubicBezTo>
                  <a:pt x="211" y="135"/>
                  <a:pt x="211" y="135"/>
                  <a:pt x="211" y="135"/>
                </a:cubicBezTo>
                <a:cubicBezTo>
                  <a:pt x="198" y="173"/>
                  <a:pt x="162" y="200"/>
                  <a:pt x="120" y="200"/>
                </a:cubicBezTo>
                <a:cubicBezTo>
                  <a:pt x="68" y="200"/>
                  <a:pt x="25" y="158"/>
                  <a:pt x="24" y="106"/>
                </a:cubicBezTo>
                <a:cubicBezTo>
                  <a:pt x="33" y="115"/>
                  <a:pt x="33" y="115"/>
                  <a:pt x="33" y="115"/>
                </a:cubicBezTo>
                <a:cubicBezTo>
                  <a:pt x="35" y="116"/>
                  <a:pt x="37" y="116"/>
                  <a:pt x="39" y="115"/>
                </a:cubicBezTo>
                <a:cubicBezTo>
                  <a:pt x="40" y="113"/>
                  <a:pt x="40" y="111"/>
                  <a:pt x="39" y="109"/>
                </a:cubicBezTo>
                <a:cubicBezTo>
                  <a:pt x="23" y="93"/>
                  <a:pt x="23" y="93"/>
                  <a:pt x="23" y="93"/>
                </a:cubicBezTo>
                <a:cubicBezTo>
                  <a:pt x="22" y="93"/>
                  <a:pt x="22" y="93"/>
                  <a:pt x="22" y="92"/>
                </a:cubicBezTo>
                <a:cubicBezTo>
                  <a:pt x="21" y="92"/>
                  <a:pt x="19" y="92"/>
                  <a:pt x="18" y="92"/>
                </a:cubicBezTo>
                <a:cubicBezTo>
                  <a:pt x="18" y="92"/>
                  <a:pt x="18" y="93"/>
                  <a:pt x="18" y="93"/>
                </a:cubicBezTo>
                <a:cubicBezTo>
                  <a:pt x="17" y="93"/>
                  <a:pt x="17" y="93"/>
                  <a:pt x="17" y="93"/>
                </a:cubicBezTo>
                <a:cubicBezTo>
                  <a:pt x="1" y="109"/>
                  <a:pt x="1" y="109"/>
                  <a:pt x="1" y="109"/>
                </a:cubicBezTo>
                <a:cubicBezTo>
                  <a:pt x="0" y="111"/>
                  <a:pt x="0" y="113"/>
                  <a:pt x="1" y="115"/>
                </a:cubicBezTo>
                <a:cubicBezTo>
                  <a:pt x="2" y="116"/>
                  <a:pt x="3" y="116"/>
                  <a:pt x="4" y="116"/>
                </a:cubicBezTo>
                <a:cubicBezTo>
                  <a:pt x="5" y="116"/>
                  <a:pt x="6" y="116"/>
                  <a:pt x="7" y="115"/>
                </a:cubicBezTo>
                <a:cubicBezTo>
                  <a:pt x="16" y="106"/>
                  <a:pt x="16" y="106"/>
                  <a:pt x="16" y="106"/>
                </a:cubicBezTo>
                <a:cubicBezTo>
                  <a:pt x="17" y="162"/>
                  <a:pt x="63" y="208"/>
                  <a:pt x="120" y="208"/>
                </a:cubicBezTo>
                <a:cubicBezTo>
                  <a:pt x="166" y="208"/>
                  <a:pt x="205" y="178"/>
                  <a:pt x="219" y="137"/>
                </a:cubicBezTo>
                <a:cubicBezTo>
                  <a:pt x="219" y="135"/>
                  <a:pt x="218" y="133"/>
                  <a:pt x="216" y="132"/>
                </a:cubicBezTo>
                <a:close/>
                <a:moveTo>
                  <a:pt x="52" y="120"/>
                </a:moveTo>
                <a:cubicBezTo>
                  <a:pt x="52" y="131"/>
                  <a:pt x="61" y="140"/>
                  <a:pt x="73" y="140"/>
                </a:cubicBezTo>
                <a:cubicBezTo>
                  <a:pt x="160" y="140"/>
                  <a:pt x="160" y="140"/>
                  <a:pt x="160" y="140"/>
                </a:cubicBezTo>
                <a:cubicBezTo>
                  <a:pt x="176" y="140"/>
                  <a:pt x="188" y="128"/>
                  <a:pt x="188" y="112"/>
                </a:cubicBezTo>
                <a:cubicBezTo>
                  <a:pt x="188" y="102"/>
                  <a:pt x="182" y="93"/>
                  <a:pt x="174" y="88"/>
                </a:cubicBezTo>
                <a:cubicBezTo>
                  <a:pt x="174" y="88"/>
                  <a:pt x="174" y="87"/>
                  <a:pt x="174" y="87"/>
                </a:cubicBezTo>
                <a:cubicBezTo>
                  <a:pt x="174" y="67"/>
                  <a:pt x="158" y="52"/>
                  <a:pt x="139" y="52"/>
                </a:cubicBezTo>
                <a:cubicBezTo>
                  <a:pt x="124" y="52"/>
                  <a:pt x="111" y="62"/>
                  <a:pt x="106" y="75"/>
                </a:cubicBezTo>
                <a:cubicBezTo>
                  <a:pt x="103" y="74"/>
                  <a:pt x="100" y="73"/>
                  <a:pt x="96" y="73"/>
                </a:cubicBezTo>
                <a:cubicBezTo>
                  <a:pt x="82" y="73"/>
                  <a:pt x="71" y="84"/>
                  <a:pt x="71" y="98"/>
                </a:cubicBezTo>
                <a:cubicBezTo>
                  <a:pt x="71" y="99"/>
                  <a:pt x="71" y="99"/>
                  <a:pt x="71" y="99"/>
                </a:cubicBezTo>
                <a:cubicBezTo>
                  <a:pt x="60" y="100"/>
                  <a:pt x="52" y="109"/>
                  <a:pt x="52" y="120"/>
                </a:cubicBezTo>
                <a:close/>
                <a:moveTo>
                  <a:pt x="73" y="107"/>
                </a:moveTo>
                <a:cubicBezTo>
                  <a:pt x="73" y="107"/>
                  <a:pt x="74" y="107"/>
                  <a:pt x="75" y="107"/>
                </a:cubicBezTo>
                <a:cubicBezTo>
                  <a:pt x="76" y="108"/>
                  <a:pt x="78" y="107"/>
                  <a:pt x="78" y="106"/>
                </a:cubicBezTo>
                <a:cubicBezTo>
                  <a:pt x="79" y="105"/>
                  <a:pt x="80" y="104"/>
                  <a:pt x="79" y="102"/>
                </a:cubicBezTo>
                <a:cubicBezTo>
                  <a:pt x="79" y="101"/>
                  <a:pt x="79" y="100"/>
                  <a:pt x="79" y="98"/>
                </a:cubicBezTo>
                <a:cubicBezTo>
                  <a:pt x="79" y="89"/>
                  <a:pt x="87" y="81"/>
                  <a:pt x="96" y="81"/>
                </a:cubicBezTo>
                <a:cubicBezTo>
                  <a:pt x="100" y="81"/>
                  <a:pt x="104" y="82"/>
                  <a:pt x="106" y="84"/>
                </a:cubicBezTo>
                <a:cubicBezTo>
                  <a:pt x="107" y="85"/>
                  <a:pt x="109" y="85"/>
                  <a:pt x="110" y="85"/>
                </a:cubicBezTo>
                <a:cubicBezTo>
                  <a:pt x="111" y="84"/>
                  <a:pt x="112" y="83"/>
                  <a:pt x="113" y="82"/>
                </a:cubicBezTo>
                <a:cubicBezTo>
                  <a:pt x="115" y="69"/>
                  <a:pt x="126" y="60"/>
                  <a:pt x="139" y="60"/>
                </a:cubicBezTo>
                <a:cubicBezTo>
                  <a:pt x="154" y="60"/>
                  <a:pt x="166" y="72"/>
                  <a:pt x="166" y="87"/>
                </a:cubicBezTo>
                <a:cubicBezTo>
                  <a:pt x="166" y="88"/>
                  <a:pt x="166" y="89"/>
                  <a:pt x="165" y="90"/>
                </a:cubicBezTo>
                <a:cubicBezTo>
                  <a:pt x="165" y="92"/>
                  <a:pt x="166" y="94"/>
                  <a:pt x="168" y="94"/>
                </a:cubicBezTo>
                <a:cubicBezTo>
                  <a:pt x="175" y="97"/>
                  <a:pt x="180" y="104"/>
                  <a:pt x="180" y="112"/>
                </a:cubicBezTo>
                <a:cubicBezTo>
                  <a:pt x="180" y="123"/>
                  <a:pt x="171" y="132"/>
                  <a:pt x="160" y="132"/>
                </a:cubicBezTo>
                <a:cubicBezTo>
                  <a:pt x="73" y="132"/>
                  <a:pt x="73" y="132"/>
                  <a:pt x="73" y="132"/>
                </a:cubicBezTo>
                <a:cubicBezTo>
                  <a:pt x="66" y="132"/>
                  <a:pt x="60" y="126"/>
                  <a:pt x="60" y="120"/>
                </a:cubicBezTo>
                <a:cubicBezTo>
                  <a:pt x="60" y="113"/>
                  <a:pt x="66" y="107"/>
                  <a:pt x="73" y="107"/>
                </a:cubicBez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81" name="Freeform 29">
            <a:extLst>
              <a:ext uri="{FF2B5EF4-FFF2-40B4-BE49-F238E27FC236}">
                <a16:creationId xmlns:a16="http://schemas.microsoft.com/office/drawing/2014/main" id="{B9F8C731-77DD-92D5-35F7-857BDD676B9E}"/>
              </a:ext>
              <a:ext uri="{C183D7F6-B498-43B3-948B-1728B52AA6E4}">
                <adec:decorative xmlns:adec="http://schemas.microsoft.com/office/drawing/2017/decorative" val="1"/>
              </a:ext>
            </a:extLst>
          </p:cNvPr>
          <p:cNvSpPr>
            <a:spLocks noEditPoints="1"/>
          </p:cNvSpPr>
          <p:nvPr/>
        </p:nvSpPr>
        <p:spPr bwMode="auto">
          <a:xfrm>
            <a:off x="9623853" y="2158031"/>
            <a:ext cx="360498" cy="360498"/>
          </a:xfrm>
          <a:custGeom>
            <a:avLst/>
            <a:gdLst>
              <a:gd name="T0" fmla="*/ 192 w 208"/>
              <a:gd name="T1" fmla="*/ 84 h 208"/>
              <a:gd name="T2" fmla="*/ 200 w 208"/>
              <a:gd name="T3" fmla="*/ 8 h 208"/>
              <a:gd name="T4" fmla="*/ 199 w 208"/>
              <a:gd name="T5" fmla="*/ 1 h 208"/>
              <a:gd name="T6" fmla="*/ 68 w 208"/>
              <a:gd name="T7" fmla="*/ 0 h 208"/>
              <a:gd name="T8" fmla="*/ 16 w 208"/>
              <a:gd name="T9" fmla="*/ 52 h 208"/>
              <a:gd name="T10" fmla="*/ 0 w 208"/>
              <a:gd name="T11" fmla="*/ 100 h 208"/>
              <a:gd name="T12" fmla="*/ 16 w 208"/>
              <a:gd name="T13" fmla="*/ 156 h 208"/>
              <a:gd name="T14" fmla="*/ 104 w 208"/>
              <a:gd name="T15" fmla="*/ 208 h 208"/>
              <a:gd name="T16" fmla="*/ 138 w 208"/>
              <a:gd name="T17" fmla="*/ 200 h 208"/>
              <a:gd name="T18" fmla="*/ 134 w 208"/>
              <a:gd name="T19" fmla="*/ 192 h 208"/>
              <a:gd name="T20" fmla="*/ 40 w 208"/>
              <a:gd name="T21" fmla="*/ 136 h 208"/>
              <a:gd name="T22" fmla="*/ 60 w 208"/>
              <a:gd name="T23" fmla="*/ 52 h 208"/>
              <a:gd name="T24" fmla="*/ 184 w 208"/>
              <a:gd name="T25" fmla="*/ 42 h 208"/>
              <a:gd name="T26" fmla="*/ 176 w 208"/>
              <a:gd name="T27" fmla="*/ 84 h 208"/>
              <a:gd name="T28" fmla="*/ 172 w 208"/>
              <a:gd name="T29" fmla="*/ 56 h 208"/>
              <a:gd name="T30" fmla="*/ 168 w 208"/>
              <a:gd name="T31" fmla="*/ 60 h 208"/>
              <a:gd name="T32" fmla="*/ 144 w 208"/>
              <a:gd name="T33" fmla="*/ 176 h 208"/>
              <a:gd name="T34" fmla="*/ 112 w 208"/>
              <a:gd name="T35" fmla="*/ 164 h 208"/>
              <a:gd name="T36" fmla="*/ 101 w 208"/>
              <a:gd name="T37" fmla="*/ 165 h 208"/>
              <a:gd name="T38" fmla="*/ 100 w 208"/>
              <a:gd name="T39" fmla="*/ 180 h 208"/>
              <a:gd name="T40" fmla="*/ 104 w 208"/>
              <a:gd name="T41" fmla="*/ 184 h 208"/>
              <a:gd name="T42" fmla="*/ 124 w 208"/>
              <a:gd name="T43" fmla="*/ 184 h 208"/>
              <a:gd name="T44" fmla="*/ 144 w 208"/>
              <a:gd name="T45" fmla="*/ 184 h 208"/>
              <a:gd name="T46" fmla="*/ 192 w 208"/>
              <a:gd name="T47" fmla="*/ 156 h 208"/>
              <a:gd name="T48" fmla="*/ 208 w 208"/>
              <a:gd name="T49" fmla="*/ 100 h 208"/>
              <a:gd name="T50" fmla="*/ 108 w 208"/>
              <a:gd name="T51" fmla="*/ 172 h 208"/>
              <a:gd name="T52" fmla="*/ 119 w 208"/>
              <a:gd name="T53" fmla="*/ 176 h 208"/>
              <a:gd name="T54" fmla="*/ 16 w 208"/>
              <a:gd name="T55" fmla="*/ 148 h 208"/>
              <a:gd name="T56" fmla="*/ 8 w 208"/>
              <a:gd name="T57" fmla="*/ 100 h 208"/>
              <a:gd name="T58" fmla="*/ 20 w 208"/>
              <a:gd name="T59" fmla="*/ 92 h 208"/>
              <a:gd name="T60" fmla="*/ 20 w 208"/>
              <a:gd name="T61" fmla="*/ 92 h 208"/>
              <a:gd name="T62" fmla="*/ 32 w 208"/>
              <a:gd name="T63" fmla="*/ 136 h 208"/>
              <a:gd name="T64" fmla="*/ 16 w 208"/>
              <a:gd name="T65" fmla="*/ 148 h 208"/>
              <a:gd name="T66" fmla="*/ 60 w 208"/>
              <a:gd name="T67" fmla="*/ 44 h 208"/>
              <a:gd name="T68" fmla="*/ 32 w 208"/>
              <a:gd name="T69" fmla="*/ 84 h 208"/>
              <a:gd name="T70" fmla="*/ 24 w 208"/>
              <a:gd name="T71" fmla="*/ 52 h 208"/>
              <a:gd name="T72" fmla="*/ 47 w 208"/>
              <a:gd name="T73" fmla="*/ 31 h 208"/>
              <a:gd name="T74" fmla="*/ 68 w 208"/>
              <a:gd name="T75" fmla="*/ 8 h 208"/>
              <a:gd name="T76" fmla="*/ 192 w 208"/>
              <a:gd name="T77" fmla="*/ 8 h 208"/>
              <a:gd name="T78" fmla="*/ 200 w 208"/>
              <a:gd name="T79" fmla="*/ 140 h 208"/>
              <a:gd name="T80" fmla="*/ 176 w 208"/>
              <a:gd name="T81" fmla="*/ 148 h 208"/>
              <a:gd name="T82" fmla="*/ 192 w 208"/>
              <a:gd name="T83" fmla="*/ 92 h 208"/>
              <a:gd name="T84" fmla="*/ 200 w 208"/>
              <a:gd name="T85" fmla="*/ 140 h 208"/>
              <a:gd name="T86" fmla="*/ 116 w 208"/>
              <a:gd name="T87" fmla="*/ 144 h 208"/>
              <a:gd name="T88" fmla="*/ 144 w 208"/>
              <a:gd name="T89" fmla="*/ 92 h 208"/>
              <a:gd name="T90" fmla="*/ 144 w 208"/>
              <a:gd name="T91" fmla="*/ 84 h 208"/>
              <a:gd name="T92" fmla="*/ 109 w 208"/>
              <a:gd name="T93" fmla="*/ 85 h 208"/>
              <a:gd name="T94" fmla="*/ 108 w 208"/>
              <a:gd name="T95" fmla="*/ 140 h 208"/>
              <a:gd name="T96" fmla="*/ 92 w 208"/>
              <a:gd name="T97" fmla="*/ 144 h 208"/>
              <a:gd name="T98" fmla="*/ 112 w 208"/>
              <a:gd name="T99" fmla="*/ 148 h 208"/>
              <a:gd name="T100" fmla="*/ 60 w 208"/>
              <a:gd name="T101" fmla="*/ 84 h 208"/>
              <a:gd name="T102" fmla="*/ 60 w 208"/>
              <a:gd name="T103" fmla="*/ 92 h 208"/>
              <a:gd name="T104" fmla="*/ 88 w 208"/>
              <a:gd name="T105" fmla="*/ 88 h 208"/>
              <a:gd name="T106" fmla="*/ 60 w 208"/>
              <a:gd name="T107" fmla="*/ 8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208" h="208">
                <a:moveTo>
                  <a:pt x="208" y="100"/>
                </a:moveTo>
                <a:cubicBezTo>
                  <a:pt x="208" y="91"/>
                  <a:pt x="201" y="84"/>
                  <a:pt x="192" y="84"/>
                </a:cubicBezTo>
                <a:cubicBezTo>
                  <a:pt x="192" y="33"/>
                  <a:pt x="192" y="33"/>
                  <a:pt x="192" y="33"/>
                </a:cubicBezTo>
                <a:cubicBezTo>
                  <a:pt x="197" y="26"/>
                  <a:pt x="200" y="17"/>
                  <a:pt x="200" y="8"/>
                </a:cubicBezTo>
                <a:cubicBezTo>
                  <a:pt x="200" y="4"/>
                  <a:pt x="200" y="4"/>
                  <a:pt x="200" y="4"/>
                </a:cubicBezTo>
                <a:cubicBezTo>
                  <a:pt x="200" y="3"/>
                  <a:pt x="200" y="2"/>
                  <a:pt x="199" y="1"/>
                </a:cubicBezTo>
                <a:cubicBezTo>
                  <a:pt x="198" y="0"/>
                  <a:pt x="197" y="0"/>
                  <a:pt x="196" y="0"/>
                </a:cubicBezTo>
                <a:cubicBezTo>
                  <a:pt x="68" y="0"/>
                  <a:pt x="68" y="0"/>
                  <a:pt x="68" y="0"/>
                </a:cubicBezTo>
                <a:cubicBezTo>
                  <a:pt x="54" y="0"/>
                  <a:pt x="42" y="11"/>
                  <a:pt x="40" y="24"/>
                </a:cubicBezTo>
                <a:cubicBezTo>
                  <a:pt x="27" y="26"/>
                  <a:pt x="16" y="38"/>
                  <a:pt x="16" y="52"/>
                </a:cubicBezTo>
                <a:cubicBezTo>
                  <a:pt x="16" y="84"/>
                  <a:pt x="16" y="84"/>
                  <a:pt x="16" y="84"/>
                </a:cubicBezTo>
                <a:cubicBezTo>
                  <a:pt x="7" y="84"/>
                  <a:pt x="0" y="91"/>
                  <a:pt x="0" y="100"/>
                </a:cubicBezTo>
                <a:cubicBezTo>
                  <a:pt x="0" y="140"/>
                  <a:pt x="0" y="140"/>
                  <a:pt x="0" y="140"/>
                </a:cubicBezTo>
                <a:cubicBezTo>
                  <a:pt x="0" y="149"/>
                  <a:pt x="7" y="156"/>
                  <a:pt x="16" y="156"/>
                </a:cubicBezTo>
                <a:cubicBezTo>
                  <a:pt x="35" y="156"/>
                  <a:pt x="35" y="156"/>
                  <a:pt x="35" y="156"/>
                </a:cubicBezTo>
                <a:cubicBezTo>
                  <a:pt x="44" y="186"/>
                  <a:pt x="71" y="208"/>
                  <a:pt x="104" y="208"/>
                </a:cubicBezTo>
                <a:cubicBezTo>
                  <a:pt x="104" y="208"/>
                  <a:pt x="104" y="208"/>
                  <a:pt x="104" y="208"/>
                </a:cubicBezTo>
                <a:cubicBezTo>
                  <a:pt x="116" y="208"/>
                  <a:pt x="128" y="205"/>
                  <a:pt x="138" y="200"/>
                </a:cubicBezTo>
                <a:cubicBezTo>
                  <a:pt x="140" y="198"/>
                  <a:pt x="141" y="196"/>
                  <a:pt x="140" y="194"/>
                </a:cubicBezTo>
                <a:cubicBezTo>
                  <a:pt x="138" y="192"/>
                  <a:pt x="136" y="191"/>
                  <a:pt x="134" y="192"/>
                </a:cubicBezTo>
                <a:cubicBezTo>
                  <a:pt x="125" y="197"/>
                  <a:pt x="115" y="200"/>
                  <a:pt x="104" y="200"/>
                </a:cubicBezTo>
                <a:cubicBezTo>
                  <a:pt x="69" y="200"/>
                  <a:pt x="40" y="171"/>
                  <a:pt x="40" y="136"/>
                </a:cubicBezTo>
                <a:cubicBezTo>
                  <a:pt x="40" y="72"/>
                  <a:pt x="40" y="72"/>
                  <a:pt x="40" y="72"/>
                </a:cubicBezTo>
                <a:cubicBezTo>
                  <a:pt x="40" y="61"/>
                  <a:pt x="49" y="52"/>
                  <a:pt x="60" y="52"/>
                </a:cubicBezTo>
                <a:cubicBezTo>
                  <a:pt x="156" y="52"/>
                  <a:pt x="156" y="52"/>
                  <a:pt x="156" y="52"/>
                </a:cubicBezTo>
                <a:cubicBezTo>
                  <a:pt x="167" y="52"/>
                  <a:pt x="176" y="48"/>
                  <a:pt x="184" y="42"/>
                </a:cubicBezTo>
                <a:cubicBezTo>
                  <a:pt x="184" y="84"/>
                  <a:pt x="184" y="84"/>
                  <a:pt x="184" y="84"/>
                </a:cubicBezTo>
                <a:cubicBezTo>
                  <a:pt x="176" y="84"/>
                  <a:pt x="176" y="84"/>
                  <a:pt x="176" y="84"/>
                </a:cubicBezTo>
                <a:cubicBezTo>
                  <a:pt x="176" y="60"/>
                  <a:pt x="176" y="60"/>
                  <a:pt x="176" y="60"/>
                </a:cubicBezTo>
                <a:cubicBezTo>
                  <a:pt x="176" y="58"/>
                  <a:pt x="174" y="56"/>
                  <a:pt x="172" y="56"/>
                </a:cubicBezTo>
                <a:cubicBezTo>
                  <a:pt x="170" y="56"/>
                  <a:pt x="168" y="58"/>
                  <a:pt x="168" y="60"/>
                </a:cubicBezTo>
                <a:cubicBezTo>
                  <a:pt x="168" y="60"/>
                  <a:pt x="168" y="60"/>
                  <a:pt x="168" y="60"/>
                </a:cubicBezTo>
                <a:cubicBezTo>
                  <a:pt x="168" y="152"/>
                  <a:pt x="168" y="152"/>
                  <a:pt x="168" y="152"/>
                </a:cubicBezTo>
                <a:cubicBezTo>
                  <a:pt x="168" y="165"/>
                  <a:pt x="157" y="176"/>
                  <a:pt x="144" y="176"/>
                </a:cubicBezTo>
                <a:cubicBezTo>
                  <a:pt x="127" y="176"/>
                  <a:pt x="127" y="176"/>
                  <a:pt x="127" y="176"/>
                </a:cubicBezTo>
                <a:cubicBezTo>
                  <a:pt x="126" y="169"/>
                  <a:pt x="119" y="164"/>
                  <a:pt x="112" y="164"/>
                </a:cubicBezTo>
                <a:cubicBezTo>
                  <a:pt x="104" y="164"/>
                  <a:pt x="104" y="164"/>
                  <a:pt x="104" y="164"/>
                </a:cubicBezTo>
                <a:cubicBezTo>
                  <a:pt x="103" y="164"/>
                  <a:pt x="102" y="164"/>
                  <a:pt x="101" y="165"/>
                </a:cubicBezTo>
                <a:cubicBezTo>
                  <a:pt x="100" y="166"/>
                  <a:pt x="100" y="167"/>
                  <a:pt x="100" y="168"/>
                </a:cubicBezTo>
                <a:cubicBezTo>
                  <a:pt x="100" y="180"/>
                  <a:pt x="100" y="180"/>
                  <a:pt x="100" y="180"/>
                </a:cubicBezTo>
                <a:cubicBezTo>
                  <a:pt x="100" y="181"/>
                  <a:pt x="100" y="182"/>
                  <a:pt x="101" y="183"/>
                </a:cubicBezTo>
                <a:cubicBezTo>
                  <a:pt x="102" y="184"/>
                  <a:pt x="103" y="184"/>
                  <a:pt x="104" y="184"/>
                </a:cubicBezTo>
                <a:cubicBezTo>
                  <a:pt x="124" y="184"/>
                  <a:pt x="124" y="184"/>
                  <a:pt x="124" y="184"/>
                </a:cubicBezTo>
                <a:cubicBezTo>
                  <a:pt x="124" y="184"/>
                  <a:pt x="124" y="184"/>
                  <a:pt x="124" y="184"/>
                </a:cubicBezTo>
                <a:cubicBezTo>
                  <a:pt x="124" y="184"/>
                  <a:pt x="124" y="184"/>
                  <a:pt x="124" y="184"/>
                </a:cubicBezTo>
                <a:cubicBezTo>
                  <a:pt x="144" y="184"/>
                  <a:pt x="144" y="184"/>
                  <a:pt x="144" y="184"/>
                </a:cubicBezTo>
                <a:cubicBezTo>
                  <a:pt x="160" y="184"/>
                  <a:pt x="174" y="172"/>
                  <a:pt x="176" y="156"/>
                </a:cubicBezTo>
                <a:cubicBezTo>
                  <a:pt x="192" y="156"/>
                  <a:pt x="192" y="156"/>
                  <a:pt x="192" y="156"/>
                </a:cubicBezTo>
                <a:cubicBezTo>
                  <a:pt x="201" y="156"/>
                  <a:pt x="208" y="149"/>
                  <a:pt x="208" y="140"/>
                </a:cubicBezTo>
                <a:lnTo>
                  <a:pt x="208" y="100"/>
                </a:lnTo>
                <a:close/>
                <a:moveTo>
                  <a:pt x="108" y="176"/>
                </a:moveTo>
                <a:cubicBezTo>
                  <a:pt x="108" y="172"/>
                  <a:pt x="108" y="172"/>
                  <a:pt x="108" y="172"/>
                </a:cubicBezTo>
                <a:cubicBezTo>
                  <a:pt x="112" y="172"/>
                  <a:pt x="112" y="172"/>
                  <a:pt x="112" y="172"/>
                </a:cubicBezTo>
                <a:cubicBezTo>
                  <a:pt x="115" y="172"/>
                  <a:pt x="118" y="174"/>
                  <a:pt x="119" y="176"/>
                </a:cubicBezTo>
                <a:lnTo>
                  <a:pt x="108" y="176"/>
                </a:lnTo>
                <a:close/>
                <a:moveTo>
                  <a:pt x="16" y="148"/>
                </a:moveTo>
                <a:cubicBezTo>
                  <a:pt x="12" y="148"/>
                  <a:pt x="8" y="144"/>
                  <a:pt x="8" y="140"/>
                </a:cubicBezTo>
                <a:cubicBezTo>
                  <a:pt x="8" y="100"/>
                  <a:pt x="8" y="100"/>
                  <a:pt x="8" y="100"/>
                </a:cubicBezTo>
                <a:cubicBezTo>
                  <a:pt x="8" y="96"/>
                  <a:pt x="12" y="92"/>
                  <a:pt x="16" y="92"/>
                </a:cubicBezTo>
                <a:cubicBezTo>
                  <a:pt x="20" y="92"/>
                  <a:pt x="20" y="92"/>
                  <a:pt x="20" y="92"/>
                </a:cubicBezTo>
                <a:cubicBezTo>
                  <a:pt x="20" y="92"/>
                  <a:pt x="20" y="92"/>
                  <a:pt x="20" y="92"/>
                </a:cubicBezTo>
                <a:cubicBezTo>
                  <a:pt x="20" y="92"/>
                  <a:pt x="20" y="92"/>
                  <a:pt x="20" y="92"/>
                </a:cubicBezTo>
                <a:cubicBezTo>
                  <a:pt x="32" y="92"/>
                  <a:pt x="32" y="92"/>
                  <a:pt x="32" y="92"/>
                </a:cubicBezTo>
                <a:cubicBezTo>
                  <a:pt x="32" y="136"/>
                  <a:pt x="32" y="136"/>
                  <a:pt x="32" y="136"/>
                </a:cubicBezTo>
                <a:cubicBezTo>
                  <a:pt x="32" y="140"/>
                  <a:pt x="32" y="144"/>
                  <a:pt x="33" y="148"/>
                </a:cubicBezTo>
                <a:lnTo>
                  <a:pt x="16" y="148"/>
                </a:lnTo>
                <a:close/>
                <a:moveTo>
                  <a:pt x="156" y="44"/>
                </a:moveTo>
                <a:cubicBezTo>
                  <a:pt x="60" y="44"/>
                  <a:pt x="60" y="44"/>
                  <a:pt x="60" y="44"/>
                </a:cubicBezTo>
                <a:cubicBezTo>
                  <a:pt x="45" y="44"/>
                  <a:pt x="32" y="57"/>
                  <a:pt x="32" y="72"/>
                </a:cubicBezTo>
                <a:cubicBezTo>
                  <a:pt x="32" y="84"/>
                  <a:pt x="32" y="84"/>
                  <a:pt x="32" y="84"/>
                </a:cubicBezTo>
                <a:cubicBezTo>
                  <a:pt x="24" y="84"/>
                  <a:pt x="24" y="84"/>
                  <a:pt x="24" y="84"/>
                </a:cubicBezTo>
                <a:cubicBezTo>
                  <a:pt x="24" y="52"/>
                  <a:pt x="24" y="52"/>
                  <a:pt x="24" y="52"/>
                </a:cubicBezTo>
                <a:cubicBezTo>
                  <a:pt x="24" y="41"/>
                  <a:pt x="33" y="32"/>
                  <a:pt x="44" y="32"/>
                </a:cubicBezTo>
                <a:cubicBezTo>
                  <a:pt x="45" y="32"/>
                  <a:pt x="46" y="32"/>
                  <a:pt x="47" y="31"/>
                </a:cubicBezTo>
                <a:cubicBezTo>
                  <a:pt x="48" y="30"/>
                  <a:pt x="48" y="29"/>
                  <a:pt x="48" y="28"/>
                </a:cubicBezTo>
                <a:cubicBezTo>
                  <a:pt x="48" y="17"/>
                  <a:pt x="57" y="8"/>
                  <a:pt x="68" y="8"/>
                </a:cubicBezTo>
                <a:cubicBezTo>
                  <a:pt x="192" y="8"/>
                  <a:pt x="192" y="8"/>
                  <a:pt x="192" y="8"/>
                </a:cubicBezTo>
                <a:cubicBezTo>
                  <a:pt x="192" y="8"/>
                  <a:pt x="192" y="8"/>
                  <a:pt x="192" y="8"/>
                </a:cubicBezTo>
                <a:cubicBezTo>
                  <a:pt x="192" y="28"/>
                  <a:pt x="176" y="44"/>
                  <a:pt x="156" y="44"/>
                </a:cubicBezTo>
                <a:close/>
                <a:moveTo>
                  <a:pt x="200" y="140"/>
                </a:moveTo>
                <a:cubicBezTo>
                  <a:pt x="200" y="144"/>
                  <a:pt x="196" y="148"/>
                  <a:pt x="192" y="148"/>
                </a:cubicBezTo>
                <a:cubicBezTo>
                  <a:pt x="176" y="148"/>
                  <a:pt x="176" y="148"/>
                  <a:pt x="176" y="148"/>
                </a:cubicBezTo>
                <a:cubicBezTo>
                  <a:pt x="176" y="92"/>
                  <a:pt x="176" y="92"/>
                  <a:pt x="176" y="92"/>
                </a:cubicBezTo>
                <a:cubicBezTo>
                  <a:pt x="192" y="92"/>
                  <a:pt x="192" y="92"/>
                  <a:pt x="192" y="92"/>
                </a:cubicBezTo>
                <a:cubicBezTo>
                  <a:pt x="196" y="92"/>
                  <a:pt x="200" y="96"/>
                  <a:pt x="200" y="100"/>
                </a:cubicBezTo>
                <a:lnTo>
                  <a:pt x="200" y="140"/>
                </a:lnTo>
                <a:close/>
                <a:moveTo>
                  <a:pt x="115" y="147"/>
                </a:moveTo>
                <a:cubicBezTo>
                  <a:pt x="116" y="146"/>
                  <a:pt x="116" y="145"/>
                  <a:pt x="116" y="144"/>
                </a:cubicBezTo>
                <a:cubicBezTo>
                  <a:pt x="116" y="92"/>
                  <a:pt x="116" y="92"/>
                  <a:pt x="116" y="92"/>
                </a:cubicBezTo>
                <a:cubicBezTo>
                  <a:pt x="144" y="92"/>
                  <a:pt x="144" y="92"/>
                  <a:pt x="144" y="92"/>
                </a:cubicBezTo>
                <a:cubicBezTo>
                  <a:pt x="146" y="92"/>
                  <a:pt x="148" y="90"/>
                  <a:pt x="148" y="88"/>
                </a:cubicBezTo>
                <a:cubicBezTo>
                  <a:pt x="148" y="86"/>
                  <a:pt x="146" y="84"/>
                  <a:pt x="144" y="84"/>
                </a:cubicBezTo>
                <a:cubicBezTo>
                  <a:pt x="112" y="84"/>
                  <a:pt x="112" y="84"/>
                  <a:pt x="112" y="84"/>
                </a:cubicBezTo>
                <a:cubicBezTo>
                  <a:pt x="111" y="84"/>
                  <a:pt x="110" y="84"/>
                  <a:pt x="109" y="85"/>
                </a:cubicBezTo>
                <a:cubicBezTo>
                  <a:pt x="108" y="86"/>
                  <a:pt x="108" y="87"/>
                  <a:pt x="108" y="88"/>
                </a:cubicBezTo>
                <a:cubicBezTo>
                  <a:pt x="108" y="140"/>
                  <a:pt x="108" y="140"/>
                  <a:pt x="108" y="140"/>
                </a:cubicBezTo>
                <a:cubicBezTo>
                  <a:pt x="96" y="140"/>
                  <a:pt x="96" y="140"/>
                  <a:pt x="96" y="140"/>
                </a:cubicBezTo>
                <a:cubicBezTo>
                  <a:pt x="94" y="140"/>
                  <a:pt x="92" y="142"/>
                  <a:pt x="92" y="144"/>
                </a:cubicBezTo>
                <a:cubicBezTo>
                  <a:pt x="92" y="146"/>
                  <a:pt x="94" y="148"/>
                  <a:pt x="96" y="148"/>
                </a:cubicBezTo>
                <a:cubicBezTo>
                  <a:pt x="112" y="148"/>
                  <a:pt x="112" y="148"/>
                  <a:pt x="112" y="148"/>
                </a:cubicBezTo>
                <a:cubicBezTo>
                  <a:pt x="113" y="148"/>
                  <a:pt x="114" y="148"/>
                  <a:pt x="115" y="147"/>
                </a:cubicBezTo>
                <a:close/>
                <a:moveTo>
                  <a:pt x="60" y="84"/>
                </a:moveTo>
                <a:cubicBezTo>
                  <a:pt x="58" y="84"/>
                  <a:pt x="56" y="86"/>
                  <a:pt x="56" y="88"/>
                </a:cubicBezTo>
                <a:cubicBezTo>
                  <a:pt x="56" y="90"/>
                  <a:pt x="58" y="92"/>
                  <a:pt x="60" y="92"/>
                </a:cubicBezTo>
                <a:cubicBezTo>
                  <a:pt x="84" y="92"/>
                  <a:pt x="84" y="92"/>
                  <a:pt x="84" y="92"/>
                </a:cubicBezTo>
                <a:cubicBezTo>
                  <a:pt x="86" y="92"/>
                  <a:pt x="88" y="90"/>
                  <a:pt x="88" y="88"/>
                </a:cubicBezTo>
                <a:cubicBezTo>
                  <a:pt x="88" y="86"/>
                  <a:pt x="86" y="84"/>
                  <a:pt x="84" y="84"/>
                </a:cubicBezTo>
                <a:lnTo>
                  <a:pt x="60" y="84"/>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3" name="TextBox 12">
            <a:extLst>
              <a:ext uri="{FF2B5EF4-FFF2-40B4-BE49-F238E27FC236}">
                <a16:creationId xmlns:a16="http://schemas.microsoft.com/office/drawing/2014/main" id="{091AF2EF-DF62-1384-4864-33BD58DF521C}"/>
              </a:ext>
            </a:extLst>
          </p:cNvPr>
          <p:cNvSpPr txBox="1"/>
          <p:nvPr/>
        </p:nvSpPr>
        <p:spPr>
          <a:xfrm>
            <a:off x="9411521" y="4699952"/>
            <a:ext cx="2479143" cy="1487587"/>
          </a:xfrm>
          <a:prstGeom prst="rect">
            <a:avLst/>
          </a:prstGeom>
          <a:noFill/>
        </p:spPr>
        <p:txBody>
          <a:bodyPr wrap="square">
            <a:spAutoFit/>
          </a:bodyPr>
          <a:lstStyle/>
          <a:p>
            <a:pPr marL="0" algn="l" defTabSz="1039307" rtl="0" eaLnBrk="1" latinLnBrk="0" hangingPunct="1">
              <a:spcBef>
                <a:spcPts val="400"/>
              </a:spcBef>
              <a:spcAft>
                <a:spcPts val="400"/>
              </a:spcAft>
              <a:buNone/>
            </a:pP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The tender […] sets a new benchmark for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how</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sovereignty</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is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applied</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in practice to cloud services. […] It drives the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entire</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sector</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towards</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 compliance with European standards and </a:t>
            </a:r>
            <a:r>
              <a:rPr lang="da-DK" sz="1100" b="0" i="1" kern="1200" noProof="0" dirty="0" err="1">
                <a:solidFill>
                  <a:srgbClr val="64778A"/>
                </a:solidFill>
                <a:effectLst/>
                <a:latin typeface="Arial" panose="020B0604020202020204" pitchFamily="34" charset="0"/>
                <a:ea typeface="+mn-ea"/>
                <a:cs typeface="Times New Roman" panose="02020603050405020304" pitchFamily="18" charset="0"/>
              </a:rPr>
              <a:t>value</a:t>
            </a:r>
            <a:r>
              <a:rPr lang="da-DK" sz="1100" b="0" i="1" kern="1200" noProof="0" dirty="0">
                <a:solidFill>
                  <a:srgbClr val="64778A"/>
                </a:solidFill>
                <a:effectLst/>
                <a:latin typeface="Arial" panose="020B0604020202020204" pitchFamily="34" charset="0"/>
                <a:ea typeface="+mn-ea"/>
                <a:cs typeface="Times New Roman" panose="02020603050405020304" pitchFamily="18" charset="0"/>
              </a:rPr>
              <a:t>”</a:t>
            </a:r>
          </a:p>
          <a:p>
            <a:pPr algn="l">
              <a:spcBef>
                <a:spcPts val="400"/>
              </a:spcBef>
              <a:spcAft>
                <a:spcPts val="400"/>
              </a:spcAft>
              <a:buNone/>
            </a:pPr>
            <a:r>
              <a:rPr lang="da-DK" sz="900" b="1" noProof="0" dirty="0">
                <a:solidFill>
                  <a:srgbClr val="000000"/>
                </a:solidFill>
                <a:effectLst/>
                <a:latin typeface="Arial" panose="020B0604020202020204" pitchFamily="34" charset="0"/>
                <a:ea typeface="Arial" panose="020B0604020202020204" pitchFamily="34" charset="0"/>
                <a:cs typeface="Times New Roman" panose="02020603050405020304" pitchFamily="18" charset="0"/>
              </a:rPr>
              <a:t>EU-Kommissionen</a:t>
            </a:r>
            <a:br>
              <a:rPr lang="da-DK" sz="900" noProof="0" dirty="0">
                <a:solidFill>
                  <a:srgbClr val="000000"/>
                </a:solidFill>
                <a:effectLst/>
                <a:latin typeface="Arial" panose="020B0604020202020204" pitchFamily="34" charset="0"/>
                <a:ea typeface="Arial" panose="020B0604020202020204" pitchFamily="34" charset="0"/>
                <a:cs typeface="Times New Roman" panose="02020603050405020304" pitchFamily="18" charset="0"/>
              </a:rPr>
            </a:br>
            <a:r>
              <a:rPr lang="da-DK" sz="900" noProof="0" dirty="0">
                <a:solidFill>
                  <a:srgbClr val="000000"/>
                </a:solidFill>
                <a:effectLst/>
                <a:latin typeface="Arial" panose="020B0604020202020204" pitchFamily="34" charset="0"/>
                <a:ea typeface="Arial" panose="020B0604020202020204" pitchFamily="34" charset="0"/>
                <a:cs typeface="Times New Roman" panose="02020603050405020304" pitchFamily="18" charset="0"/>
              </a:rPr>
              <a:t>Officiel udtalelse.</a:t>
            </a:r>
          </a:p>
        </p:txBody>
      </p:sp>
    </p:spTree>
    <p:extLst>
      <p:ext uri="{BB962C8B-B14F-4D97-AF65-F5344CB8AC3E}">
        <p14:creationId xmlns:p14="http://schemas.microsoft.com/office/powerpoint/2010/main" val="1386420137"/>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BACKPAGEOFFICE" val="Global Innovation and Technology CentreBack LaneMelbournHertfordshireSG8 6DP+44 1763 261222"/>
  <p:tag name="BACKPAGEOFFICENAME" val="&lt;b&gt;Cambridge Office&#10;"/>
  <p:tag name="DISCARR" val="&lt;b&gt;All rights reserved&#10;&lt;b&gt;© PA Knowledge Limited 2022"/>
  <p:tag name="DISCPREP" val="This document has been prepared by PA Consulting Group. The contents of this document do not constitute any form of commitment or recommendation on the part of PA and speaks as at the date of publication."/>
  <p:tag name="DISCREPRO" val="No part of this documentation may be reproduced, stored in a retrieval system or transmitted in any form or by any means, electronic, mechanical or otherwise, without the prior written permission of PA Consulting Group."/>
  <p:tag name="SP_AGENDA" val="TOC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2.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4.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6.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8.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9.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COPPT1\AppData\Local\Templafy\AddIns\PowerPointVsto\ec2526f8-f96c-4980-9fb3-307205b61713.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COPPT1\AppData\Local\Templafy\AddIns\PowerPointVsto\246a3689-d290-49c8-9ed3-b5ace82f45af.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COPPT1\AppData\Local\Templafy\AddIns\PowerPointVsto\e495ed44-10e7-4d48-b84f-a287865c70e8.jpe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heme/theme1.xml><?xml version="1.0" encoding="utf-8"?>
<a:theme xmlns:a="http://schemas.openxmlformats.org/drawingml/2006/main" name="PA Consulting (New VI)">
  <a:themeElements>
    <a:clrScheme name="NEW VI Colours - PA">
      <a:dk1>
        <a:srgbClr val="000000"/>
      </a:dk1>
      <a:lt1>
        <a:srgbClr val="FFFFFF"/>
      </a:lt1>
      <a:dk2>
        <a:srgbClr val="CDECF2"/>
      </a:dk2>
      <a:lt2>
        <a:srgbClr val="0580A7"/>
      </a:lt2>
      <a:accent1>
        <a:srgbClr val="00172D"/>
      </a:accent1>
      <a:accent2>
        <a:srgbClr val="024D78"/>
      </a:accent2>
      <a:accent3>
        <a:srgbClr val="36465A"/>
      </a:accent3>
      <a:accent4>
        <a:srgbClr val="64778A"/>
      </a:accent4>
      <a:accent5>
        <a:srgbClr val="A2B3C9"/>
      </a:accent5>
      <a:accent6>
        <a:srgbClr val="E8ECF2"/>
      </a:accent6>
      <a:hlink>
        <a:srgbClr val="024D78"/>
      </a:hlink>
      <a:folHlink>
        <a:srgbClr val="A2B3C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sz="1400"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rtlCol="0">
        <a:noAutofit/>
      </a:bodyPr>
      <a:lstStyle>
        <a:defPPr>
          <a:defRPr sz="1100" dirty="0" err="1" smtClean="0"/>
        </a:defPPr>
      </a:lstStyle>
    </a:txDef>
  </a:objectDefaults>
  <a:extraClrSchemeLst/>
  <a:custClrLst>
    <a:custClr name="Aqua 01">
      <a:srgbClr val="CDECF2"/>
    </a:custClr>
    <a:custClr name="Grey 01">
      <a:srgbClr val="E8ECF2"/>
    </a:custClr>
    <a:custClr name="Lime 01">
      <a:srgbClr val="D5ECC8"/>
    </a:custClr>
    <a:custClr name="Apricot 01">
      <a:srgbClr val="FAECBD"/>
    </a:custClr>
    <a:custClr name="Rose 01">
      <a:srgbClr val="F3D3DC"/>
    </a:custClr>
    <a:custClr name="Blank">
      <a:srgbClr val="FFFFFF"/>
    </a:custClr>
    <a:custClr name="Blank">
      <a:srgbClr val="FFFFFF"/>
    </a:custClr>
    <a:custClr name="Blank">
      <a:srgbClr val="FFFFFF"/>
    </a:custClr>
    <a:custClr name="Error Red">
      <a:srgbClr val="CC1D63"/>
    </a:custClr>
    <a:custClr name="PA Ingenuity Red">
      <a:srgbClr val="F62B44"/>
    </a:custClr>
    <a:custClr name="Aqua 02">
      <a:srgbClr val="B7E5EE"/>
    </a:custClr>
    <a:custClr name="Grey 02">
      <a:srgbClr val="A2B3C9"/>
    </a:custClr>
    <a:custClr name="Lime 02">
      <a:srgbClr val="C0EFA5"/>
    </a:custClr>
    <a:custClr name="Apricot 02">
      <a:srgbClr val="FFE18E"/>
    </a:custClr>
    <a:custClr name="Rose 02">
      <a:srgbClr val="FFBECF"/>
    </a:custClr>
    <a:custClr name="Blank">
      <a:srgbClr val="FFFFFF"/>
    </a:custClr>
    <a:custClr name="Blank">
      <a:srgbClr val="FFFFFF"/>
    </a:custClr>
    <a:custClr name="Blank">
      <a:srgbClr val="FFFFFF"/>
    </a:custClr>
    <a:custClr name="Warning Amber">
      <a:srgbClr val="FF6C3B"/>
    </a:custClr>
    <a:custClr name="Logo Grey">
      <a:srgbClr val="7C8B9A"/>
    </a:custClr>
    <a:custClr name="Aqua 03">
      <a:srgbClr val="4AB9D3"/>
    </a:custClr>
    <a:custClr name="Grey 03">
      <a:srgbClr val="64778A"/>
    </a:custClr>
    <a:custClr name="Lime 03">
      <a:srgbClr val="6CBD3A"/>
    </a:custClr>
    <a:custClr name="Apricot 03">
      <a:srgbClr val="FFC000"/>
    </a:custClr>
    <a:custClr name="Rose 03">
      <a:srgbClr val="F3809E"/>
    </a:custClr>
    <a:custClr name="Blank">
      <a:srgbClr val="FFFFFF"/>
    </a:custClr>
    <a:custClr name="Blank">
      <a:srgbClr val="FFFFFF"/>
    </a:custClr>
    <a:custClr name="Blank">
      <a:srgbClr val="FFFFFF"/>
    </a:custClr>
    <a:custClr name="Success Green">
      <a:srgbClr val="008471"/>
    </a:custClr>
    <a:custClr name="Dark Blue">
      <a:srgbClr val="00172D"/>
    </a:custClr>
    <a:custClr name="Aqua 04">
      <a:srgbClr val="0580A7"/>
    </a:custClr>
    <a:custClr name="Grey 04">
      <a:srgbClr val="36465A"/>
    </a:custClr>
    <a:custClr name="Lime 04">
      <a:srgbClr val="2C8027"/>
    </a:custClr>
    <a:custClr name="Blank">
      <a:srgbClr val="FFFFFF"/>
    </a:custClr>
    <a:custClr name="Rose 04">
      <a:srgbClr val="EE2F66"/>
    </a:custClr>
    <a:custClr name="Blank">
      <a:srgbClr val="FFFFFF"/>
    </a:custClr>
    <a:custClr name="Blank">
      <a:srgbClr val="FFFFFF"/>
    </a:custClr>
    <a:custClr name="Blank">
      <a:srgbClr val="FFFFFF"/>
    </a:custClr>
    <a:custClr name="Blank">
      <a:srgbClr val="FFFFFF"/>
    </a:custClr>
    <a:custClr name="Blank">
      <a:srgbClr val="FFFFFF"/>
    </a:custClr>
    <a:custClr name="Aqua 05">
      <a:srgbClr val="024D78"/>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92BFB6089E2FCF44B60FEA1CD128FE00" ma:contentTypeVersion="22" ma:contentTypeDescription="Create a new document." ma:contentTypeScope="" ma:versionID="da37fbedf164d3264eb93c730d0b5248">
  <xsd:schema xmlns:xsd="http://www.w3.org/2001/XMLSchema" xmlns:xs="http://www.w3.org/2001/XMLSchema" xmlns:p="http://schemas.microsoft.com/office/2006/metadata/properties" xmlns:ns1="http://schemas.microsoft.com/sharepoint/v3" xmlns:ns2="a765e530-f98c-4f6e-9fbc-638707f46e5e" xmlns:ns3="d788723c-0a58-4124-b497-41140803badd" targetNamespace="http://schemas.microsoft.com/office/2006/metadata/properties" ma:root="true" ma:fieldsID="9cc51b1bdfcde364cb9c049f2b206727" ns1:_="" ns2:_="" ns3:_="">
    <xsd:import namespace="http://schemas.microsoft.com/sharepoint/v3"/>
    <xsd:import namespace="a765e530-f98c-4f6e-9fbc-638707f46e5e"/>
    <xsd:import namespace="d788723c-0a58-4124-b497-41140803bad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1:_ip_UnifiedCompliancePolicyProperties" minOccurs="0"/>
                <xsd:element ref="ns1:_ip_UnifiedCompliancePolicyUIAction" minOccurs="0"/>
                <xsd:element ref="ns2:MediaServiceLocation"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element ref="ns2:Ansvarlig"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9" nillable="true" ma:displayName="Unified Compliance Policy Properties" ma:hidden="true" ma:internalName="_ip_UnifiedCompliancePolicyProperties">
      <xsd:simpleType>
        <xsd:restriction base="dms:Note"/>
      </xsd:simpleType>
    </xsd:element>
    <xsd:element name="_ip_UnifiedCompliancePolicyUIAction" ma:index="20"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765e530-f98c-4f6e-9fbc-638707f46e5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MediaServiceLocation" ma:index="21" nillable="true" ma:displayName="Location"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dc50227e-c313-4633-a131-4c0e9c1be02f"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6" nillable="true" ma:displayName="MediaServiceObjectDetectorVersions" ma:hidden="true" ma:indexed="true" ma:internalName="MediaServiceObjectDetectorVersions" ma:readOnly="true">
      <xsd:simpleType>
        <xsd:restriction base="dms:Text"/>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Ansvarlig" ma:index="28" nillable="true" ma:displayName="Ansvarlig" ma:format="Dropdown" ma:list="UserInfo" ma:SharePointGroup="0" ma:internalName="Ansvarlig">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9"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788723c-0a58-4124-b497-41140803badd"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5" nillable="true" ma:displayName="Taxonomy Catch All Column" ma:hidden="true" ma:list="{dd3bb1da-828f-451d-a971-25994bcecf14}" ma:internalName="TaxCatchAll" ma:showField="CatchAllData" ma:web="d788723c-0a58-4124-b497-41140803bad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ype":"shape","id":"9d744c65-131d-45ba-b6ad-16c0e43f7d56","elementConfiguration":{"binding":"{{IfElse(Equals(Form.LegalStatement.Statement, \"Confidential between PA and intended recipient (specify)\"), StringJoin(Form.LegalStatement.FooterText, \" \", Form.Recipient), Form.LegalStatement.FooterText)}}","type":"text","disableUpdates":false}},{"type":"shape","id":"137052e9-e3dd-4213-b36e-5b4c4b527c5c","elementConfiguration":{"binding":"{{IfElse(Equals(Form.LegalStatement.Statement, \"Confidential between PA and intended recipient (specify)\"), StringJoin(Form.LegalStatement.FooterText, \" \", Form.Recipient), Form.LegalStatement.FooterText)}}","type":"text","disableUpdates":false}},{"type":"shape","id":"dbcf818c-a86c-4754-bbce-3adc1dcdf9ef","elementConfiguration":{"binding":"{{IfElse(Equals(Form.LegalStatement.Statement, \"Confidential between PA and intended recipient (specify)\"), StringJoin(Form.LegalStatement.FooterText, \" \", Form.Recipient), Form.LegalStatement.FooterText)}}","type":"text","disableUpdates":false}},{"type":"shape","id":"53e7cf80-3dae-4815-8828-c3cadcba1c5c","elementConfiguration":{"binding":"{{IfElse(Equals(Form.LegalStatement.Statement, \"Confidential between PA and intended recipient (specify)\"), StringJoin(Form.LegalStatement.FooterText, \" \", Form.Recipient), Form.LegalStatement.FooterText)}}","type":"text","disableUpdates":false}},{"type":"shape","id":"879f66e4-540f-43d3-815c-ee0461cfb939","elementConfiguration":{"binding":"{{Form.Office.OfficeName}}","visibility":"{{IfElse(Equals(Form.Office.OfficeName, \"Custom\"), VisibilityType.Hidden, VisibilityType.Visible)}}","type":"text","disableUpdates":false}},{"type":"shape","id":"26b3648d-de9d-4701-aaa2-3aed752c9aee","elementConfiguration":{"binding":"{{Form.Disclaimer.Disclaimer1}}","type":"text","disableUpdates":false}},{"type":"shape","id":"61ca9983-2490-46ec-9dfb-59b5ede564e2","elementConfiguration":{"binding":"{{IfElse(Equals(Form.Disclaimer.Disclaimer2b, \"\"), Form.Disclaimer.Disclaimer2a, StringJoin(\"\", Form.Disclaimer.Disclaimer2a , IfElse(Equals(Form.Office.OfficeName, \"Custom\"), Form.CustomOffice, Form.Office.Address_Line), Form.Disclaimer.Disclaimer2b))}}","type":"text","disableUpdates":false}},{"type":"shape","id":"79413afe-5e89-4639-a7d1-9ada8e64d6b7","elementConfiguration":{"visibility":"{{IfElse(Form.BrandText, VisibilityType.Visible, VisibilityType.Hidden)}}","type":"text","disableUpdates":false}},{"type":"shape","id":"a342c253-05fa-429e-b450-f65e69f38240","elementConfiguration":{"binding":"{{IfElse(Equals(Form.Office.OfficeName, \"Custom\"), Form.CustomOffice, Form.Office.Address)}}","type":"text","disableUpdates":false}},{"type":"shape","id":"d902a427-7a12-46e8-88df-a237b255860f","elementConfiguration":{"binding":"{{IfElse(Equals(Form.LegalStatement.Statement, \"Confidential between PA and intended recipient (specify)\"), StringJoin(Form.LegalStatement.FooterText, \" \", Form.Recipient), Form.LegalStatement.FooterText)}}","type":"text","disableUpdates":false}},{"type":"shape","id":"4637c502-9277-44cf-9acc-451f086c11cd","elementConfiguration":{"binding":"{{IfElse(Equals(Form.LegalStatement.Statement, \"Confidential between PA and intended recipient (specify)\"), StringJoin(Form.LegalStatement.FooterText, \" \", Form.Recipient), Form.LegalStatement.FooterText)}}","type":"text","disableUpdates":false}},{"type":"shape","id":"8a7fe8e8-2679-4a58-921b-bb07151f8b6d","elementConfiguration":{"binding":"{{IfElse(Equals(Form.LegalStatement.Statement, \"Confidential between PA and intended recipient (specify)\"), StringJoin(Form.LegalStatement.FooterText, \" \", Form.Recipient), Form.LegalStatement.FooterText)}}","type":"text","disableUpdates":false}},{"type":"shape","id":"5312ccd1-8416-4684-b9f0-d6e349f3d2f7","elementConfiguration":{"binding":"{{IfElse(Equals(Form.LegalStatement.Statement, \"Confidential between PA and intended recipient (specify)\"), StringJoin(Form.LegalStatement.FooterText, \" \", Form.Recipient), Form.LegalStatement.FooterText)}}","type":"text","disableUpdates":false}},{"type":"shape","id":"4e7e0ce2-53c5-429b-854e-dd23c8ca7104","elementConfiguration":{"binding":"{{IfElse(Equals(Form.LegalStatement.Statement, \"Confidential between PA and intended recipient (specify)\"), StringJoin(Form.LegalStatement.FooterText, \" \", Form.Recipient), Form.LegalStatement.FooterText)}}","type":"text","disableUpdates":false}},{"type":"shape","id":"8fd1bd2f-ec5c-46e8-aa00-740acd93a648","elementConfiguration":{"binding":"{{IfElse(Equals(Form.LegalStatement.Statement, \"Confidential between PA and intended recipient (specify)\"), StringJoin(Form.LegalStatement.FooterText, \" \", Form.Recipient), Form.LegalStatement.FooterText)}}","type":"text","disableUpdates":false}}],"transformationConfigurations":[{"language":"{{Form.Language.Language}}","disableUpdates":false,"type":"proofingLanguage"}],"templateName":"Report/Presentation - Widescreen","templateDescription":"","enableDocumentContentUpdater":tru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Ansvarlig xmlns="a765e530-f98c-4f6e-9fbc-638707f46e5e">
      <UserInfo>
        <DisplayName/>
        <AccountId xsi:nil="true"/>
        <AccountType/>
      </UserInfo>
    </Ansvarlig>
    <TaxCatchAll xmlns="d788723c-0a58-4124-b497-41140803badd" xsi:nil="true"/>
    <_ip_UnifiedCompliancePolicyProperties xmlns="http://schemas.microsoft.com/sharepoint/v3" xsi:nil="true"/>
    <lcf76f155ced4ddcb4097134ff3c332f xmlns="a765e530-f98c-4f6e-9fbc-638707f46e5e">
      <Terms xmlns="http://schemas.microsoft.com/office/infopath/2007/PartnerControls"/>
    </lcf76f155ced4ddcb4097134ff3c332f>
  </documentManagement>
</p:properties>
</file>

<file path=customXml/item5.xml><?xml version="1.0" encoding="utf-8"?>
<TemplafyFormConfiguration><![CDATA[{"formFields":[{"distinct":false,"hideIfNoUserInteractionRequired":false,"required":true,"defaultValue":"English (United Kingdom) (en-GB)","autoSelectFirstOption":false,"shareValue":true,"type":"dropDown","dataSourceName":"Languages","dataSourceFieldName":"Name","name":"Language","label":"Language"},{"distinct":false,"hideIfNoUserInteractionRequired":false,"required":true,"defaultValue":"Corporate HQ - 10 Bressenden","autoSelectFirstOption":false,"shareValue":true,"type":"dropDown","dataSourceName":"PA_Offices","dataSourceFieldName":"Name","name":"Office","label":"Office"},{"required":false,"placeholder":"","lines":2,"defaultValue":"Only add if Office is 'Custom'","shareValue":true,"type":"textBox","name":"CustomOffice","label":"Custom Office"},{"distinct":false,"hideIfNoUserInteractionRequired":false,"required":true,"defaultValue":"PA Confidential – Internal use only","autoSelectFirstOption":false,"shareValue":true,"type":"dropDown","dataSourceName":"PA_LegalStatements","dataSourceFieldName":"Statement","name":"LegalStatement","label":"Legal Statement"},{"required":false,"placeholder":"","lines":2,"defaultValue":"Only add if Legal Statement is ‘Confidential between PA and intended recipient’","shareValue":false,"type":"textBox","name":"Recipient","label":"Recipient"},{"distinct":false,"hideIfNoUserInteractionRequired":false,"required":true,"defaultValue":"Statements for internal documents","autoSelectFirstOption":false,"shareValue":true,"type":"dropDown","dataSourceName":"PA_Disclaimers","dataSourceFieldName":"FormName","name":"Disclaimer","label":"Disclaimer"},{"defaultValue":{"fixedValue":true},"shareValue":true,"type":"checkBox","name":"BrandText","label":"Back Page: Show brand text"}],"formDataEntries":[{"name":"Language","value":"D0K60Q9a1BMbgL+W41PYfIkMQPopOQCjv0xLpPiw7R0="},{"name":"Office","value":"xUB+U4iBeOWuqYMxeJRppfZfr0bmOckhxx9C/1nEncY="},{"name":"CustomOffice","value":"T3BypgvIsiGOwisDxHxrlDo6CsAqjvjpKSbXX7oznac="},{"name":"LegalStatement","value":"hL4EeW1jcFJjNKlAkSz+3fjclbIEbk2sVrUzNWd2gf0="},{"name":"Recipient","value":"7Y4hmhua3z+YHq5IsrFAX8BPzYs0OabW5veJ9wD3PGuDWLq2FojsoLWKxrS5f5PvWJqHfebBjyFYtRnDdk2ibyitok7MG/L9H3VQrZWxsPU="},{"name":"Disclaimer","value":"PgCiGM7N7Ems258OBwebw1jhsbYLVTgpi5VylVhG+sk="},{"name":"BrandText","value":"ZIFXoaIuuIq1bRnHha+Jrw=="}]}]]></TemplafyFormConfiguration>
</file>

<file path=customXml/item6.xml><?xml version="1.0" encoding="utf-8"?>
<TemplafySlideFormConfiguration><![CDATA[{"formFields":[],"formDataEntries":[]}]]></TemplafySlideFormConfiguration>
</file>

<file path=customXml/item7.xml><?xml version="1.0" encoding="utf-8"?>
<TemplafySlideTemplateConfiguration><![CDATA[{"slideVersion":4,"isValidatorEnabled":false,"isLocked":false,"elementsMetadata":[],"slideId":"638156853291708197","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4,"isValidatorEnabled":false,"isLocked":false,"elementsMetadata":[],"slideId":"638022066618717337","enableDocumentContentUpdater":false,"version":"2.0"}]]></TemplafySlideTemplateConfiguration>
</file>

<file path=customXml/itemProps1.xml><?xml version="1.0" encoding="utf-8"?>
<ds:datastoreItem xmlns:ds="http://schemas.openxmlformats.org/officeDocument/2006/customXml" ds:itemID="{62DE9974-8D34-4E61-B14B-0E5A812D53DA}">
  <ds:schemaRefs>
    <ds:schemaRef ds:uri="http://schemas.microsoft.com/sharepoint/v3/contenttype/forms"/>
  </ds:schemaRefs>
</ds:datastoreItem>
</file>

<file path=customXml/itemProps2.xml><?xml version="1.0" encoding="utf-8"?>
<ds:datastoreItem xmlns:ds="http://schemas.openxmlformats.org/officeDocument/2006/customXml" ds:itemID="{95190954-8F76-44CB-AD3E-0977ED7D11A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765e530-f98c-4f6e-9fbc-638707f46e5e"/>
    <ds:schemaRef ds:uri="d788723c-0a58-4124-b497-41140803bad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E25464F9-9604-4FB1-ABBC-CCDD57267CB2}">
  <ds:schemaRefs/>
</ds:datastoreItem>
</file>

<file path=customXml/itemProps4.xml><?xml version="1.0" encoding="utf-8"?>
<ds:datastoreItem xmlns:ds="http://schemas.openxmlformats.org/officeDocument/2006/customXml" ds:itemID="{32F37764-A1A5-4629-9F55-4E89710990AD}">
  <ds:schemaRefs>
    <ds:schemaRef ds:uri="http://purl.org/dc/dcmitype/"/>
    <ds:schemaRef ds:uri="d788723c-0a58-4124-b497-41140803badd"/>
    <ds:schemaRef ds:uri="http://schemas.microsoft.com/office/2006/documentManagement/types"/>
    <ds:schemaRef ds:uri="http://purl.org/dc/elements/1.1/"/>
    <ds:schemaRef ds:uri="http://www.w3.org/XML/1998/namespace"/>
    <ds:schemaRef ds:uri="http://schemas.microsoft.com/office/infopath/2007/PartnerControls"/>
    <ds:schemaRef ds:uri="http://schemas.microsoft.com/sharepoint/v3"/>
    <ds:schemaRef ds:uri="http://purl.org/dc/terms/"/>
    <ds:schemaRef ds:uri="http://schemas.microsoft.com/office/2006/metadata/properties"/>
    <ds:schemaRef ds:uri="http://schemas.openxmlformats.org/package/2006/metadata/core-properties"/>
    <ds:schemaRef ds:uri="a765e530-f98c-4f6e-9fbc-638707f46e5e"/>
  </ds:schemaRefs>
</ds:datastoreItem>
</file>

<file path=customXml/itemProps5.xml><?xml version="1.0" encoding="utf-8"?>
<ds:datastoreItem xmlns:ds="http://schemas.openxmlformats.org/officeDocument/2006/customXml" ds:itemID="{99AF617B-304E-4ADF-A13C-74A8CA5397AB}">
  <ds:schemaRefs/>
</ds:datastoreItem>
</file>

<file path=customXml/itemProps6.xml><?xml version="1.0" encoding="utf-8"?>
<ds:datastoreItem xmlns:ds="http://schemas.openxmlformats.org/officeDocument/2006/customXml" ds:itemID="{8E1739DA-A7E1-4647-BB5F-1D5298B13F36}">
  <ds:schemaRefs/>
</ds:datastoreItem>
</file>

<file path=customXml/itemProps7.xml><?xml version="1.0" encoding="utf-8"?>
<ds:datastoreItem xmlns:ds="http://schemas.openxmlformats.org/officeDocument/2006/customXml" ds:itemID="{6927B016-AD11-4F5E-8ABC-3EDA62F9F37B}">
  <ds:schemaRefs/>
</ds:datastoreItem>
</file>

<file path=customXml/itemProps8.xml><?xml version="1.0" encoding="utf-8"?>
<ds:datastoreItem xmlns:ds="http://schemas.openxmlformats.org/officeDocument/2006/customXml" ds:itemID="{77BB3CBC-C6DC-4C93-B3FF-E67AB6E08023}">
  <ds:schemaRefs/>
</ds:datastoreItem>
</file>

<file path=customXml/itemProps9.xml><?xml version="1.0" encoding="utf-8"?>
<ds:datastoreItem xmlns:ds="http://schemas.openxmlformats.org/officeDocument/2006/customXml" ds:itemID="{94C9D9FB-5DBC-475A-B791-47D9EB117003}">
  <ds:schemaRefs/>
</ds:datastoreItem>
</file>

<file path=docProps/app.xml><?xml version="1.0" encoding="utf-8"?>
<Properties xmlns="http://schemas.openxmlformats.org/officeDocument/2006/extended-properties" xmlns:vt="http://schemas.openxmlformats.org/officeDocument/2006/docPropsVTypes">
  <TotalTime>6015</TotalTime>
  <Words>24253</Words>
  <Application>Microsoft Office PowerPoint</Application>
  <PresentationFormat>Custom</PresentationFormat>
  <Paragraphs>2301</Paragraphs>
  <Slides>49</Slides>
  <Notes>41</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49</vt:i4>
      </vt:variant>
    </vt:vector>
  </HeadingPairs>
  <TitlesOfParts>
    <vt:vector size="55" baseType="lpstr">
      <vt:lpstr>Arial</vt:lpstr>
      <vt:lpstr>Calibri</vt:lpstr>
      <vt:lpstr>Helvetica Neue</vt:lpstr>
      <vt:lpstr>KBH Tekst</vt:lpstr>
      <vt:lpstr>Wingdings</vt:lpstr>
      <vt:lpstr>PA Consulting (New VI)</vt:lpstr>
      <vt:lpstr>Cases på digital suverænitet</vt:lpstr>
      <vt:lpstr>Introduktion til casekataloget</vt:lpstr>
      <vt:lpstr>Vi har identificeret 15 cases, som kan give inspiration til de danske myndigheder </vt:lpstr>
      <vt:lpstr>Side 1/3 | Sammenfatning af casen</vt:lpstr>
      <vt:lpstr>Side 2/3 | Formål, baggrund og kontekst</vt:lpstr>
      <vt:lpstr>Side 3/3 | Teknologisk og organisatorisk transformation</vt:lpstr>
      <vt:lpstr>Side 1/3 | Sammenfatning af casen</vt:lpstr>
      <vt:lpstr>Side 2/3 | Formål, baggrund og kontekst</vt:lpstr>
      <vt:lpstr>Side 3/3 | Teknologisk og organisatorisk transformation</vt:lpstr>
      <vt:lpstr>Side 1/3 | Sammenfatning af casen</vt:lpstr>
      <vt:lpstr>Side 2/3 | Formål, baggrund og kontekst</vt:lpstr>
      <vt:lpstr>Side 3/3 | Teknologisk og organisatorisk transformation</vt:lpstr>
      <vt:lpstr>Side 1/3 | Sammenfatning af casen</vt:lpstr>
      <vt:lpstr>Side 2/3 | Formål, baggrund og kontekst</vt:lpstr>
      <vt:lpstr>Side 3/3 | Teknologisk og organisatorisk transformation</vt:lpstr>
      <vt:lpstr>Side 1/3 | Sammenfatning af casen</vt:lpstr>
      <vt:lpstr>Side 2/3 | Formål, baggrund og kontekst</vt:lpstr>
      <vt:lpstr>Side 3/3 | Teknologisk og organisatorisk transformation</vt:lpstr>
      <vt:lpstr>Side 1/3 | Sammenfatning af casen</vt:lpstr>
      <vt:lpstr>Side 2/3 | Formål, baggrund og kontekst</vt:lpstr>
      <vt:lpstr>Side 3/3 | Teknologisk og organisatorisk transformation</vt:lpstr>
      <vt:lpstr>Side 1/3 | Sammenfatning af casen</vt:lpstr>
      <vt:lpstr>Side 2/3 | Formål, baggrund og kontekst</vt:lpstr>
      <vt:lpstr>Side 3/3 | Teknologisk og organisatorisk transformation</vt:lpstr>
      <vt:lpstr>Side 1/3 | Sammenfatning af casen</vt:lpstr>
      <vt:lpstr>Side 2/3 | Formål , baggrund og kontekst</vt:lpstr>
      <vt:lpstr>Side 3/3 | Teknologisk og organisatorisk transformation</vt:lpstr>
      <vt:lpstr>Side 1/3 | Sammenfatning af casen</vt:lpstr>
      <vt:lpstr>Side 2/3 | Formål , baggrund og kontekst</vt:lpstr>
      <vt:lpstr>Side 3/3 | Teknologisk og organisatorisk transformation</vt:lpstr>
      <vt:lpstr>Side 1/3 | Sammenfatning af casen</vt:lpstr>
      <vt:lpstr>Side 2/3 | Formål, baggrund og kontekst</vt:lpstr>
      <vt:lpstr>Side 3/3 | Teknologisk og organisatorisk transformation</vt:lpstr>
      <vt:lpstr>Side 1/3 | Sammenfatning af casen</vt:lpstr>
      <vt:lpstr>Side 2/3 | Formål, baggrund og kontekst</vt:lpstr>
      <vt:lpstr>Side 3/3 | Teknologisk og organisatorisk transformation</vt:lpstr>
      <vt:lpstr>Side 1/3 | Sammenfatning af casen</vt:lpstr>
      <vt:lpstr>Side 2/3 | Formål, baggrund og kontekst</vt:lpstr>
      <vt:lpstr>Side 3/3 | Teknologisk og organisatorisk transformation</vt:lpstr>
      <vt:lpstr>Side 1/3 | Sammenfatning af casen</vt:lpstr>
      <vt:lpstr>Side 2/3 | Formål, baggrund og kontekst</vt:lpstr>
      <vt:lpstr>Side 3/3 | Teknologisk og organisatorisk transformation</vt:lpstr>
      <vt:lpstr>Side 1/3 | Sammenfatning af casen</vt:lpstr>
      <vt:lpstr>Side 2/3 | Formål, baggrund og kontekst</vt:lpstr>
      <vt:lpstr>Side 3/3 | Teknologisk og organisatorisk transformation</vt:lpstr>
      <vt:lpstr>Side 1/3 | Sammenfatning af casen</vt:lpstr>
      <vt:lpstr>Side 2/3 | Formål, baggrund og kontekst</vt:lpstr>
      <vt:lpstr>Side 3/3 | Teknologisk og organisatorisk transformation</vt:lpstr>
      <vt:lpstr>.Afsluttende dia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sekatalog Digital Suverænitet</dc:title>
  <dc:creator>Rasmus Korch</dc:creator>
  <cp:lastModifiedBy>Theis Ziegler</cp:lastModifiedBy>
  <cp:revision>1</cp:revision>
  <dcterms:created xsi:type="dcterms:W3CDTF">2025-10-14T13:14:19Z</dcterms:created>
  <dcterms:modified xsi:type="dcterms:W3CDTF">2026-03-26T12:27: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gID">
    <vt:lpwstr>ENUK</vt:lpwstr>
  </property>
  <property fmtid="{D5CDD505-2E9C-101B-9397-08002B2CF9AE}" pid="3" name="PresTool">
    <vt:lpwstr>no</vt:lpwstr>
  </property>
  <property fmtid="{D5CDD505-2E9C-101B-9397-08002B2CF9AE}" pid="4" name="PresToolSplit">
    <vt:lpwstr>yes</vt:lpwstr>
  </property>
  <property fmtid="{D5CDD505-2E9C-101B-9397-08002B2CF9AE}" pid="5" name="Deck">
    <vt:lpwstr>C:\ProgramData\PA Apps\SPARK\PowerPoint\Decks\PA Report (UK English - Widescreen) [WS-ENUK].pptx</vt:lpwstr>
  </property>
  <property fmtid="{D5CDD505-2E9C-101B-9397-08002B2CF9AE}" pid="6" name="TempDeck">
    <vt:lpwstr>false</vt:lpwstr>
  </property>
  <property fmtid="{D5CDD505-2E9C-101B-9397-08002B2CF9AE}" pid="7" name="MS Version">
    <vt:lpwstr>1.0.6</vt:lpwstr>
  </property>
  <property fmtid="{D5CDD505-2E9C-101B-9397-08002B2CF9AE}" pid="8" name="TemplafyTimeStamp">
    <vt:lpwstr>2025-05-13T09:21:30</vt:lpwstr>
  </property>
  <property fmtid="{D5CDD505-2E9C-101B-9397-08002B2CF9AE}" pid="9" name="TemplafyTenantId">
    <vt:lpwstr>paconsulting</vt:lpwstr>
  </property>
  <property fmtid="{D5CDD505-2E9C-101B-9397-08002B2CF9AE}" pid="10" name="TemplafyTemplateId">
    <vt:lpwstr>638022066610017906</vt:lpwstr>
  </property>
  <property fmtid="{D5CDD505-2E9C-101B-9397-08002B2CF9AE}" pid="11" name="TemplafyUserProfileId">
    <vt:lpwstr>1246968679047888904</vt:lpwstr>
  </property>
  <property fmtid="{D5CDD505-2E9C-101B-9397-08002B2CF9AE}" pid="12" name="TemplafyFromBlank">
    <vt:bool>false</vt:bool>
  </property>
  <property fmtid="{D5CDD505-2E9C-101B-9397-08002B2CF9AE}" pid="13" name="ContentTypeId">
    <vt:lpwstr>0x01010092BFB6089E2FCF44B60FEA1CD128FE00</vt:lpwstr>
  </property>
  <property fmtid="{D5CDD505-2E9C-101B-9397-08002B2CF9AE}" pid="14" name="MediaServiceImageTags">
    <vt:lpwstr/>
  </property>
</Properties>
</file>